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
    </mc:Choice>
  </mc:AlternateContent>
  <bookViews>
    <workbookView xWindow="1500" yWindow="1500" windowWidth="20685" windowHeight="12180"/>
  </bookViews>
  <sheets>
    <sheet name="病院" sheetId="1" r:id="rId1"/>
  </sheets>
  <definedNames>
    <definedName name="_xlnm.Print_Area" localSheetId="0">病院!$A$1:$S$722</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729" i="1" l="1"/>
  <c r="J729" i="1"/>
  <c r="K728" i="1"/>
  <c r="J728" i="1"/>
  <c r="K727" i="1"/>
  <c r="J727" i="1"/>
  <c r="K726" i="1"/>
  <c r="J726" i="1"/>
  <c r="BS725" i="1"/>
  <c r="BR725" i="1"/>
  <c r="BQ725" i="1"/>
  <c r="BP725" i="1"/>
  <c r="BO725" i="1"/>
  <c r="BN725" i="1"/>
  <c r="BM725" i="1"/>
  <c r="BL725" i="1"/>
  <c r="BK725" i="1"/>
  <c r="BJ725" i="1"/>
  <c r="BI725" i="1"/>
  <c r="BH725" i="1"/>
  <c r="BG725" i="1"/>
  <c r="BF725" i="1"/>
  <c r="BE725" i="1"/>
  <c r="BD725" i="1"/>
  <c r="BC725" i="1"/>
  <c r="BB725" i="1"/>
  <c r="BA725" i="1"/>
  <c r="AZ725" i="1"/>
  <c r="AY725" i="1"/>
  <c r="AX725" i="1"/>
  <c r="AW725" i="1"/>
  <c r="AV725" i="1"/>
  <c r="AU725" i="1"/>
  <c r="AT725" i="1"/>
  <c r="AS725" i="1"/>
  <c r="AR725" i="1"/>
  <c r="AQ725" i="1"/>
  <c r="AP725" i="1"/>
  <c r="AO725" i="1"/>
  <c r="AN725" i="1"/>
  <c r="AM725" i="1"/>
  <c r="AL725" i="1"/>
  <c r="AK725" i="1"/>
  <c r="AJ725" i="1"/>
  <c r="AI725" i="1"/>
  <c r="AH725" i="1"/>
  <c r="AG725" i="1"/>
  <c r="AF725" i="1"/>
  <c r="AE725" i="1"/>
  <c r="AD725" i="1"/>
  <c r="AC725" i="1"/>
  <c r="AB725" i="1"/>
  <c r="AA725" i="1"/>
  <c r="Z725" i="1"/>
  <c r="Y725" i="1"/>
  <c r="X725" i="1"/>
  <c r="W725" i="1"/>
  <c r="V725" i="1"/>
  <c r="U725" i="1"/>
  <c r="T725" i="1"/>
  <c r="S725" i="1"/>
  <c r="R725" i="1"/>
  <c r="Q725" i="1"/>
  <c r="P725" i="1"/>
  <c r="O725" i="1"/>
  <c r="N725" i="1"/>
  <c r="M725" i="1"/>
  <c r="L725" i="1"/>
  <c r="BS724" i="1"/>
  <c r="BR724" i="1"/>
  <c r="BQ724" i="1"/>
  <c r="BP724" i="1"/>
  <c r="BO724" i="1"/>
  <c r="BN724" i="1"/>
  <c r="BM724" i="1"/>
  <c r="BL724" i="1"/>
  <c r="BK724" i="1"/>
  <c r="BJ724" i="1"/>
  <c r="BI724" i="1"/>
  <c r="BH724" i="1"/>
  <c r="BG724" i="1"/>
  <c r="BF724" i="1"/>
  <c r="BE724" i="1"/>
  <c r="BD724" i="1"/>
  <c r="BC724" i="1"/>
  <c r="BB724" i="1"/>
  <c r="BA724" i="1"/>
  <c r="AZ724" i="1"/>
  <c r="AY724" i="1"/>
  <c r="AX724" i="1"/>
  <c r="AW724" i="1"/>
  <c r="AV724" i="1"/>
  <c r="AU724" i="1"/>
  <c r="AT724" i="1"/>
  <c r="AS724" i="1"/>
  <c r="AR724" i="1"/>
  <c r="AQ724" i="1"/>
  <c r="AP724" i="1"/>
  <c r="AO724" i="1"/>
  <c r="AN724" i="1"/>
  <c r="AM724" i="1"/>
  <c r="AL724" i="1"/>
  <c r="AK724" i="1"/>
  <c r="AJ724" i="1"/>
  <c r="AI724" i="1"/>
  <c r="AH724" i="1"/>
  <c r="AG724" i="1"/>
  <c r="AF724" i="1"/>
  <c r="AE724" i="1"/>
  <c r="AD724" i="1"/>
  <c r="AC724" i="1"/>
  <c r="AB724" i="1"/>
  <c r="AA724" i="1"/>
  <c r="Z724" i="1"/>
  <c r="Y724" i="1"/>
  <c r="X724" i="1"/>
  <c r="W724" i="1"/>
  <c r="V724" i="1"/>
  <c r="U724" i="1"/>
  <c r="T724" i="1"/>
  <c r="S724" i="1"/>
  <c r="R724" i="1"/>
  <c r="Q724" i="1"/>
  <c r="P724" i="1"/>
  <c r="O724" i="1"/>
  <c r="N724" i="1"/>
  <c r="M724" i="1"/>
  <c r="L724" i="1"/>
  <c r="K717" i="1"/>
  <c r="J717" i="1"/>
  <c r="K716" i="1"/>
  <c r="J716" i="1"/>
  <c r="K715" i="1"/>
  <c r="J715" i="1"/>
  <c r="K714" i="1"/>
  <c r="J714" i="1"/>
  <c r="BS713" i="1"/>
  <c r="BR713" i="1"/>
  <c r="BQ713" i="1"/>
  <c r="BP713" i="1"/>
  <c r="BO713" i="1"/>
  <c r="BN713" i="1"/>
  <c r="BM713" i="1"/>
  <c r="BL713" i="1"/>
  <c r="BK713" i="1"/>
  <c r="BJ713" i="1"/>
  <c r="BI713" i="1"/>
  <c r="BH713" i="1"/>
  <c r="BG713" i="1"/>
  <c r="BF713" i="1"/>
  <c r="BE713" i="1"/>
  <c r="BD713" i="1"/>
  <c r="BC713" i="1"/>
  <c r="BB713" i="1"/>
  <c r="BA713" i="1"/>
  <c r="AZ713" i="1"/>
  <c r="AY713" i="1"/>
  <c r="AX713" i="1"/>
  <c r="AW713" i="1"/>
  <c r="AV713" i="1"/>
  <c r="AU713" i="1"/>
  <c r="AT713" i="1"/>
  <c r="AS713" i="1"/>
  <c r="AR713" i="1"/>
  <c r="AQ713" i="1"/>
  <c r="AP713" i="1"/>
  <c r="AO713" i="1"/>
  <c r="AN713" i="1"/>
  <c r="AM713" i="1"/>
  <c r="AL713" i="1"/>
  <c r="AK713" i="1"/>
  <c r="AJ713" i="1"/>
  <c r="AI713" i="1"/>
  <c r="AH713" i="1"/>
  <c r="AG713" i="1"/>
  <c r="AF713" i="1"/>
  <c r="AE713" i="1"/>
  <c r="AD713" i="1"/>
  <c r="AC713" i="1"/>
  <c r="AB713" i="1"/>
  <c r="AA713" i="1"/>
  <c r="Z713" i="1"/>
  <c r="Y713" i="1"/>
  <c r="X713" i="1"/>
  <c r="W713" i="1"/>
  <c r="V713" i="1"/>
  <c r="U713" i="1"/>
  <c r="T713" i="1"/>
  <c r="S713" i="1"/>
  <c r="R713" i="1"/>
  <c r="Q713" i="1"/>
  <c r="P713" i="1"/>
  <c r="O713" i="1"/>
  <c r="N713" i="1"/>
  <c r="M713" i="1"/>
  <c r="L713" i="1"/>
  <c r="BS712" i="1"/>
  <c r="BR712" i="1"/>
  <c r="BQ712" i="1"/>
  <c r="BP712" i="1"/>
  <c r="BO712" i="1"/>
  <c r="BN712" i="1"/>
  <c r="BM712" i="1"/>
  <c r="BL712" i="1"/>
  <c r="BK712" i="1"/>
  <c r="BJ712" i="1"/>
  <c r="BI712" i="1"/>
  <c r="BH712" i="1"/>
  <c r="BG712" i="1"/>
  <c r="BF712" i="1"/>
  <c r="BE712" i="1"/>
  <c r="BD712" i="1"/>
  <c r="BC712" i="1"/>
  <c r="BB712" i="1"/>
  <c r="BA712" i="1"/>
  <c r="AZ712" i="1"/>
  <c r="AY712" i="1"/>
  <c r="AX712" i="1"/>
  <c r="AW712" i="1"/>
  <c r="AV712" i="1"/>
  <c r="AU712" i="1"/>
  <c r="AT712" i="1"/>
  <c r="AS712" i="1"/>
  <c r="AR712" i="1"/>
  <c r="AQ712" i="1"/>
  <c r="AP712" i="1"/>
  <c r="AO712" i="1"/>
  <c r="AN712" i="1"/>
  <c r="AM712" i="1"/>
  <c r="AL712" i="1"/>
  <c r="AK712" i="1"/>
  <c r="AJ712" i="1"/>
  <c r="AI712" i="1"/>
  <c r="AH712" i="1"/>
  <c r="AG712" i="1"/>
  <c r="AF712" i="1"/>
  <c r="AE712" i="1"/>
  <c r="AD712" i="1"/>
  <c r="AC712" i="1"/>
  <c r="AB712" i="1"/>
  <c r="AA712" i="1"/>
  <c r="Z712" i="1"/>
  <c r="Y712" i="1"/>
  <c r="X712" i="1"/>
  <c r="W712" i="1"/>
  <c r="V712" i="1"/>
  <c r="U712" i="1"/>
  <c r="T712" i="1"/>
  <c r="S712" i="1"/>
  <c r="R712" i="1"/>
  <c r="Q712" i="1"/>
  <c r="P712" i="1"/>
  <c r="O712" i="1"/>
  <c r="N712" i="1"/>
  <c r="M712" i="1"/>
  <c r="L712" i="1"/>
  <c r="K706" i="1"/>
  <c r="J706" i="1"/>
  <c r="K705" i="1"/>
  <c r="J705" i="1"/>
  <c r="K704" i="1"/>
  <c r="J704" i="1"/>
  <c r="BS703" i="1"/>
  <c r="BR703" i="1"/>
  <c r="BQ703" i="1"/>
  <c r="BP703" i="1"/>
  <c r="BO703" i="1"/>
  <c r="BN703" i="1"/>
  <c r="BM703" i="1"/>
  <c r="BL703" i="1"/>
  <c r="BK703" i="1"/>
  <c r="BJ703" i="1"/>
  <c r="BI703" i="1"/>
  <c r="BH703" i="1"/>
  <c r="BG703" i="1"/>
  <c r="BF703" i="1"/>
  <c r="BE703" i="1"/>
  <c r="BD703" i="1"/>
  <c r="BC703" i="1"/>
  <c r="BB703" i="1"/>
  <c r="BA703" i="1"/>
  <c r="AZ703" i="1"/>
  <c r="AY703" i="1"/>
  <c r="AX703" i="1"/>
  <c r="AW703" i="1"/>
  <c r="AV703" i="1"/>
  <c r="AU703" i="1"/>
  <c r="AT703" i="1"/>
  <c r="AS703" i="1"/>
  <c r="AR703" i="1"/>
  <c r="AQ703" i="1"/>
  <c r="AP703" i="1"/>
  <c r="AO703" i="1"/>
  <c r="AN703" i="1"/>
  <c r="AM703" i="1"/>
  <c r="AL703" i="1"/>
  <c r="AK703" i="1"/>
  <c r="AJ703" i="1"/>
  <c r="AI703" i="1"/>
  <c r="AH703" i="1"/>
  <c r="AG703" i="1"/>
  <c r="AF703" i="1"/>
  <c r="AE703" i="1"/>
  <c r="AD703" i="1"/>
  <c r="AC703" i="1"/>
  <c r="AB703" i="1"/>
  <c r="AA703" i="1"/>
  <c r="Z703" i="1"/>
  <c r="Y703" i="1"/>
  <c r="X703" i="1"/>
  <c r="W703" i="1"/>
  <c r="V703" i="1"/>
  <c r="U703" i="1"/>
  <c r="T703" i="1"/>
  <c r="S703" i="1"/>
  <c r="R703" i="1"/>
  <c r="Q703" i="1"/>
  <c r="P703" i="1"/>
  <c r="O703" i="1"/>
  <c r="N703" i="1"/>
  <c r="M703" i="1"/>
  <c r="L703" i="1"/>
  <c r="BS702" i="1"/>
  <c r="BR702" i="1"/>
  <c r="BQ702" i="1"/>
  <c r="BP702" i="1"/>
  <c r="BO702" i="1"/>
  <c r="BN702" i="1"/>
  <c r="BM702" i="1"/>
  <c r="BL702" i="1"/>
  <c r="BK702" i="1"/>
  <c r="BJ702" i="1"/>
  <c r="BI702" i="1"/>
  <c r="BH702" i="1"/>
  <c r="BG702" i="1"/>
  <c r="BF702" i="1"/>
  <c r="BE702" i="1"/>
  <c r="BD702" i="1"/>
  <c r="BC702" i="1"/>
  <c r="BB702" i="1"/>
  <c r="BA702" i="1"/>
  <c r="AZ702" i="1"/>
  <c r="AY702" i="1"/>
  <c r="AX702" i="1"/>
  <c r="AW702" i="1"/>
  <c r="AV702" i="1"/>
  <c r="AU702" i="1"/>
  <c r="AT702" i="1"/>
  <c r="AS702" i="1"/>
  <c r="AR702" i="1"/>
  <c r="AQ702" i="1"/>
  <c r="AP702" i="1"/>
  <c r="AO702" i="1"/>
  <c r="AN702" i="1"/>
  <c r="AM702" i="1"/>
  <c r="AL702" i="1"/>
  <c r="AK702" i="1"/>
  <c r="AJ702" i="1"/>
  <c r="AI702" i="1"/>
  <c r="AH702" i="1"/>
  <c r="AG702" i="1"/>
  <c r="AF702" i="1"/>
  <c r="AE702" i="1"/>
  <c r="AD702" i="1"/>
  <c r="AC702" i="1"/>
  <c r="AB702" i="1"/>
  <c r="AA702" i="1"/>
  <c r="Z702" i="1"/>
  <c r="Y702" i="1"/>
  <c r="X702" i="1"/>
  <c r="W702" i="1"/>
  <c r="V702" i="1"/>
  <c r="U702" i="1"/>
  <c r="T702" i="1"/>
  <c r="S702" i="1"/>
  <c r="R702" i="1"/>
  <c r="Q702" i="1"/>
  <c r="P702" i="1"/>
  <c r="O702" i="1"/>
  <c r="N702" i="1"/>
  <c r="M702" i="1"/>
  <c r="L702" i="1"/>
  <c r="BS676" i="1"/>
  <c r="BR676" i="1"/>
  <c r="BQ676" i="1"/>
  <c r="BP676" i="1"/>
  <c r="BO676" i="1"/>
  <c r="BN676" i="1"/>
  <c r="BM676" i="1"/>
  <c r="BL676" i="1"/>
  <c r="BK676" i="1"/>
  <c r="BJ676" i="1"/>
  <c r="BI676" i="1"/>
  <c r="BH676" i="1"/>
  <c r="BG676" i="1"/>
  <c r="BF676" i="1"/>
  <c r="BE676" i="1"/>
  <c r="BD676" i="1"/>
  <c r="BC676" i="1"/>
  <c r="BB676" i="1"/>
  <c r="BA676" i="1"/>
  <c r="AZ676" i="1"/>
  <c r="AY676" i="1"/>
  <c r="AX676" i="1"/>
  <c r="AW676" i="1"/>
  <c r="AV676" i="1"/>
  <c r="AU676" i="1"/>
  <c r="AT676" i="1"/>
  <c r="AS676" i="1"/>
  <c r="AR676" i="1"/>
  <c r="AQ676" i="1"/>
  <c r="AP676" i="1"/>
  <c r="AO676" i="1"/>
  <c r="AN676" i="1"/>
  <c r="AM676" i="1"/>
  <c r="AL676" i="1"/>
  <c r="AK676" i="1"/>
  <c r="AJ676" i="1"/>
  <c r="AI676" i="1"/>
  <c r="AH676" i="1"/>
  <c r="AG676" i="1"/>
  <c r="AF676" i="1"/>
  <c r="AE676" i="1"/>
  <c r="AD676" i="1"/>
  <c r="AC676" i="1"/>
  <c r="AB676" i="1"/>
  <c r="AA676" i="1"/>
  <c r="Z676" i="1"/>
  <c r="Y676" i="1"/>
  <c r="X676" i="1"/>
  <c r="W676" i="1"/>
  <c r="V676" i="1"/>
  <c r="U676" i="1"/>
  <c r="T676" i="1"/>
  <c r="S676" i="1"/>
  <c r="R676" i="1"/>
  <c r="Q676" i="1"/>
  <c r="P676" i="1"/>
  <c r="O676" i="1"/>
  <c r="N676" i="1"/>
  <c r="M676" i="1"/>
  <c r="L676" i="1"/>
  <c r="BS675" i="1"/>
  <c r="BR675" i="1"/>
  <c r="BQ675" i="1"/>
  <c r="BP675" i="1"/>
  <c r="BO675" i="1"/>
  <c r="BN675" i="1"/>
  <c r="BM675" i="1"/>
  <c r="BL675" i="1"/>
  <c r="BK675" i="1"/>
  <c r="BJ675" i="1"/>
  <c r="BI675" i="1"/>
  <c r="BH675" i="1"/>
  <c r="BG675" i="1"/>
  <c r="BF675" i="1"/>
  <c r="BE675" i="1"/>
  <c r="BD675" i="1"/>
  <c r="BC675" i="1"/>
  <c r="BB675" i="1"/>
  <c r="BA675" i="1"/>
  <c r="AZ675" i="1"/>
  <c r="AY675" i="1"/>
  <c r="AX675" i="1"/>
  <c r="AW675" i="1"/>
  <c r="AV675" i="1"/>
  <c r="AU675" i="1"/>
  <c r="AT675" i="1"/>
  <c r="AS675" i="1"/>
  <c r="AR675" i="1"/>
  <c r="AQ675" i="1"/>
  <c r="AP675" i="1"/>
  <c r="AO675" i="1"/>
  <c r="AN675" i="1"/>
  <c r="AM675" i="1"/>
  <c r="AL675" i="1"/>
  <c r="AK675" i="1"/>
  <c r="AJ675" i="1"/>
  <c r="AI675" i="1"/>
  <c r="AH675" i="1"/>
  <c r="AG675" i="1"/>
  <c r="AF675" i="1"/>
  <c r="AE675" i="1"/>
  <c r="AD675" i="1"/>
  <c r="AC675" i="1"/>
  <c r="AB675" i="1"/>
  <c r="AA675" i="1"/>
  <c r="Z675" i="1"/>
  <c r="Y675" i="1"/>
  <c r="X675" i="1"/>
  <c r="W675" i="1"/>
  <c r="V675" i="1"/>
  <c r="U675" i="1"/>
  <c r="T675" i="1"/>
  <c r="S675" i="1"/>
  <c r="R675" i="1"/>
  <c r="Q675" i="1"/>
  <c r="P675" i="1"/>
  <c r="O675" i="1"/>
  <c r="N675" i="1"/>
  <c r="M675" i="1"/>
  <c r="L675" i="1"/>
  <c r="K670" i="1"/>
  <c r="J670" i="1"/>
  <c r="K669" i="1"/>
  <c r="J669" i="1"/>
  <c r="K668" i="1"/>
  <c r="J668" i="1"/>
  <c r="K667" i="1"/>
  <c r="J667" i="1"/>
  <c r="K666" i="1"/>
  <c r="J666" i="1"/>
  <c r="K665" i="1"/>
  <c r="J665" i="1"/>
  <c r="K664" i="1"/>
  <c r="J664" i="1"/>
  <c r="K663" i="1"/>
  <c r="J663" i="1"/>
  <c r="K662" i="1"/>
  <c r="J662" i="1"/>
  <c r="K661" i="1"/>
  <c r="J661" i="1"/>
  <c r="K660" i="1"/>
  <c r="J660" i="1"/>
  <c r="K659" i="1"/>
  <c r="J659" i="1"/>
  <c r="K658" i="1"/>
  <c r="J658" i="1"/>
  <c r="K657" i="1"/>
  <c r="J657" i="1"/>
  <c r="K656" i="1"/>
  <c r="J656" i="1"/>
  <c r="BS655" i="1"/>
  <c r="BR655" i="1"/>
  <c r="BQ655" i="1"/>
  <c r="BP655" i="1"/>
  <c r="BO655" i="1"/>
  <c r="BN655" i="1"/>
  <c r="BM655" i="1"/>
  <c r="BL655" i="1"/>
  <c r="BK655" i="1"/>
  <c r="BJ655" i="1"/>
  <c r="BI655" i="1"/>
  <c r="BH655" i="1"/>
  <c r="BG655" i="1"/>
  <c r="BF655" i="1"/>
  <c r="BE655" i="1"/>
  <c r="BD655" i="1"/>
  <c r="BC655" i="1"/>
  <c r="BB655" i="1"/>
  <c r="BA655" i="1"/>
  <c r="AZ655" i="1"/>
  <c r="AY655" i="1"/>
  <c r="AX655" i="1"/>
  <c r="AW655" i="1"/>
  <c r="AV655" i="1"/>
  <c r="AU655" i="1"/>
  <c r="AT655" i="1"/>
  <c r="AS655" i="1"/>
  <c r="AR655" i="1"/>
  <c r="AQ655" i="1"/>
  <c r="AP655" i="1"/>
  <c r="AO655" i="1"/>
  <c r="AN655" i="1"/>
  <c r="AM655" i="1"/>
  <c r="AL655" i="1"/>
  <c r="AK655" i="1"/>
  <c r="AJ655" i="1"/>
  <c r="AI655" i="1"/>
  <c r="AH655" i="1"/>
  <c r="AG655" i="1"/>
  <c r="AF655" i="1"/>
  <c r="AE655" i="1"/>
  <c r="AD655" i="1"/>
  <c r="AC655" i="1"/>
  <c r="AB655" i="1"/>
  <c r="AA655" i="1"/>
  <c r="Z655" i="1"/>
  <c r="Y655" i="1"/>
  <c r="X655" i="1"/>
  <c r="W655" i="1"/>
  <c r="V655" i="1"/>
  <c r="U655" i="1"/>
  <c r="T655" i="1"/>
  <c r="S655" i="1"/>
  <c r="R655" i="1"/>
  <c r="Q655" i="1"/>
  <c r="P655" i="1"/>
  <c r="O655" i="1"/>
  <c r="N655" i="1"/>
  <c r="M655" i="1"/>
  <c r="L655" i="1"/>
  <c r="BS654" i="1"/>
  <c r="BR654" i="1"/>
  <c r="BQ654" i="1"/>
  <c r="BP654" i="1"/>
  <c r="BO654" i="1"/>
  <c r="BN654" i="1"/>
  <c r="BM654" i="1"/>
  <c r="BL654" i="1"/>
  <c r="BK654" i="1"/>
  <c r="BJ654" i="1"/>
  <c r="BI654" i="1"/>
  <c r="BH654" i="1"/>
  <c r="BG654" i="1"/>
  <c r="BF654" i="1"/>
  <c r="BE654" i="1"/>
  <c r="BD654" i="1"/>
  <c r="BC654" i="1"/>
  <c r="BB654" i="1"/>
  <c r="BA654" i="1"/>
  <c r="AZ654" i="1"/>
  <c r="AY654" i="1"/>
  <c r="AX654" i="1"/>
  <c r="AW654" i="1"/>
  <c r="AV654" i="1"/>
  <c r="AU654" i="1"/>
  <c r="AT654" i="1"/>
  <c r="AS654" i="1"/>
  <c r="AR654" i="1"/>
  <c r="AQ654" i="1"/>
  <c r="AP654" i="1"/>
  <c r="AO654" i="1"/>
  <c r="AN654" i="1"/>
  <c r="AM654" i="1"/>
  <c r="AL654" i="1"/>
  <c r="AK654" i="1"/>
  <c r="AJ654" i="1"/>
  <c r="AI654" i="1"/>
  <c r="AH654" i="1"/>
  <c r="AG654" i="1"/>
  <c r="AF654" i="1"/>
  <c r="AE654" i="1"/>
  <c r="AD654" i="1"/>
  <c r="AC654" i="1"/>
  <c r="AB654" i="1"/>
  <c r="AA654" i="1"/>
  <c r="Z654" i="1"/>
  <c r="Y654" i="1"/>
  <c r="X654" i="1"/>
  <c r="W654" i="1"/>
  <c r="V654" i="1"/>
  <c r="U654" i="1"/>
  <c r="T654" i="1"/>
  <c r="S654" i="1"/>
  <c r="R654" i="1"/>
  <c r="Q654" i="1"/>
  <c r="P654" i="1"/>
  <c r="O654" i="1"/>
  <c r="N654" i="1"/>
  <c r="M654" i="1"/>
  <c r="L654" i="1"/>
  <c r="K648" i="1"/>
  <c r="J648" i="1"/>
  <c r="K647" i="1"/>
  <c r="J647" i="1"/>
  <c r="K646" i="1"/>
  <c r="J646" i="1"/>
  <c r="K645" i="1"/>
  <c r="J645" i="1"/>
  <c r="K644" i="1"/>
  <c r="J644" i="1"/>
  <c r="K643" i="1"/>
  <c r="J643" i="1"/>
  <c r="K642" i="1"/>
  <c r="J642" i="1"/>
  <c r="K641" i="1"/>
  <c r="J641" i="1"/>
  <c r="BS640" i="1"/>
  <c r="BR640" i="1"/>
  <c r="BQ640" i="1"/>
  <c r="BP640" i="1"/>
  <c r="BO640" i="1"/>
  <c r="BN640" i="1"/>
  <c r="BM640" i="1"/>
  <c r="BL640" i="1"/>
  <c r="BK640" i="1"/>
  <c r="BJ640" i="1"/>
  <c r="BI640" i="1"/>
  <c r="BH640" i="1"/>
  <c r="BG640" i="1"/>
  <c r="BF640" i="1"/>
  <c r="BE640" i="1"/>
  <c r="BD640" i="1"/>
  <c r="BC640" i="1"/>
  <c r="BB640" i="1"/>
  <c r="BA640" i="1"/>
  <c r="AZ640" i="1"/>
  <c r="AY640" i="1"/>
  <c r="AX640" i="1"/>
  <c r="AW640" i="1"/>
  <c r="AV640" i="1"/>
  <c r="AU640" i="1"/>
  <c r="AT640" i="1"/>
  <c r="AS640" i="1"/>
  <c r="AR640" i="1"/>
  <c r="AQ640" i="1"/>
  <c r="AP640" i="1"/>
  <c r="AO640" i="1"/>
  <c r="AN640" i="1"/>
  <c r="AM640" i="1"/>
  <c r="AL640" i="1"/>
  <c r="AK640" i="1"/>
  <c r="AJ640" i="1"/>
  <c r="AI640" i="1"/>
  <c r="AH640" i="1"/>
  <c r="AG640" i="1"/>
  <c r="AF640" i="1"/>
  <c r="AE640" i="1"/>
  <c r="AD640" i="1"/>
  <c r="AC640" i="1"/>
  <c r="AB640" i="1"/>
  <c r="AA640" i="1"/>
  <c r="Z640" i="1"/>
  <c r="Y640" i="1"/>
  <c r="X640" i="1"/>
  <c r="W640" i="1"/>
  <c r="V640" i="1"/>
  <c r="U640" i="1"/>
  <c r="T640" i="1"/>
  <c r="S640" i="1"/>
  <c r="R640" i="1"/>
  <c r="Q640" i="1"/>
  <c r="P640" i="1"/>
  <c r="O640" i="1"/>
  <c r="N640" i="1"/>
  <c r="M640" i="1"/>
  <c r="L640" i="1"/>
  <c r="BS639" i="1"/>
  <c r="BR639" i="1"/>
  <c r="BQ639" i="1"/>
  <c r="BP639" i="1"/>
  <c r="BO639" i="1"/>
  <c r="BN639" i="1"/>
  <c r="BM639" i="1"/>
  <c r="BL639" i="1"/>
  <c r="BK639" i="1"/>
  <c r="BJ639" i="1"/>
  <c r="BI639" i="1"/>
  <c r="BH639" i="1"/>
  <c r="BG639" i="1"/>
  <c r="BF639" i="1"/>
  <c r="BE639" i="1"/>
  <c r="BD639" i="1"/>
  <c r="BC639" i="1"/>
  <c r="BB639" i="1"/>
  <c r="BA639" i="1"/>
  <c r="AZ639" i="1"/>
  <c r="AY639" i="1"/>
  <c r="AX639" i="1"/>
  <c r="AW639" i="1"/>
  <c r="AV639" i="1"/>
  <c r="AU639" i="1"/>
  <c r="AT639" i="1"/>
  <c r="AS639" i="1"/>
  <c r="AR639" i="1"/>
  <c r="AQ639" i="1"/>
  <c r="AP639" i="1"/>
  <c r="AO639" i="1"/>
  <c r="AN639" i="1"/>
  <c r="AM639" i="1"/>
  <c r="AL639" i="1"/>
  <c r="AK639" i="1"/>
  <c r="AJ639" i="1"/>
  <c r="AI639" i="1"/>
  <c r="AH639" i="1"/>
  <c r="AG639" i="1"/>
  <c r="AF639" i="1"/>
  <c r="AE639" i="1"/>
  <c r="AD639" i="1"/>
  <c r="AC639" i="1"/>
  <c r="AB639" i="1"/>
  <c r="AA639" i="1"/>
  <c r="Z639" i="1"/>
  <c r="Y639" i="1"/>
  <c r="X639" i="1"/>
  <c r="W639" i="1"/>
  <c r="V639" i="1"/>
  <c r="U639" i="1"/>
  <c r="T639" i="1"/>
  <c r="S639" i="1"/>
  <c r="R639" i="1"/>
  <c r="Q639" i="1"/>
  <c r="P639" i="1"/>
  <c r="O639" i="1"/>
  <c r="N639" i="1"/>
  <c r="M639" i="1"/>
  <c r="L639" i="1"/>
  <c r="K633" i="1"/>
  <c r="J633" i="1"/>
  <c r="K632" i="1"/>
  <c r="J632" i="1"/>
  <c r="K631" i="1"/>
  <c r="J631" i="1"/>
  <c r="K630" i="1"/>
  <c r="J630" i="1"/>
  <c r="K629" i="1"/>
  <c r="J629" i="1"/>
  <c r="K628" i="1"/>
  <c r="J628" i="1"/>
  <c r="K627" i="1"/>
  <c r="J627" i="1"/>
  <c r="K626" i="1"/>
  <c r="J626" i="1"/>
  <c r="K625" i="1"/>
  <c r="J625" i="1"/>
  <c r="K624" i="1"/>
  <c r="J624" i="1"/>
  <c r="K623" i="1"/>
  <c r="J623" i="1"/>
  <c r="K622" i="1"/>
  <c r="J622" i="1"/>
  <c r="BS621" i="1"/>
  <c r="BR621" i="1"/>
  <c r="BQ621" i="1"/>
  <c r="BP621" i="1"/>
  <c r="BO621" i="1"/>
  <c r="BN621" i="1"/>
  <c r="BM621" i="1"/>
  <c r="BL621" i="1"/>
  <c r="BK621" i="1"/>
  <c r="BJ621" i="1"/>
  <c r="BI621" i="1"/>
  <c r="BH621" i="1"/>
  <c r="BG621" i="1"/>
  <c r="BF621" i="1"/>
  <c r="BE621" i="1"/>
  <c r="BD621" i="1"/>
  <c r="BC621" i="1"/>
  <c r="BB621" i="1"/>
  <c r="BA621" i="1"/>
  <c r="AZ621" i="1"/>
  <c r="AY621" i="1"/>
  <c r="AX621" i="1"/>
  <c r="AW621" i="1"/>
  <c r="AV621" i="1"/>
  <c r="AU621" i="1"/>
  <c r="AT621" i="1"/>
  <c r="AS621" i="1"/>
  <c r="AR621" i="1"/>
  <c r="AQ621" i="1"/>
  <c r="AP621" i="1"/>
  <c r="AO621" i="1"/>
  <c r="AN621" i="1"/>
  <c r="AM621" i="1"/>
  <c r="AL621" i="1"/>
  <c r="AK621" i="1"/>
  <c r="AJ621" i="1"/>
  <c r="AI621" i="1"/>
  <c r="AH621" i="1"/>
  <c r="AG621" i="1"/>
  <c r="AF621" i="1"/>
  <c r="AE621" i="1"/>
  <c r="AD621" i="1"/>
  <c r="AC621" i="1"/>
  <c r="AB621" i="1"/>
  <c r="AA621" i="1"/>
  <c r="Z621" i="1"/>
  <c r="Y621" i="1"/>
  <c r="X621" i="1"/>
  <c r="W621" i="1"/>
  <c r="V621" i="1"/>
  <c r="U621" i="1"/>
  <c r="T621" i="1"/>
  <c r="S621" i="1"/>
  <c r="R621" i="1"/>
  <c r="Q621" i="1"/>
  <c r="P621" i="1"/>
  <c r="O621" i="1"/>
  <c r="N621" i="1"/>
  <c r="M621" i="1"/>
  <c r="L621" i="1"/>
  <c r="BS620" i="1"/>
  <c r="BR620" i="1"/>
  <c r="BQ620" i="1"/>
  <c r="BP620" i="1"/>
  <c r="BO620" i="1"/>
  <c r="BN620" i="1"/>
  <c r="BM620" i="1"/>
  <c r="BL620" i="1"/>
  <c r="BK620" i="1"/>
  <c r="BJ620" i="1"/>
  <c r="BI620" i="1"/>
  <c r="BH620" i="1"/>
  <c r="BG620" i="1"/>
  <c r="BF620" i="1"/>
  <c r="BE620" i="1"/>
  <c r="BD620" i="1"/>
  <c r="BC620" i="1"/>
  <c r="BB620" i="1"/>
  <c r="BA620" i="1"/>
  <c r="AZ620" i="1"/>
  <c r="AY620" i="1"/>
  <c r="AX620" i="1"/>
  <c r="AW620" i="1"/>
  <c r="AV620" i="1"/>
  <c r="AU620" i="1"/>
  <c r="AT620" i="1"/>
  <c r="AS620" i="1"/>
  <c r="AR620" i="1"/>
  <c r="AQ620" i="1"/>
  <c r="AP620" i="1"/>
  <c r="AO620" i="1"/>
  <c r="AN620" i="1"/>
  <c r="AM620" i="1"/>
  <c r="AL620" i="1"/>
  <c r="AK620" i="1"/>
  <c r="AJ620" i="1"/>
  <c r="AI620" i="1"/>
  <c r="AH620" i="1"/>
  <c r="AG620" i="1"/>
  <c r="AF620" i="1"/>
  <c r="AE620" i="1"/>
  <c r="AD620" i="1"/>
  <c r="AC620" i="1"/>
  <c r="AB620" i="1"/>
  <c r="AA620" i="1"/>
  <c r="Z620" i="1"/>
  <c r="Y620" i="1"/>
  <c r="X620" i="1"/>
  <c r="W620" i="1"/>
  <c r="V620" i="1"/>
  <c r="U620" i="1"/>
  <c r="T620" i="1"/>
  <c r="S620" i="1"/>
  <c r="R620" i="1"/>
  <c r="Q620" i="1"/>
  <c r="P620" i="1"/>
  <c r="O620" i="1"/>
  <c r="N620" i="1"/>
  <c r="M620" i="1"/>
  <c r="L620" i="1"/>
  <c r="K614" i="1"/>
  <c r="J614" i="1"/>
  <c r="K613" i="1"/>
  <c r="J613" i="1"/>
  <c r="K612" i="1"/>
  <c r="J612" i="1"/>
  <c r="K611" i="1"/>
  <c r="J611" i="1"/>
  <c r="K610" i="1"/>
  <c r="J610" i="1"/>
  <c r="K609" i="1"/>
  <c r="J609" i="1"/>
  <c r="K608" i="1"/>
  <c r="K607" i="1"/>
  <c r="K606" i="1"/>
  <c r="K605" i="1"/>
  <c r="K604" i="1"/>
  <c r="K603" i="1"/>
  <c r="J603" i="1"/>
  <c r="K602" i="1"/>
  <c r="J602" i="1"/>
  <c r="K601" i="1"/>
  <c r="J601" i="1"/>
  <c r="K600" i="1"/>
  <c r="J600" i="1"/>
  <c r="K599" i="1"/>
  <c r="J599" i="1"/>
  <c r="BS598" i="1"/>
  <c r="BR598" i="1"/>
  <c r="BQ598" i="1"/>
  <c r="BP598" i="1"/>
  <c r="BO598" i="1"/>
  <c r="BN598" i="1"/>
  <c r="BM598" i="1"/>
  <c r="BL598" i="1"/>
  <c r="BK598" i="1"/>
  <c r="BJ598" i="1"/>
  <c r="BI598" i="1"/>
  <c r="BH598" i="1"/>
  <c r="BG598" i="1"/>
  <c r="BF598" i="1"/>
  <c r="BE598" i="1"/>
  <c r="BD598" i="1"/>
  <c r="BC598" i="1"/>
  <c r="BB598" i="1"/>
  <c r="BA598" i="1"/>
  <c r="AZ598" i="1"/>
  <c r="AY598" i="1"/>
  <c r="AX598" i="1"/>
  <c r="AW598" i="1"/>
  <c r="AV598" i="1"/>
  <c r="AU598" i="1"/>
  <c r="AT598" i="1"/>
  <c r="AS598" i="1"/>
  <c r="AR598" i="1"/>
  <c r="AQ598" i="1"/>
  <c r="AP598" i="1"/>
  <c r="AO598" i="1"/>
  <c r="AN598" i="1"/>
  <c r="AM598" i="1"/>
  <c r="AL598" i="1"/>
  <c r="AK598" i="1"/>
  <c r="AJ598" i="1"/>
  <c r="AI598" i="1"/>
  <c r="AH598" i="1"/>
  <c r="AG598" i="1"/>
  <c r="AF598" i="1"/>
  <c r="AE598" i="1"/>
  <c r="AD598" i="1"/>
  <c r="AC598" i="1"/>
  <c r="AB598" i="1"/>
  <c r="AA598" i="1"/>
  <c r="Z598" i="1"/>
  <c r="Y598" i="1"/>
  <c r="X598" i="1"/>
  <c r="W598" i="1"/>
  <c r="V598" i="1"/>
  <c r="U598" i="1"/>
  <c r="T598" i="1"/>
  <c r="S598" i="1"/>
  <c r="R598" i="1"/>
  <c r="Q598" i="1"/>
  <c r="P598" i="1"/>
  <c r="O598" i="1"/>
  <c r="N598" i="1"/>
  <c r="M598" i="1"/>
  <c r="L598" i="1"/>
  <c r="BS597" i="1"/>
  <c r="BR597" i="1"/>
  <c r="BQ597" i="1"/>
  <c r="BP597" i="1"/>
  <c r="BO597" i="1"/>
  <c r="BN597" i="1"/>
  <c r="BM597" i="1"/>
  <c r="BL597" i="1"/>
  <c r="BK597" i="1"/>
  <c r="BJ597" i="1"/>
  <c r="BI597" i="1"/>
  <c r="BH597" i="1"/>
  <c r="BG597" i="1"/>
  <c r="BF597" i="1"/>
  <c r="BE597" i="1"/>
  <c r="BD597" i="1"/>
  <c r="BC597" i="1"/>
  <c r="BB597" i="1"/>
  <c r="BA597" i="1"/>
  <c r="AZ597" i="1"/>
  <c r="AY597" i="1"/>
  <c r="AX597" i="1"/>
  <c r="AW597" i="1"/>
  <c r="AV597" i="1"/>
  <c r="AU597" i="1"/>
  <c r="AT597" i="1"/>
  <c r="AS597" i="1"/>
  <c r="AR597" i="1"/>
  <c r="AQ597" i="1"/>
  <c r="AP597" i="1"/>
  <c r="AO597" i="1"/>
  <c r="AN597" i="1"/>
  <c r="AM597" i="1"/>
  <c r="AL597" i="1"/>
  <c r="AK597" i="1"/>
  <c r="AJ597" i="1"/>
  <c r="AI597" i="1"/>
  <c r="AH597" i="1"/>
  <c r="AG597" i="1"/>
  <c r="AF597" i="1"/>
  <c r="AE597" i="1"/>
  <c r="AD597" i="1"/>
  <c r="AC597" i="1"/>
  <c r="AB597" i="1"/>
  <c r="AA597" i="1"/>
  <c r="Z597" i="1"/>
  <c r="Y597" i="1"/>
  <c r="X597" i="1"/>
  <c r="W597" i="1"/>
  <c r="V597" i="1"/>
  <c r="U597" i="1"/>
  <c r="T597" i="1"/>
  <c r="S597" i="1"/>
  <c r="R597" i="1"/>
  <c r="Q597" i="1"/>
  <c r="P597" i="1"/>
  <c r="O597" i="1"/>
  <c r="N597" i="1"/>
  <c r="M597" i="1"/>
  <c r="L597" i="1"/>
  <c r="BS569" i="1"/>
  <c r="BR569" i="1"/>
  <c r="BQ569" i="1"/>
  <c r="BP569" i="1"/>
  <c r="BO569" i="1"/>
  <c r="BN569" i="1"/>
  <c r="BM569" i="1"/>
  <c r="BL569" i="1"/>
  <c r="BK569" i="1"/>
  <c r="BJ569" i="1"/>
  <c r="BI569" i="1"/>
  <c r="BH569" i="1"/>
  <c r="BG569" i="1"/>
  <c r="BF569" i="1"/>
  <c r="BE569" i="1"/>
  <c r="BD569" i="1"/>
  <c r="BC569" i="1"/>
  <c r="BB569" i="1"/>
  <c r="BA569" i="1"/>
  <c r="AZ569" i="1"/>
  <c r="AY569" i="1"/>
  <c r="AX569" i="1"/>
  <c r="AW569" i="1"/>
  <c r="AV569" i="1"/>
  <c r="AU569" i="1"/>
  <c r="AT569" i="1"/>
  <c r="AS569" i="1"/>
  <c r="AR569" i="1"/>
  <c r="AQ569" i="1"/>
  <c r="AP569" i="1"/>
  <c r="AO569" i="1"/>
  <c r="AN569" i="1"/>
  <c r="AM569" i="1"/>
  <c r="AL569" i="1"/>
  <c r="AK569" i="1"/>
  <c r="AJ569" i="1"/>
  <c r="AI569" i="1"/>
  <c r="AH569" i="1"/>
  <c r="AG569" i="1"/>
  <c r="AF569" i="1"/>
  <c r="AE569" i="1"/>
  <c r="AD569" i="1"/>
  <c r="AC569" i="1"/>
  <c r="AB569" i="1"/>
  <c r="AA569" i="1"/>
  <c r="Z569" i="1"/>
  <c r="Y569" i="1"/>
  <c r="X569" i="1"/>
  <c r="W569" i="1"/>
  <c r="V569" i="1"/>
  <c r="U569" i="1"/>
  <c r="T569" i="1"/>
  <c r="S569" i="1"/>
  <c r="R569" i="1"/>
  <c r="Q569" i="1"/>
  <c r="P569" i="1"/>
  <c r="O569" i="1"/>
  <c r="N569" i="1"/>
  <c r="M569" i="1"/>
  <c r="L569" i="1"/>
  <c r="BS568" i="1"/>
  <c r="BR568" i="1"/>
  <c r="BQ568" i="1"/>
  <c r="BP568" i="1"/>
  <c r="BO568" i="1"/>
  <c r="BN568" i="1"/>
  <c r="BM568" i="1"/>
  <c r="BL568" i="1"/>
  <c r="BK568" i="1"/>
  <c r="BJ568" i="1"/>
  <c r="BI568" i="1"/>
  <c r="BH568" i="1"/>
  <c r="BG568" i="1"/>
  <c r="BF568" i="1"/>
  <c r="BE568" i="1"/>
  <c r="BD568" i="1"/>
  <c r="BC568" i="1"/>
  <c r="BB568" i="1"/>
  <c r="BA568" i="1"/>
  <c r="AZ568" i="1"/>
  <c r="AY568" i="1"/>
  <c r="AX568" i="1"/>
  <c r="AW568" i="1"/>
  <c r="AV568" i="1"/>
  <c r="AU568" i="1"/>
  <c r="AT568" i="1"/>
  <c r="AS568" i="1"/>
  <c r="AR568" i="1"/>
  <c r="AQ568" i="1"/>
  <c r="AP568" i="1"/>
  <c r="AO568" i="1"/>
  <c r="AN568" i="1"/>
  <c r="AM568" i="1"/>
  <c r="AL568" i="1"/>
  <c r="AK568" i="1"/>
  <c r="AJ568" i="1"/>
  <c r="AI568" i="1"/>
  <c r="AH568" i="1"/>
  <c r="AG568" i="1"/>
  <c r="AF568" i="1"/>
  <c r="AE568" i="1"/>
  <c r="AD568" i="1"/>
  <c r="AC568" i="1"/>
  <c r="AB568" i="1"/>
  <c r="AA568" i="1"/>
  <c r="Z568" i="1"/>
  <c r="Y568" i="1"/>
  <c r="X568" i="1"/>
  <c r="W568" i="1"/>
  <c r="V568" i="1"/>
  <c r="U568" i="1"/>
  <c r="T568" i="1"/>
  <c r="S568" i="1"/>
  <c r="R568" i="1"/>
  <c r="Q568" i="1"/>
  <c r="P568" i="1"/>
  <c r="O568" i="1"/>
  <c r="N568" i="1"/>
  <c r="M568" i="1"/>
  <c r="L568" i="1"/>
  <c r="K566" i="1"/>
  <c r="J566" i="1"/>
  <c r="K565" i="1"/>
  <c r="J565" i="1"/>
  <c r="K564" i="1"/>
  <c r="J564" i="1"/>
  <c r="K563" i="1"/>
  <c r="J563" i="1"/>
  <c r="K562" i="1"/>
  <c r="J562" i="1"/>
  <c r="K561" i="1"/>
  <c r="J561" i="1"/>
  <c r="K560" i="1"/>
  <c r="J560" i="1"/>
  <c r="K559" i="1"/>
  <c r="J559" i="1"/>
  <c r="K558" i="1"/>
  <c r="J558" i="1"/>
  <c r="K557" i="1"/>
  <c r="J557" i="1"/>
  <c r="K556" i="1"/>
  <c r="J556" i="1"/>
  <c r="K555" i="1"/>
  <c r="J555" i="1"/>
  <c r="K554" i="1"/>
  <c r="J554" i="1"/>
  <c r="BS553" i="1"/>
  <c r="BR553" i="1"/>
  <c r="BQ553" i="1"/>
  <c r="BP553" i="1"/>
  <c r="BO553" i="1"/>
  <c r="BN553" i="1"/>
  <c r="BM553" i="1"/>
  <c r="BL553" i="1"/>
  <c r="BK553" i="1"/>
  <c r="BJ553" i="1"/>
  <c r="BI553" i="1"/>
  <c r="BH553" i="1"/>
  <c r="BG553" i="1"/>
  <c r="BF553" i="1"/>
  <c r="BE553" i="1"/>
  <c r="BD553" i="1"/>
  <c r="BC553" i="1"/>
  <c r="BB553" i="1"/>
  <c r="BA553" i="1"/>
  <c r="AZ553" i="1"/>
  <c r="AY553" i="1"/>
  <c r="AX553" i="1"/>
  <c r="AW553" i="1"/>
  <c r="AV553" i="1"/>
  <c r="AU553" i="1"/>
  <c r="AT553" i="1"/>
  <c r="AS553" i="1"/>
  <c r="AR553" i="1"/>
  <c r="AQ553" i="1"/>
  <c r="AP553" i="1"/>
  <c r="AO553" i="1"/>
  <c r="AN553" i="1"/>
  <c r="AM553" i="1"/>
  <c r="AL553" i="1"/>
  <c r="AK553" i="1"/>
  <c r="AJ553" i="1"/>
  <c r="AI553" i="1"/>
  <c r="AH553" i="1"/>
  <c r="AG553" i="1"/>
  <c r="AF553" i="1"/>
  <c r="AE553" i="1"/>
  <c r="AD553" i="1"/>
  <c r="AC553" i="1"/>
  <c r="AB553" i="1"/>
  <c r="AA553" i="1"/>
  <c r="Z553" i="1"/>
  <c r="Y553" i="1"/>
  <c r="X553" i="1"/>
  <c r="W553" i="1"/>
  <c r="V553" i="1"/>
  <c r="U553" i="1"/>
  <c r="T553" i="1"/>
  <c r="S553" i="1"/>
  <c r="R553" i="1"/>
  <c r="Q553" i="1"/>
  <c r="P553" i="1"/>
  <c r="O553" i="1"/>
  <c r="N553" i="1"/>
  <c r="M553" i="1"/>
  <c r="L553" i="1"/>
  <c r="BS552" i="1"/>
  <c r="BR552" i="1"/>
  <c r="BQ552" i="1"/>
  <c r="BP552" i="1"/>
  <c r="BO552" i="1"/>
  <c r="BN552" i="1"/>
  <c r="BM552" i="1"/>
  <c r="BL552" i="1"/>
  <c r="BK552" i="1"/>
  <c r="BJ552" i="1"/>
  <c r="BI552" i="1"/>
  <c r="BH552" i="1"/>
  <c r="BG552" i="1"/>
  <c r="BF552" i="1"/>
  <c r="BE552" i="1"/>
  <c r="BD552" i="1"/>
  <c r="BC552" i="1"/>
  <c r="BB552" i="1"/>
  <c r="BA552" i="1"/>
  <c r="AZ552" i="1"/>
  <c r="AY552" i="1"/>
  <c r="AX552" i="1"/>
  <c r="AW552" i="1"/>
  <c r="AV552" i="1"/>
  <c r="AU552" i="1"/>
  <c r="AT552" i="1"/>
  <c r="AS552" i="1"/>
  <c r="AR552" i="1"/>
  <c r="AQ552" i="1"/>
  <c r="AP552" i="1"/>
  <c r="AO552" i="1"/>
  <c r="AN552" i="1"/>
  <c r="AM552" i="1"/>
  <c r="AL552" i="1"/>
  <c r="AK552" i="1"/>
  <c r="AJ552" i="1"/>
  <c r="AI552" i="1"/>
  <c r="AH552" i="1"/>
  <c r="AG552" i="1"/>
  <c r="AF552" i="1"/>
  <c r="AE552" i="1"/>
  <c r="AD552" i="1"/>
  <c r="AC552" i="1"/>
  <c r="AB552" i="1"/>
  <c r="AA552" i="1"/>
  <c r="Z552" i="1"/>
  <c r="Y552" i="1"/>
  <c r="X552" i="1"/>
  <c r="W552" i="1"/>
  <c r="V552" i="1"/>
  <c r="U552" i="1"/>
  <c r="T552" i="1"/>
  <c r="S552" i="1"/>
  <c r="R552" i="1"/>
  <c r="Q552" i="1"/>
  <c r="P552" i="1"/>
  <c r="O552" i="1"/>
  <c r="N552" i="1"/>
  <c r="M552" i="1"/>
  <c r="L552" i="1"/>
  <c r="K546" i="1"/>
  <c r="J546" i="1"/>
  <c r="K545" i="1"/>
  <c r="J545" i="1"/>
  <c r="K544" i="1"/>
  <c r="J544" i="1"/>
  <c r="K543" i="1"/>
  <c r="J543" i="1"/>
  <c r="K542" i="1"/>
  <c r="J542" i="1"/>
  <c r="K541" i="1"/>
  <c r="J541" i="1"/>
  <c r="K540" i="1"/>
  <c r="J540" i="1"/>
  <c r="BS539" i="1"/>
  <c r="BR539" i="1"/>
  <c r="BQ539" i="1"/>
  <c r="BP539" i="1"/>
  <c r="BO539" i="1"/>
  <c r="BN539" i="1"/>
  <c r="BM539" i="1"/>
  <c r="BL539" i="1"/>
  <c r="BK539" i="1"/>
  <c r="BJ539" i="1"/>
  <c r="BI539" i="1"/>
  <c r="BH539" i="1"/>
  <c r="BG539" i="1"/>
  <c r="BF539" i="1"/>
  <c r="BE539" i="1"/>
  <c r="BD539" i="1"/>
  <c r="BC539" i="1"/>
  <c r="BB539" i="1"/>
  <c r="BA539" i="1"/>
  <c r="AZ539" i="1"/>
  <c r="AY539" i="1"/>
  <c r="AX539" i="1"/>
  <c r="AW539" i="1"/>
  <c r="AV539" i="1"/>
  <c r="AU539" i="1"/>
  <c r="AT539" i="1"/>
  <c r="AS539" i="1"/>
  <c r="AR539" i="1"/>
  <c r="AQ539" i="1"/>
  <c r="AP539" i="1"/>
  <c r="AO539" i="1"/>
  <c r="AN539" i="1"/>
  <c r="AM539" i="1"/>
  <c r="AL539" i="1"/>
  <c r="AK539" i="1"/>
  <c r="AJ539" i="1"/>
  <c r="AI539" i="1"/>
  <c r="AH539" i="1"/>
  <c r="AG539" i="1"/>
  <c r="AF539" i="1"/>
  <c r="AE539" i="1"/>
  <c r="AD539" i="1"/>
  <c r="AC539" i="1"/>
  <c r="AB539" i="1"/>
  <c r="AA539" i="1"/>
  <c r="Z539" i="1"/>
  <c r="Y539" i="1"/>
  <c r="X539" i="1"/>
  <c r="W539" i="1"/>
  <c r="V539" i="1"/>
  <c r="U539" i="1"/>
  <c r="T539" i="1"/>
  <c r="S539" i="1"/>
  <c r="R539" i="1"/>
  <c r="Q539" i="1"/>
  <c r="P539" i="1"/>
  <c r="O539" i="1"/>
  <c r="N539" i="1"/>
  <c r="M539" i="1"/>
  <c r="L539" i="1"/>
  <c r="BS538" i="1"/>
  <c r="BR538" i="1"/>
  <c r="BQ538" i="1"/>
  <c r="BP538" i="1"/>
  <c r="BO538" i="1"/>
  <c r="BN538" i="1"/>
  <c r="BM538" i="1"/>
  <c r="BL538" i="1"/>
  <c r="BK538" i="1"/>
  <c r="BJ538" i="1"/>
  <c r="BI538" i="1"/>
  <c r="BH538" i="1"/>
  <c r="BG538" i="1"/>
  <c r="BF538" i="1"/>
  <c r="BE538" i="1"/>
  <c r="BD538" i="1"/>
  <c r="BC538" i="1"/>
  <c r="BB538" i="1"/>
  <c r="BA538" i="1"/>
  <c r="AZ538" i="1"/>
  <c r="AY538" i="1"/>
  <c r="AX538" i="1"/>
  <c r="AW538" i="1"/>
  <c r="AV538" i="1"/>
  <c r="AU538" i="1"/>
  <c r="AT538" i="1"/>
  <c r="AS538" i="1"/>
  <c r="AR538" i="1"/>
  <c r="AQ538" i="1"/>
  <c r="AP538" i="1"/>
  <c r="AO538" i="1"/>
  <c r="AN538" i="1"/>
  <c r="AM538" i="1"/>
  <c r="AL538" i="1"/>
  <c r="AK538" i="1"/>
  <c r="AJ538" i="1"/>
  <c r="AI538" i="1"/>
  <c r="AH538" i="1"/>
  <c r="AG538" i="1"/>
  <c r="AF538" i="1"/>
  <c r="AE538" i="1"/>
  <c r="AD538" i="1"/>
  <c r="AC538" i="1"/>
  <c r="AB538" i="1"/>
  <c r="AA538" i="1"/>
  <c r="Z538" i="1"/>
  <c r="Y538" i="1"/>
  <c r="X538" i="1"/>
  <c r="W538" i="1"/>
  <c r="V538" i="1"/>
  <c r="U538" i="1"/>
  <c r="T538" i="1"/>
  <c r="S538" i="1"/>
  <c r="R538" i="1"/>
  <c r="Q538" i="1"/>
  <c r="P538" i="1"/>
  <c r="O538" i="1"/>
  <c r="N538" i="1"/>
  <c r="M538" i="1"/>
  <c r="L538" i="1"/>
  <c r="K535" i="1"/>
  <c r="J535" i="1"/>
  <c r="BS534" i="1"/>
  <c r="BR534" i="1"/>
  <c r="BQ534" i="1"/>
  <c r="BP534" i="1"/>
  <c r="BO534" i="1"/>
  <c r="BN534" i="1"/>
  <c r="BM534" i="1"/>
  <c r="BL534" i="1"/>
  <c r="BK534" i="1"/>
  <c r="BJ534" i="1"/>
  <c r="BI534" i="1"/>
  <c r="BH534" i="1"/>
  <c r="BG534" i="1"/>
  <c r="BF534" i="1"/>
  <c r="BE534" i="1"/>
  <c r="BD534" i="1"/>
  <c r="BC534" i="1"/>
  <c r="BB534" i="1"/>
  <c r="BA534" i="1"/>
  <c r="AZ534" i="1"/>
  <c r="AY534" i="1"/>
  <c r="AX534" i="1"/>
  <c r="AW534" i="1"/>
  <c r="AV534" i="1"/>
  <c r="AU534" i="1"/>
  <c r="AT534" i="1"/>
  <c r="AS534" i="1"/>
  <c r="AR534" i="1"/>
  <c r="AQ534" i="1"/>
  <c r="AP534" i="1"/>
  <c r="AO534" i="1"/>
  <c r="AN534" i="1"/>
  <c r="AM534" i="1"/>
  <c r="AL534" i="1"/>
  <c r="AK534" i="1"/>
  <c r="AJ534" i="1"/>
  <c r="AI534" i="1"/>
  <c r="AH534" i="1"/>
  <c r="AG534" i="1"/>
  <c r="AF534" i="1"/>
  <c r="AE534" i="1"/>
  <c r="AD534" i="1"/>
  <c r="AC534" i="1"/>
  <c r="AB534" i="1"/>
  <c r="AA534" i="1"/>
  <c r="Z534" i="1"/>
  <c r="Y534" i="1"/>
  <c r="X534" i="1"/>
  <c r="W534" i="1"/>
  <c r="V534" i="1"/>
  <c r="U534" i="1"/>
  <c r="T534" i="1"/>
  <c r="S534" i="1"/>
  <c r="R534" i="1"/>
  <c r="Q534" i="1"/>
  <c r="P534" i="1"/>
  <c r="O534" i="1"/>
  <c r="N534" i="1"/>
  <c r="M534" i="1"/>
  <c r="L534" i="1"/>
  <c r="BS533" i="1"/>
  <c r="BR533" i="1"/>
  <c r="BQ533" i="1"/>
  <c r="BP533" i="1"/>
  <c r="BO533" i="1"/>
  <c r="BN533" i="1"/>
  <c r="BM533" i="1"/>
  <c r="BL533" i="1"/>
  <c r="BK533" i="1"/>
  <c r="BJ533" i="1"/>
  <c r="BI533" i="1"/>
  <c r="BH533" i="1"/>
  <c r="BG533" i="1"/>
  <c r="BF533" i="1"/>
  <c r="BE533" i="1"/>
  <c r="BD533" i="1"/>
  <c r="BC533" i="1"/>
  <c r="BB533" i="1"/>
  <c r="BA533" i="1"/>
  <c r="AZ533" i="1"/>
  <c r="AY533" i="1"/>
  <c r="AX533" i="1"/>
  <c r="AW533" i="1"/>
  <c r="AV533" i="1"/>
  <c r="AU533" i="1"/>
  <c r="AT533" i="1"/>
  <c r="AS533" i="1"/>
  <c r="AR533" i="1"/>
  <c r="AQ533" i="1"/>
  <c r="AP533" i="1"/>
  <c r="AO533" i="1"/>
  <c r="AN533" i="1"/>
  <c r="AM533" i="1"/>
  <c r="AL533" i="1"/>
  <c r="AK533" i="1"/>
  <c r="AJ533" i="1"/>
  <c r="AI533" i="1"/>
  <c r="AH533" i="1"/>
  <c r="AG533" i="1"/>
  <c r="AF533" i="1"/>
  <c r="AE533" i="1"/>
  <c r="AD533" i="1"/>
  <c r="AC533" i="1"/>
  <c r="AB533" i="1"/>
  <c r="AA533" i="1"/>
  <c r="Z533" i="1"/>
  <c r="Y533" i="1"/>
  <c r="X533" i="1"/>
  <c r="W533" i="1"/>
  <c r="V533" i="1"/>
  <c r="U533" i="1"/>
  <c r="T533" i="1"/>
  <c r="S533" i="1"/>
  <c r="R533" i="1"/>
  <c r="Q533" i="1"/>
  <c r="P533" i="1"/>
  <c r="O533" i="1"/>
  <c r="N533" i="1"/>
  <c r="M533" i="1"/>
  <c r="L533" i="1"/>
  <c r="K530" i="1"/>
  <c r="J530" i="1"/>
  <c r="BS529" i="1"/>
  <c r="BR529" i="1"/>
  <c r="BQ529" i="1"/>
  <c r="BP529" i="1"/>
  <c r="BO529" i="1"/>
  <c r="BN529" i="1"/>
  <c r="BM529" i="1"/>
  <c r="BL529" i="1"/>
  <c r="BK529" i="1"/>
  <c r="BJ529" i="1"/>
  <c r="BI529" i="1"/>
  <c r="BH529" i="1"/>
  <c r="BG529" i="1"/>
  <c r="BF529" i="1"/>
  <c r="BE529" i="1"/>
  <c r="BD529" i="1"/>
  <c r="BC529" i="1"/>
  <c r="BB529" i="1"/>
  <c r="BA529" i="1"/>
  <c r="AZ529" i="1"/>
  <c r="AY529" i="1"/>
  <c r="AX529" i="1"/>
  <c r="AW529" i="1"/>
  <c r="AV529" i="1"/>
  <c r="AU529" i="1"/>
  <c r="AT529" i="1"/>
  <c r="AS529" i="1"/>
  <c r="AR529" i="1"/>
  <c r="AQ529" i="1"/>
  <c r="AP529" i="1"/>
  <c r="AO529" i="1"/>
  <c r="AN529" i="1"/>
  <c r="AM529" i="1"/>
  <c r="AL529" i="1"/>
  <c r="AK529" i="1"/>
  <c r="AJ529" i="1"/>
  <c r="AI529" i="1"/>
  <c r="AH529" i="1"/>
  <c r="AG529" i="1"/>
  <c r="AF529" i="1"/>
  <c r="AE529" i="1"/>
  <c r="AD529" i="1"/>
  <c r="AC529" i="1"/>
  <c r="AB529" i="1"/>
  <c r="AA529" i="1"/>
  <c r="Z529" i="1"/>
  <c r="Y529" i="1"/>
  <c r="X529" i="1"/>
  <c r="W529" i="1"/>
  <c r="V529" i="1"/>
  <c r="U529" i="1"/>
  <c r="T529" i="1"/>
  <c r="S529" i="1"/>
  <c r="R529" i="1"/>
  <c r="Q529" i="1"/>
  <c r="P529" i="1"/>
  <c r="O529" i="1"/>
  <c r="N529" i="1"/>
  <c r="M529" i="1"/>
  <c r="L529" i="1"/>
  <c r="BS528" i="1"/>
  <c r="BR528" i="1"/>
  <c r="BQ528" i="1"/>
  <c r="BP528" i="1"/>
  <c r="BO528" i="1"/>
  <c r="BN528" i="1"/>
  <c r="BM528" i="1"/>
  <c r="BL528" i="1"/>
  <c r="BK528" i="1"/>
  <c r="BJ528" i="1"/>
  <c r="BI528" i="1"/>
  <c r="BH528" i="1"/>
  <c r="BG528" i="1"/>
  <c r="BF528" i="1"/>
  <c r="BE528" i="1"/>
  <c r="BD528" i="1"/>
  <c r="BC528" i="1"/>
  <c r="BB528" i="1"/>
  <c r="BA528" i="1"/>
  <c r="AZ528" i="1"/>
  <c r="AY528" i="1"/>
  <c r="AX528" i="1"/>
  <c r="AW528" i="1"/>
  <c r="AV528" i="1"/>
  <c r="AU528" i="1"/>
  <c r="AT528" i="1"/>
  <c r="AS528" i="1"/>
  <c r="AR528" i="1"/>
  <c r="AQ528" i="1"/>
  <c r="AP528" i="1"/>
  <c r="AO528" i="1"/>
  <c r="AN528" i="1"/>
  <c r="AM528" i="1"/>
  <c r="AL528" i="1"/>
  <c r="AK528" i="1"/>
  <c r="AJ528" i="1"/>
  <c r="AI528" i="1"/>
  <c r="AH528" i="1"/>
  <c r="AG528" i="1"/>
  <c r="AF528" i="1"/>
  <c r="AE528" i="1"/>
  <c r="AD528" i="1"/>
  <c r="AC528" i="1"/>
  <c r="AB528" i="1"/>
  <c r="AA528" i="1"/>
  <c r="Z528" i="1"/>
  <c r="Y528" i="1"/>
  <c r="X528" i="1"/>
  <c r="W528" i="1"/>
  <c r="V528" i="1"/>
  <c r="U528" i="1"/>
  <c r="T528" i="1"/>
  <c r="S528" i="1"/>
  <c r="R528" i="1"/>
  <c r="Q528" i="1"/>
  <c r="P528" i="1"/>
  <c r="O528" i="1"/>
  <c r="N528" i="1"/>
  <c r="M528" i="1"/>
  <c r="L528" i="1"/>
  <c r="K525" i="1"/>
  <c r="J525" i="1"/>
  <c r="K524" i="1"/>
  <c r="J524" i="1"/>
  <c r="K523" i="1"/>
  <c r="J523" i="1"/>
  <c r="BS522" i="1"/>
  <c r="BR522" i="1"/>
  <c r="BQ522" i="1"/>
  <c r="BP522" i="1"/>
  <c r="BO522" i="1"/>
  <c r="BN522" i="1"/>
  <c r="BM522" i="1"/>
  <c r="BL522" i="1"/>
  <c r="BK522" i="1"/>
  <c r="BJ522" i="1"/>
  <c r="BI522" i="1"/>
  <c r="BH522" i="1"/>
  <c r="BG522" i="1"/>
  <c r="BF522" i="1"/>
  <c r="BE522" i="1"/>
  <c r="BD522" i="1"/>
  <c r="BC522" i="1"/>
  <c r="BB522" i="1"/>
  <c r="BA522" i="1"/>
  <c r="AZ522" i="1"/>
  <c r="AY522" i="1"/>
  <c r="AX522" i="1"/>
  <c r="AW522" i="1"/>
  <c r="AV522" i="1"/>
  <c r="AU522" i="1"/>
  <c r="AT522" i="1"/>
  <c r="AS522" i="1"/>
  <c r="AR522" i="1"/>
  <c r="AQ522" i="1"/>
  <c r="AP522" i="1"/>
  <c r="AO522" i="1"/>
  <c r="AN522" i="1"/>
  <c r="AM522" i="1"/>
  <c r="AL522" i="1"/>
  <c r="AK522" i="1"/>
  <c r="AJ522" i="1"/>
  <c r="AI522" i="1"/>
  <c r="AH522" i="1"/>
  <c r="AG522" i="1"/>
  <c r="AF522" i="1"/>
  <c r="AE522" i="1"/>
  <c r="AD522" i="1"/>
  <c r="AC522" i="1"/>
  <c r="AB522" i="1"/>
  <c r="AA522" i="1"/>
  <c r="Z522" i="1"/>
  <c r="Y522" i="1"/>
  <c r="X522" i="1"/>
  <c r="W522" i="1"/>
  <c r="V522" i="1"/>
  <c r="U522" i="1"/>
  <c r="T522" i="1"/>
  <c r="S522" i="1"/>
  <c r="R522" i="1"/>
  <c r="Q522" i="1"/>
  <c r="P522" i="1"/>
  <c r="O522" i="1"/>
  <c r="N522" i="1"/>
  <c r="M522" i="1"/>
  <c r="L522" i="1"/>
  <c r="BS521" i="1"/>
  <c r="BR521" i="1"/>
  <c r="BQ521" i="1"/>
  <c r="BP521" i="1"/>
  <c r="BO521" i="1"/>
  <c r="BN521" i="1"/>
  <c r="BM521" i="1"/>
  <c r="BL521" i="1"/>
  <c r="BK521" i="1"/>
  <c r="BJ521" i="1"/>
  <c r="BI521" i="1"/>
  <c r="BH521" i="1"/>
  <c r="BG521" i="1"/>
  <c r="BF521" i="1"/>
  <c r="BE521" i="1"/>
  <c r="BD521" i="1"/>
  <c r="BC521" i="1"/>
  <c r="BB521" i="1"/>
  <c r="BA521" i="1"/>
  <c r="AZ521" i="1"/>
  <c r="AY521" i="1"/>
  <c r="AX521" i="1"/>
  <c r="AW521" i="1"/>
  <c r="AV521" i="1"/>
  <c r="AU521" i="1"/>
  <c r="AT521" i="1"/>
  <c r="AS521" i="1"/>
  <c r="AR521" i="1"/>
  <c r="AQ521" i="1"/>
  <c r="AP521" i="1"/>
  <c r="AO521" i="1"/>
  <c r="AN521" i="1"/>
  <c r="AM521" i="1"/>
  <c r="AL521" i="1"/>
  <c r="AK521" i="1"/>
  <c r="AJ521" i="1"/>
  <c r="AI521" i="1"/>
  <c r="AH521" i="1"/>
  <c r="AG521" i="1"/>
  <c r="AF521" i="1"/>
  <c r="AE521" i="1"/>
  <c r="AD521" i="1"/>
  <c r="AC521" i="1"/>
  <c r="AB521" i="1"/>
  <c r="AA521" i="1"/>
  <c r="Z521" i="1"/>
  <c r="Y521" i="1"/>
  <c r="X521" i="1"/>
  <c r="W521" i="1"/>
  <c r="V521" i="1"/>
  <c r="U521" i="1"/>
  <c r="T521" i="1"/>
  <c r="S521" i="1"/>
  <c r="R521" i="1"/>
  <c r="Q521" i="1"/>
  <c r="P521" i="1"/>
  <c r="O521" i="1"/>
  <c r="N521" i="1"/>
  <c r="M521" i="1"/>
  <c r="L521" i="1"/>
  <c r="K518" i="1"/>
  <c r="J518" i="1"/>
  <c r="K517" i="1"/>
  <c r="J517" i="1"/>
  <c r="K516" i="1"/>
  <c r="J516" i="1"/>
  <c r="K515" i="1"/>
  <c r="J515" i="1"/>
  <c r="K514" i="1"/>
  <c r="J514" i="1"/>
  <c r="K513" i="1"/>
  <c r="J513" i="1"/>
  <c r="K512" i="1"/>
  <c r="J512" i="1"/>
  <c r="K511" i="1"/>
  <c r="J511" i="1"/>
  <c r="BS510" i="1"/>
  <c r="BR510" i="1"/>
  <c r="BQ510" i="1"/>
  <c r="BP510" i="1"/>
  <c r="BO510" i="1"/>
  <c r="BN510" i="1"/>
  <c r="BM510" i="1"/>
  <c r="BL510" i="1"/>
  <c r="BK510" i="1"/>
  <c r="BJ510" i="1"/>
  <c r="BI510" i="1"/>
  <c r="BH510" i="1"/>
  <c r="BG510" i="1"/>
  <c r="BF510" i="1"/>
  <c r="BE510" i="1"/>
  <c r="BD510" i="1"/>
  <c r="BC510" i="1"/>
  <c r="BB510" i="1"/>
  <c r="BA510" i="1"/>
  <c r="AZ510" i="1"/>
  <c r="AY510" i="1"/>
  <c r="AX510" i="1"/>
  <c r="AW510" i="1"/>
  <c r="AV510" i="1"/>
  <c r="AU510" i="1"/>
  <c r="AT510" i="1"/>
  <c r="AS510" i="1"/>
  <c r="AR510" i="1"/>
  <c r="AQ510" i="1"/>
  <c r="AP510" i="1"/>
  <c r="AO510" i="1"/>
  <c r="AN510" i="1"/>
  <c r="AM510" i="1"/>
  <c r="AL510" i="1"/>
  <c r="AK510" i="1"/>
  <c r="AJ510" i="1"/>
  <c r="AI510" i="1"/>
  <c r="AH510" i="1"/>
  <c r="AG510" i="1"/>
  <c r="AF510" i="1"/>
  <c r="AE510" i="1"/>
  <c r="AD510" i="1"/>
  <c r="AC510" i="1"/>
  <c r="AB510" i="1"/>
  <c r="AA510" i="1"/>
  <c r="Z510" i="1"/>
  <c r="Y510" i="1"/>
  <c r="X510" i="1"/>
  <c r="W510" i="1"/>
  <c r="V510" i="1"/>
  <c r="U510" i="1"/>
  <c r="T510" i="1"/>
  <c r="S510" i="1"/>
  <c r="R510" i="1"/>
  <c r="Q510" i="1"/>
  <c r="P510" i="1"/>
  <c r="O510" i="1"/>
  <c r="N510" i="1"/>
  <c r="M510" i="1"/>
  <c r="L510" i="1"/>
  <c r="BS509" i="1"/>
  <c r="BR509" i="1"/>
  <c r="BQ509" i="1"/>
  <c r="BP509" i="1"/>
  <c r="BO509" i="1"/>
  <c r="BN509" i="1"/>
  <c r="BM509" i="1"/>
  <c r="BL509" i="1"/>
  <c r="BK509" i="1"/>
  <c r="BJ509" i="1"/>
  <c r="BI509" i="1"/>
  <c r="BH509" i="1"/>
  <c r="BG509" i="1"/>
  <c r="BF509" i="1"/>
  <c r="BE509" i="1"/>
  <c r="BD509" i="1"/>
  <c r="BC509" i="1"/>
  <c r="BB509" i="1"/>
  <c r="BA509" i="1"/>
  <c r="AZ509" i="1"/>
  <c r="AY509" i="1"/>
  <c r="AX509" i="1"/>
  <c r="AW509" i="1"/>
  <c r="AV509" i="1"/>
  <c r="AU509" i="1"/>
  <c r="AT509" i="1"/>
  <c r="AS509" i="1"/>
  <c r="AR509" i="1"/>
  <c r="AQ509" i="1"/>
  <c r="AP509" i="1"/>
  <c r="AO509" i="1"/>
  <c r="AN509" i="1"/>
  <c r="AM509" i="1"/>
  <c r="AL509" i="1"/>
  <c r="AK509" i="1"/>
  <c r="AJ509" i="1"/>
  <c r="AI509" i="1"/>
  <c r="AH509" i="1"/>
  <c r="AG509" i="1"/>
  <c r="AF509" i="1"/>
  <c r="AE509" i="1"/>
  <c r="AD509" i="1"/>
  <c r="AC509" i="1"/>
  <c r="AB509" i="1"/>
  <c r="AA509" i="1"/>
  <c r="Z509" i="1"/>
  <c r="Y509" i="1"/>
  <c r="X509" i="1"/>
  <c r="W509" i="1"/>
  <c r="V509" i="1"/>
  <c r="U509" i="1"/>
  <c r="T509" i="1"/>
  <c r="S509" i="1"/>
  <c r="R509" i="1"/>
  <c r="Q509" i="1"/>
  <c r="P509" i="1"/>
  <c r="O509" i="1"/>
  <c r="N509" i="1"/>
  <c r="M509" i="1"/>
  <c r="L509" i="1"/>
  <c r="K503" i="1"/>
  <c r="J503" i="1"/>
  <c r="K502" i="1"/>
  <c r="J502" i="1"/>
  <c r="K501" i="1"/>
  <c r="J501" i="1"/>
  <c r="K500" i="1"/>
  <c r="J500" i="1"/>
  <c r="K499" i="1"/>
  <c r="J499" i="1"/>
  <c r="K498" i="1"/>
  <c r="J498" i="1"/>
  <c r="K497" i="1"/>
  <c r="J497" i="1"/>
  <c r="K496" i="1"/>
  <c r="J496" i="1"/>
  <c r="K495" i="1"/>
  <c r="J495" i="1"/>
  <c r="K494" i="1"/>
  <c r="J494" i="1"/>
  <c r="K493" i="1"/>
  <c r="J493" i="1"/>
  <c r="K492" i="1"/>
  <c r="J492" i="1"/>
  <c r="K491" i="1"/>
  <c r="J491" i="1"/>
  <c r="K490" i="1"/>
  <c r="J490" i="1"/>
  <c r="K489" i="1"/>
  <c r="J489" i="1"/>
  <c r="K488" i="1"/>
  <c r="J488" i="1"/>
  <c r="K487" i="1"/>
  <c r="J487" i="1"/>
  <c r="K486" i="1"/>
  <c r="J486" i="1"/>
  <c r="K485" i="1"/>
  <c r="J485" i="1"/>
  <c r="K484" i="1"/>
  <c r="J484" i="1"/>
  <c r="K483" i="1"/>
  <c r="J483" i="1"/>
  <c r="K482" i="1"/>
  <c r="J482" i="1"/>
  <c r="K481" i="1"/>
  <c r="J481" i="1"/>
  <c r="K480" i="1"/>
  <c r="J480" i="1"/>
  <c r="K479" i="1"/>
  <c r="J479" i="1"/>
  <c r="K478" i="1"/>
  <c r="J478" i="1"/>
  <c r="K477" i="1"/>
  <c r="J477" i="1"/>
  <c r="K476" i="1"/>
  <c r="J476" i="1"/>
  <c r="K475" i="1"/>
  <c r="J475" i="1"/>
  <c r="BS474" i="1"/>
  <c r="BR474" i="1"/>
  <c r="BQ474" i="1"/>
  <c r="BP474" i="1"/>
  <c r="BO474" i="1"/>
  <c r="BN474" i="1"/>
  <c r="BM474" i="1"/>
  <c r="BL474" i="1"/>
  <c r="BK474" i="1"/>
  <c r="BJ474" i="1"/>
  <c r="BI474" i="1"/>
  <c r="BH474" i="1"/>
  <c r="BG474" i="1"/>
  <c r="BF474" i="1"/>
  <c r="BE474" i="1"/>
  <c r="BD474" i="1"/>
  <c r="BC474" i="1"/>
  <c r="BB474" i="1"/>
  <c r="BA474" i="1"/>
  <c r="AZ474" i="1"/>
  <c r="AY474" i="1"/>
  <c r="AX474" i="1"/>
  <c r="AW474" i="1"/>
  <c r="AV474" i="1"/>
  <c r="AU474" i="1"/>
  <c r="AT474" i="1"/>
  <c r="AS474" i="1"/>
  <c r="AR474" i="1"/>
  <c r="AQ474" i="1"/>
  <c r="AP474" i="1"/>
  <c r="AO474" i="1"/>
  <c r="AN474" i="1"/>
  <c r="AM474" i="1"/>
  <c r="AL474" i="1"/>
  <c r="AK474" i="1"/>
  <c r="AJ474" i="1"/>
  <c r="AI474" i="1"/>
  <c r="AH474" i="1"/>
  <c r="AG474" i="1"/>
  <c r="AF474" i="1"/>
  <c r="AE474" i="1"/>
  <c r="AD474" i="1"/>
  <c r="AC474" i="1"/>
  <c r="AB474" i="1"/>
  <c r="AA474" i="1"/>
  <c r="Z474" i="1"/>
  <c r="Y474" i="1"/>
  <c r="X474" i="1"/>
  <c r="W474" i="1"/>
  <c r="V474" i="1"/>
  <c r="U474" i="1"/>
  <c r="T474" i="1"/>
  <c r="S474" i="1"/>
  <c r="R474" i="1"/>
  <c r="Q474" i="1"/>
  <c r="P474" i="1"/>
  <c r="O474" i="1"/>
  <c r="N474" i="1"/>
  <c r="M474" i="1"/>
  <c r="L474" i="1"/>
  <c r="BS473" i="1"/>
  <c r="BR473" i="1"/>
  <c r="BQ473" i="1"/>
  <c r="BP473" i="1"/>
  <c r="BO473" i="1"/>
  <c r="BN473" i="1"/>
  <c r="BM473" i="1"/>
  <c r="BL473" i="1"/>
  <c r="BK473" i="1"/>
  <c r="BJ473" i="1"/>
  <c r="BI473" i="1"/>
  <c r="BH473" i="1"/>
  <c r="BG473" i="1"/>
  <c r="BF473" i="1"/>
  <c r="BE473" i="1"/>
  <c r="BD473" i="1"/>
  <c r="BC473" i="1"/>
  <c r="BB473" i="1"/>
  <c r="BA473" i="1"/>
  <c r="AZ473" i="1"/>
  <c r="AY473" i="1"/>
  <c r="AX473" i="1"/>
  <c r="AW473" i="1"/>
  <c r="AV473" i="1"/>
  <c r="AU473" i="1"/>
  <c r="AT473" i="1"/>
  <c r="AS473" i="1"/>
  <c r="AR473" i="1"/>
  <c r="AQ473" i="1"/>
  <c r="AP473" i="1"/>
  <c r="AO473" i="1"/>
  <c r="AN473" i="1"/>
  <c r="AM473" i="1"/>
  <c r="AL473" i="1"/>
  <c r="AK473" i="1"/>
  <c r="AJ473" i="1"/>
  <c r="AI473" i="1"/>
  <c r="AH473" i="1"/>
  <c r="AG473" i="1"/>
  <c r="AF473" i="1"/>
  <c r="AE473" i="1"/>
  <c r="AD473" i="1"/>
  <c r="AC473" i="1"/>
  <c r="AB473" i="1"/>
  <c r="AA473" i="1"/>
  <c r="Z473" i="1"/>
  <c r="Y473" i="1"/>
  <c r="X473" i="1"/>
  <c r="W473" i="1"/>
  <c r="V473" i="1"/>
  <c r="U473" i="1"/>
  <c r="T473" i="1"/>
  <c r="S473" i="1"/>
  <c r="R473" i="1"/>
  <c r="Q473" i="1"/>
  <c r="P473" i="1"/>
  <c r="O473" i="1"/>
  <c r="N473" i="1"/>
  <c r="M473" i="1"/>
  <c r="L473" i="1"/>
  <c r="K467" i="1"/>
  <c r="J467" i="1"/>
  <c r="K466" i="1"/>
  <c r="J466" i="1"/>
  <c r="K465" i="1"/>
  <c r="J465" i="1"/>
  <c r="K464" i="1"/>
  <c r="J464" i="1"/>
  <c r="K463" i="1"/>
  <c r="J463" i="1"/>
  <c r="K462" i="1"/>
  <c r="J462" i="1"/>
  <c r="K461" i="1"/>
  <c r="J461" i="1"/>
  <c r="K460" i="1"/>
  <c r="J460" i="1"/>
  <c r="K459" i="1"/>
  <c r="J459" i="1"/>
  <c r="K458" i="1"/>
  <c r="J458" i="1"/>
  <c r="K457" i="1"/>
  <c r="J457" i="1"/>
  <c r="K456" i="1"/>
  <c r="J456" i="1"/>
  <c r="K455" i="1"/>
  <c r="J455" i="1"/>
  <c r="K454" i="1"/>
  <c r="J454" i="1"/>
  <c r="K453" i="1"/>
  <c r="J453" i="1"/>
  <c r="K452" i="1"/>
  <c r="J452" i="1"/>
  <c r="K451" i="1"/>
  <c r="J451" i="1"/>
  <c r="K450" i="1"/>
  <c r="J450" i="1"/>
  <c r="K449" i="1"/>
  <c r="J449" i="1"/>
  <c r="K448" i="1"/>
  <c r="J448" i="1"/>
  <c r="K447" i="1"/>
  <c r="J447" i="1"/>
  <c r="K446" i="1"/>
  <c r="J446" i="1"/>
  <c r="K445" i="1"/>
  <c r="J445" i="1"/>
  <c r="K444" i="1"/>
  <c r="J444" i="1"/>
  <c r="K443" i="1"/>
  <c r="J443" i="1"/>
  <c r="K442" i="1"/>
  <c r="J442" i="1"/>
  <c r="K441" i="1"/>
  <c r="J441" i="1"/>
  <c r="K440" i="1"/>
  <c r="J440" i="1"/>
  <c r="K439" i="1"/>
  <c r="J439" i="1"/>
  <c r="K438" i="1"/>
  <c r="J438" i="1"/>
  <c r="K437" i="1"/>
  <c r="J437" i="1"/>
  <c r="K436" i="1"/>
  <c r="J436" i="1"/>
  <c r="K435" i="1"/>
  <c r="J435" i="1"/>
  <c r="K434" i="1"/>
  <c r="J434" i="1"/>
  <c r="K433" i="1"/>
  <c r="J433" i="1"/>
  <c r="K432" i="1"/>
  <c r="J432" i="1"/>
  <c r="K431" i="1"/>
  <c r="J431" i="1"/>
  <c r="K430" i="1"/>
  <c r="J430" i="1"/>
  <c r="K429" i="1"/>
  <c r="J429" i="1"/>
  <c r="K428" i="1"/>
  <c r="J428" i="1"/>
  <c r="K427" i="1"/>
  <c r="J427" i="1"/>
  <c r="K426" i="1"/>
  <c r="J426" i="1"/>
  <c r="K425" i="1"/>
  <c r="J425" i="1"/>
  <c r="K424" i="1"/>
  <c r="J424" i="1"/>
  <c r="K423" i="1"/>
  <c r="J423" i="1"/>
  <c r="K422" i="1"/>
  <c r="J422" i="1"/>
  <c r="K421" i="1"/>
  <c r="J421" i="1"/>
  <c r="K420" i="1"/>
  <c r="J420" i="1"/>
  <c r="K419" i="1"/>
  <c r="J419" i="1"/>
  <c r="K418" i="1"/>
  <c r="J418" i="1"/>
  <c r="K417" i="1"/>
  <c r="J417" i="1"/>
  <c r="K416" i="1"/>
  <c r="J416" i="1"/>
  <c r="K415" i="1"/>
  <c r="J415" i="1"/>
  <c r="K414" i="1"/>
  <c r="J414" i="1"/>
  <c r="K413" i="1"/>
  <c r="J413" i="1"/>
  <c r="K412" i="1"/>
  <c r="J412" i="1"/>
  <c r="K411" i="1"/>
  <c r="J411" i="1"/>
  <c r="K410" i="1"/>
  <c r="J410" i="1"/>
  <c r="K409" i="1"/>
  <c r="J409" i="1"/>
  <c r="K408" i="1"/>
  <c r="J408" i="1"/>
  <c r="K407" i="1"/>
  <c r="J407" i="1"/>
  <c r="K406" i="1"/>
  <c r="J406" i="1"/>
  <c r="K405" i="1"/>
  <c r="J405" i="1"/>
  <c r="K404" i="1"/>
  <c r="J404" i="1"/>
  <c r="K403" i="1"/>
  <c r="J403" i="1"/>
  <c r="K402" i="1"/>
  <c r="J402" i="1"/>
  <c r="K401" i="1"/>
  <c r="J401" i="1"/>
  <c r="K400" i="1"/>
  <c r="J400" i="1"/>
  <c r="K399" i="1"/>
  <c r="J399" i="1"/>
  <c r="K398" i="1"/>
  <c r="J398" i="1"/>
  <c r="K397" i="1"/>
  <c r="J397" i="1"/>
  <c r="K396" i="1"/>
  <c r="J396" i="1"/>
  <c r="K395" i="1"/>
  <c r="J395" i="1"/>
  <c r="K394" i="1"/>
  <c r="J394" i="1"/>
  <c r="K393" i="1"/>
  <c r="J393" i="1"/>
  <c r="K392" i="1"/>
  <c r="J392" i="1"/>
  <c r="K372" i="1"/>
  <c r="K371" i="1"/>
  <c r="K370" i="1"/>
  <c r="K369" i="1"/>
  <c r="K368" i="1"/>
  <c r="K367" i="1"/>
  <c r="BS366" i="1"/>
  <c r="BR366" i="1"/>
  <c r="BQ366" i="1"/>
  <c r="BP366" i="1"/>
  <c r="BO366" i="1"/>
  <c r="BN366" i="1"/>
  <c r="BM366" i="1"/>
  <c r="BL366" i="1"/>
  <c r="BK366" i="1"/>
  <c r="BJ366" i="1"/>
  <c r="BI366" i="1"/>
  <c r="BH366" i="1"/>
  <c r="BG366" i="1"/>
  <c r="BF366" i="1"/>
  <c r="BE366" i="1"/>
  <c r="BD366" i="1"/>
  <c r="BC366" i="1"/>
  <c r="BB366" i="1"/>
  <c r="BA366" i="1"/>
  <c r="AZ366" i="1"/>
  <c r="AY366" i="1"/>
  <c r="AX366" i="1"/>
  <c r="AW366" i="1"/>
  <c r="AV366" i="1"/>
  <c r="AU366" i="1"/>
  <c r="AT366" i="1"/>
  <c r="AS366" i="1"/>
  <c r="AR366" i="1"/>
  <c r="AQ366" i="1"/>
  <c r="AP366" i="1"/>
  <c r="AO366" i="1"/>
  <c r="AN366" i="1"/>
  <c r="AM366" i="1"/>
  <c r="AL366" i="1"/>
  <c r="AK366" i="1"/>
  <c r="AJ366" i="1"/>
  <c r="AI366" i="1"/>
  <c r="AH366" i="1"/>
  <c r="AG366" i="1"/>
  <c r="AF366" i="1"/>
  <c r="AE366" i="1"/>
  <c r="AD366" i="1"/>
  <c r="AC366" i="1"/>
  <c r="AB366" i="1"/>
  <c r="AA366" i="1"/>
  <c r="Z366" i="1"/>
  <c r="Y366" i="1"/>
  <c r="X366" i="1"/>
  <c r="W366" i="1"/>
  <c r="V366" i="1"/>
  <c r="U366" i="1"/>
  <c r="T366" i="1"/>
  <c r="S366" i="1"/>
  <c r="R366" i="1"/>
  <c r="Q366" i="1"/>
  <c r="P366" i="1"/>
  <c r="O366" i="1"/>
  <c r="N366" i="1"/>
  <c r="M366" i="1"/>
  <c r="L366" i="1"/>
  <c r="BS365" i="1"/>
  <c r="BR365" i="1"/>
  <c r="BQ365" i="1"/>
  <c r="BP365" i="1"/>
  <c r="BO365" i="1"/>
  <c r="BN365" i="1"/>
  <c r="BM365" i="1"/>
  <c r="BL365" i="1"/>
  <c r="BK365" i="1"/>
  <c r="BJ365" i="1"/>
  <c r="BI365" i="1"/>
  <c r="BH365" i="1"/>
  <c r="BG365" i="1"/>
  <c r="BF365" i="1"/>
  <c r="BE365" i="1"/>
  <c r="BD365" i="1"/>
  <c r="BC365" i="1"/>
  <c r="BB365" i="1"/>
  <c r="BA365" i="1"/>
  <c r="AZ365" i="1"/>
  <c r="AY365" i="1"/>
  <c r="AX365" i="1"/>
  <c r="AW365" i="1"/>
  <c r="AV365" i="1"/>
  <c r="AU365" i="1"/>
  <c r="AT365" i="1"/>
  <c r="AS365" i="1"/>
  <c r="AR365" i="1"/>
  <c r="AQ365" i="1"/>
  <c r="AP365" i="1"/>
  <c r="AO365" i="1"/>
  <c r="AN365" i="1"/>
  <c r="AM365" i="1"/>
  <c r="AL365" i="1"/>
  <c r="AK365" i="1"/>
  <c r="AJ365" i="1"/>
  <c r="AI365" i="1"/>
  <c r="AH365" i="1"/>
  <c r="AG365" i="1"/>
  <c r="AF365" i="1"/>
  <c r="AE365" i="1"/>
  <c r="AD365" i="1"/>
  <c r="AC365" i="1"/>
  <c r="AB365" i="1"/>
  <c r="AA365" i="1"/>
  <c r="Z365" i="1"/>
  <c r="Y365" i="1"/>
  <c r="X365" i="1"/>
  <c r="W365" i="1"/>
  <c r="V365" i="1"/>
  <c r="U365" i="1"/>
  <c r="T365" i="1"/>
  <c r="S365" i="1"/>
  <c r="R365" i="1"/>
  <c r="Q365" i="1"/>
  <c r="P365" i="1"/>
  <c r="O365" i="1"/>
  <c r="N365" i="1"/>
  <c r="M365" i="1"/>
  <c r="L365" i="1"/>
  <c r="K358" i="1"/>
  <c r="J358" i="1"/>
  <c r="K357" i="1"/>
  <c r="J357" i="1"/>
  <c r="K356" i="1"/>
  <c r="J356" i="1"/>
  <c r="K355" i="1"/>
  <c r="J355" i="1"/>
  <c r="K354" i="1"/>
  <c r="J354" i="1"/>
  <c r="BS353" i="1"/>
  <c r="BR353" i="1"/>
  <c r="BQ353" i="1"/>
  <c r="BP353" i="1"/>
  <c r="BO353" i="1"/>
  <c r="BN353" i="1"/>
  <c r="BM353" i="1"/>
  <c r="BL353" i="1"/>
  <c r="BK353" i="1"/>
  <c r="BJ353" i="1"/>
  <c r="BI353" i="1"/>
  <c r="BH353" i="1"/>
  <c r="BG353" i="1"/>
  <c r="BF353" i="1"/>
  <c r="BE353" i="1"/>
  <c r="BD353" i="1"/>
  <c r="BC353" i="1"/>
  <c r="BB353" i="1"/>
  <c r="BA353" i="1"/>
  <c r="AZ353" i="1"/>
  <c r="AY353" i="1"/>
  <c r="AX353" i="1"/>
  <c r="AW353" i="1"/>
  <c r="AV353" i="1"/>
  <c r="AU353" i="1"/>
  <c r="AT353" i="1"/>
  <c r="AS353" i="1"/>
  <c r="AR353" i="1"/>
  <c r="AQ353" i="1"/>
  <c r="AP353" i="1"/>
  <c r="AO353" i="1"/>
  <c r="AN353" i="1"/>
  <c r="AM353" i="1"/>
  <c r="AL353" i="1"/>
  <c r="AK353" i="1"/>
  <c r="AJ353" i="1"/>
  <c r="AI353" i="1"/>
  <c r="AH353" i="1"/>
  <c r="AG353" i="1"/>
  <c r="AF353" i="1"/>
  <c r="AE353" i="1"/>
  <c r="AD353" i="1"/>
  <c r="AC353" i="1"/>
  <c r="AB353" i="1"/>
  <c r="AA353" i="1"/>
  <c r="Z353" i="1"/>
  <c r="Y353" i="1"/>
  <c r="X353" i="1"/>
  <c r="W353" i="1"/>
  <c r="V353" i="1"/>
  <c r="U353" i="1"/>
  <c r="T353" i="1"/>
  <c r="S353" i="1"/>
  <c r="R353" i="1"/>
  <c r="Q353" i="1"/>
  <c r="P353" i="1"/>
  <c r="O353" i="1"/>
  <c r="N353" i="1"/>
  <c r="M353" i="1"/>
  <c r="L353" i="1"/>
  <c r="BS352" i="1"/>
  <c r="BR352" i="1"/>
  <c r="BQ352" i="1"/>
  <c r="BP352" i="1"/>
  <c r="BO352" i="1"/>
  <c r="BN352" i="1"/>
  <c r="BM352" i="1"/>
  <c r="BL352" i="1"/>
  <c r="BK352" i="1"/>
  <c r="BJ352" i="1"/>
  <c r="BI352" i="1"/>
  <c r="BH352" i="1"/>
  <c r="BG352" i="1"/>
  <c r="BF352" i="1"/>
  <c r="BE352" i="1"/>
  <c r="BD352" i="1"/>
  <c r="BC352" i="1"/>
  <c r="BB352" i="1"/>
  <c r="BA352" i="1"/>
  <c r="AZ352" i="1"/>
  <c r="AY352" i="1"/>
  <c r="AX352" i="1"/>
  <c r="AW352" i="1"/>
  <c r="AV352" i="1"/>
  <c r="AU352" i="1"/>
  <c r="AT352" i="1"/>
  <c r="AS352" i="1"/>
  <c r="AR352" i="1"/>
  <c r="AQ352" i="1"/>
  <c r="AP352" i="1"/>
  <c r="AO352" i="1"/>
  <c r="AN352" i="1"/>
  <c r="AM352" i="1"/>
  <c r="AL352" i="1"/>
  <c r="AK352" i="1"/>
  <c r="AJ352" i="1"/>
  <c r="AI352" i="1"/>
  <c r="AH352" i="1"/>
  <c r="AG352" i="1"/>
  <c r="AF352" i="1"/>
  <c r="AE352" i="1"/>
  <c r="AD352" i="1"/>
  <c r="AC352" i="1"/>
  <c r="AB352" i="1"/>
  <c r="AA352" i="1"/>
  <c r="Z352" i="1"/>
  <c r="Y352" i="1"/>
  <c r="X352" i="1"/>
  <c r="W352" i="1"/>
  <c r="V352" i="1"/>
  <c r="U352" i="1"/>
  <c r="T352" i="1"/>
  <c r="S352" i="1"/>
  <c r="R352" i="1"/>
  <c r="Q352" i="1"/>
  <c r="P352" i="1"/>
  <c r="O352" i="1"/>
  <c r="N352" i="1"/>
  <c r="M352" i="1"/>
  <c r="L352" i="1"/>
  <c r="K346" i="1"/>
  <c r="J346"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BS328" i="1"/>
  <c r="BR328" i="1"/>
  <c r="BQ328" i="1"/>
  <c r="BP328" i="1"/>
  <c r="BO328" i="1"/>
  <c r="BN328" i="1"/>
  <c r="BM328" i="1"/>
  <c r="BL328" i="1"/>
  <c r="BK328" i="1"/>
  <c r="BJ328" i="1"/>
  <c r="BI328" i="1"/>
  <c r="BH328" i="1"/>
  <c r="BG328" i="1"/>
  <c r="BF328" i="1"/>
  <c r="BE328" i="1"/>
  <c r="BD328" i="1"/>
  <c r="BC328" i="1"/>
  <c r="BB328" i="1"/>
  <c r="BA328" i="1"/>
  <c r="AZ328" i="1"/>
  <c r="AY328" i="1"/>
  <c r="AX328" i="1"/>
  <c r="AW328" i="1"/>
  <c r="AV328" i="1"/>
  <c r="AU328" i="1"/>
  <c r="AT328" i="1"/>
  <c r="AS328" i="1"/>
  <c r="AR328" i="1"/>
  <c r="AQ328" i="1"/>
  <c r="AP328" i="1"/>
  <c r="AO328" i="1"/>
  <c r="AN328" i="1"/>
  <c r="AM328" i="1"/>
  <c r="AL328" i="1"/>
  <c r="AK328" i="1"/>
  <c r="AJ328" i="1"/>
  <c r="AI328" i="1"/>
  <c r="AH328" i="1"/>
  <c r="AG328" i="1"/>
  <c r="AF328" i="1"/>
  <c r="AE328" i="1"/>
  <c r="AD328" i="1"/>
  <c r="AC328" i="1"/>
  <c r="AB328" i="1"/>
  <c r="AA328" i="1"/>
  <c r="Z328" i="1"/>
  <c r="Y328" i="1"/>
  <c r="X328" i="1"/>
  <c r="W328" i="1"/>
  <c r="V328" i="1"/>
  <c r="U328" i="1"/>
  <c r="T328" i="1"/>
  <c r="S328" i="1"/>
  <c r="R328" i="1"/>
  <c r="Q328" i="1"/>
  <c r="P328" i="1"/>
  <c r="O328" i="1"/>
  <c r="N328" i="1"/>
  <c r="M328" i="1"/>
  <c r="L328" i="1"/>
  <c r="BS327" i="1"/>
  <c r="BR327" i="1"/>
  <c r="BQ327" i="1"/>
  <c r="BP327" i="1"/>
  <c r="BO327" i="1"/>
  <c r="BN327" i="1"/>
  <c r="BM327" i="1"/>
  <c r="BL327" i="1"/>
  <c r="BK327" i="1"/>
  <c r="BJ327" i="1"/>
  <c r="BI327" i="1"/>
  <c r="BH327" i="1"/>
  <c r="BG327" i="1"/>
  <c r="BF327" i="1"/>
  <c r="BE327" i="1"/>
  <c r="BD327" i="1"/>
  <c r="BC327" i="1"/>
  <c r="BB327" i="1"/>
  <c r="BA327" i="1"/>
  <c r="AZ327" i="1"/>
  <c r="AY327" i="1"/>
  <c r="AX327" i="1"/>
  <c r="AW327" i="1"/>
  <c r="AV327" i="1"/>
  <c r="AU327" i="1"/>
  <c r="AT327" i="1"/>
  <c r="AS327" i="1"/>
  <c r="AR327" i="1"/>
  <c r="AQ327" i="1"/>
  <c r="AP327" i="1"/>
  <c r="AO327" i="1"/>
  <c r="AN327" i="1"/>
  <c r="AM327" i="1"/>
  <c r="AL327" i="1"/>
  <c r="AK327" i="1"/>
  <c r="AJ327" i="1"/>
  <c r="AI327" i="1"/>
  <c r="AH327" i="1"/>
  <c r="AG327" i="1"/>
  <c r="AF327" i="1"/>
  <c r="AE327" i="1"/>
  <c r="AD327" i="1"/>
  <c r="AC327" i="1"/>
  <c r="AB327" i="1"/>
  <c r="AA327" i="1"/>
  <c r="Z327" i="1"/>
  <c r="Y327" i="1"/>
  <c r="X327" i="1"/>
  <c r="W327" i="1"/>
  <c r="V327" i="1"/>
  <c r="U327" i="1"/>
  <c r="T327" i="1"/>
  <c r="S327" i="1"/>
  <c r="R327" i="1"/>
  <c r="Q327" i="1"/>
  <c r="P327" i="1"/>
  <c r="O327" i="1"/>
  <c r="N327" i="1"/>
  <c r="M327" i="1"/>
  <c r="L327" i="1"/>
  <c r="K321" i="1"/>
  <c r="J321" i="1"/>
  <c r="K320" i="1"/>
  <c r="J320" i="1"/>
  <c r="K319" i="1"/>
  <c r="J319" i="1"/>
  <c r="K318" i="1"/>
  <c r="J318" i="1"/>
  <c r="K317" i="1"/>
  <c r="J317" i="1"/>
  <c r="K316" i="1"/>
  <c r="J316" i="1"/>
  <c r="BS315" i="1"/>
  <c r="BR315" i="1"/>
  <c r="BQ315" i="1"/>
  <c r="BP315" i="1"/>
  <c r="BO315" i="1"/>
  <c r="BN315" i="1"/>
  <c r="BM315" i="1"/>
  <c r="BL315" i="1"/>
  <c r="BK315" i="1"/>
  <c r="BJ315" i="1"/>
  <c r="BI315" i="1"/>
  <c r="BH315" i="1"/>
  <c r="BG315" i="1"/>
  <c r="BF315" i="1"/>
  <c r="BE315" i="1"/>
  <c r="BD315" i="1"/>
  <c r="BC315" i="1"/>
  <c r="BB315" i="1"/>
  <c r="BA315" i="1"/>
  <c r="AZ315" i="1"/>
  <c r="AY315" i="1"/>
  <c r="AX315" i="1"/>
  <c r="AW315" i="1"/>
  <c r="AV315" i="1"/>
  <c r="AU315" i="1"/>
  <c r="AT315" i="1"/>
  <c r="AS315" i="1"/>
  <c r="AR315" i="1"/>
  <c r="AQ315" i="1"/>
  <c r="AP315" i="1"/>
  <c r="AO315" i="1"/>
  <c r="AN315" i="1"/>
  <c r="AM315" i="1"/>
  <c r="AL315" i="1"/>
  <c r="AK315" i="1"/>
  <c r="AJ315" i="1"/>
  <c r="AI315" i="1"/>
  <c r="AH315" i="1"/>
  <c r="AG315" i="1"/>
  <c r="AF315" i="1"/>
  <c r="AE315" i="1"/>
  <c r="AD315" i="1"/>
  <c r="AC315" i="1"/>
  <c r="AB315" i="1"/>
  <c r="AA315" i="1"/>
  <c r="Z315" i="1"/>
  <c r="Y315" i="1"/>
  <c r="X315" i="1"/>
  <c r="W315" i="1"/>
  <c r="V315" i="1"/>
  <c r="U315" i="1"/>
  <c r="T315" i="1"/>
  <c r="S315" i="1"/>
  <c r="R315" i="1"/>
  <c r="Q315" i="1"/>
  <c r="P315" i="1"/>
  <c r="O315" i="1"/>
  <c r="N315" i="1"/>
  <c r="M315" i="1"/>
  <c r="L315" i="1"/>
  <c r="BS314" i="1"/>
  <c r="BR314" i="1"/>
  <c r="BQ314" i="1"/>
  <c r="BP314" i="1"/>
  <c r="BO314" i="1"/>
  <c r="BN314" i="1"/>
  <c r="BM314" i="1"/>
  <c r="BL314" i="1"/>
  <c r="BK314" i="1"/>
  <c r="BJ314" i="1"/>
  <c r="BI314" i="1"/>
  <c r="BH314" i="1"/>
  <c r="BG314" i="1"/>
  <c r="BF314" i="1"/>
  <c r="BE314" i="1"/>
  <c r="BD314" i="1"/>
  <c r="BC314" i="1"/>
  <c r="BB314" i="1"/>
  <c r="BA314" i="1"/>
  <c r="AZ314" i="1"/>
  <c r="AY314" i="1"/>
  <c r="AX314" i="1"/>
  <c r="AW314" i="1"/>
  <c r="AV314" i="1"/>
  <c r="AU314" i="1"/>
  <c r="AT314" i="1"/>
  <c r="AS314" i="1"/>
  <c r="AR314" i="1"/>
  <c r="AQ314" i="1"/>
  <c r="AP314" i="1"/>
  <c r="AO314" i="1"/>
  <c r="AN314" i="1"/>
  <c r="AM314" i="1"/>
  <c r="AL314" i="1"/>
  <c r="AK314" i="1"/>
  <c r="AJ314" i="1"/>
  <c r="AI314" i="1"/>
  <c r="AH314" i="1"/>
  <c r="AG314" i="1"/>
  <c r="AF314" i="1"/>
  <c r="AE314" i="1"/>
  <c r="AD314" i="1"/>
  <c r="AC314" i="1"/>
  <c r="AB314" i="1"/>
  <c r="AA314" i="1"/>
  <c r="Z314" i="1"/>
  <c r="Y314" i="1"/>
  <c r="X314" i="1"/>
  <c r="W314" i="1"/>
  <c r="V314" i="1"/>
  <c r="U314" i="1"/>
  <c r="T314" i="1"/>
  <c r="S314" i="1"/>
  <c r="R314" i="1"/>
  <c r="Q314" i="1"/>
  <c r="P314" i="1"/>
  <c r="O314" i="1"/>
  <c r="N314" i="1"/>
  <c r="M314" i="1"/>
  <c r="L314" i="1"/>
  <c r="BS295" i="1"/>
  <c r="BR295" i="1"/>
  <c r="BQ295" i="1"/>
  <c r="BP295" i="1"/>
  <c r="BO295" i="1"/>
  <c r="BN295" i="1"/>
  <c r="BM295" i="1"/>
  <c r="BL295" i="1"/>
  <c r="BK295" i="1"/>
  <c r="BJ295" i="1"/>
  <c r="BI295" i="1"/>
  <c r="BH295" i="1"/>
  <c r="BG295" i="1"/>
  <c r="BF295" i="1"/>
  <c r="BE295" i="1"/>
  <c r="BD295" i="1"/>
  <c r="BC295" i="1"/>
  <c r="BB295" i="1"/>
  <c r="BA295" i="1"/>
  <c r="AZ295" i="1"/>
  <c r="AY295" i="1"/>
  <c r="AX295" i="1"/>
  <c r="AW295" i="1"/>
  <c r="AV295" i="1"/>
  <c r="AU295" i="1"/>
  <c r="AT295" i="1"/>
  <c r="AS295" i="1"/>
  <c r="AR295" i="1"/>
  <c r="AQ295" i="1"/>
  <c r="AP295" i="1"/>
  <c r="AO295" i="1"/>
  <c r="AN295" i="1"/>
  <c r="AM295" i="1"/>
  <c r="AL295" i="1"/>
  <c r="AK295" i="1"/>
  <c r="AJ295" i="1"/>
  <c r="AI295" i="1"/>
  <c r="AH295" i="1"/>
  <c r="AG295" i="1"/>
  <c r="AF295" i="1"/>
  <c r="AE295" i="1"/>
  <c r="AD295" i="1"/>
  <c r="AC295" i="1"/>
  <c r="AB295" i="1"/>
  <c r="AA295" i="1"/>
  <c r="Z295" i="1"/>
  <c r="Y295" i="1"/>
  <c r="X295" i="1"/>
  <c r="W295" i="1"/>
  <c r="V295" i="1"/>
  <c r="U295" i="1"/>
  <c r="T295" i="1"/>
  <c r="S295" i="1"/>
  <c r="R295" i="1"/>
  <c r="BS292" i="1"/>
  <c r="BR292" i="1"/>
  <c r="BQ292" i="1"/>
  <c r="BP292" i="1"/>
  <c r="BO292" i="1"/>
  <c r="BN292" i="1"/>
  <c r="BM292" i="1"/>
  <c r="BL292" i="1"/>
  <c r="BK292" i="1"/>
  <c r="BJ292" i="1"/>
  <c r="BI292" i="1"/>
  <c r="BH292" i="1"/>
  <c r="BG292" i="1"/>
  <c r="BF292" i="1"/>
  <c r="BE292" i="1"/>
  <c r="BD292" i="1"/>
  <c r="BC292" i="1"/>
  <c r="BB292" i="1"/>
  <c r="BA292" i="1"/>
  <c r="AZ292" i="1"/>
  <c r="AY292" i="1"/>
  <c r="AX292" i="1"/>
  <c r="AW292" i="1"/>
  <c r="AV292" i="1"/>
  <c r="AU292" i="1"/>
  <c r="AT292" i="1"/>
  <c r="AS292" i="1"/>
  <c r="AR292" i="1"/>
  <c r="AQ292" i="1"/>
  <c r="AP292" i="1"/>
  <c r="AO292" i="1"/>
  <c r="AN292" i="1"/>
  <c r="AM292" i="1"/>
  <c r="AL292" i="1"/>
  <c r="AK292" i="1"/>
  <c r="AJ292" i="1"/>
  <c r="AI292" i="1"/>
  <c r="AH292" i="1"/>
  <c r="AG292" i="1"/>
  <c r="AF292" i="1"/>
  <c r="AE292" i="1"/>
  <c r="AD292" i="1"/>
  <c r="AC292" i="1"/>
  <c r="AB292" i="1"/>
  <c r="AA292" i="1"/>
  <c r="Z292" i="1"/>
  <c r="Y292" i="1"/>
  <c r="X292" i="1"/>
  <c r="W292" i="1"/>
  <c r="V292" i="1"/>
  <c r="U292" i="1"/>
  <c r="T292" i="1"/>
  <c r="S292" i="1"/>
  <c r="R292" i="1"/>
  <c r="Q292" i="1"/>
  <c r="P292" i="1"/>
  <c r="O292" i="1"/>
  <c r="N292" i="1"/>
  <c r="M292" i="1"/>
  <c r="L292" i="1"/>
  <c r="BS291" i="1"/>
  <c r="BR291" i="1"/>
  <c r="BQ291" i="1"/>
  <c r="BP291" i="1"/>
  <c r="BO291" i="1"/>
  <c r="BN291" i="1"/>
  <c r="BM291" i="1"/>
  <c r="BL291" i="1"/>
  <c r="BK291" i="1"/>
  <c r="BJ291" i="1"/>
  <c r="BI291" i="1"/>
  <c r="BH291" i="1"/>
  <c r="BG291" i="1"/>
  <c r="BF291" i="1"/>
  <c r="BE291" i="1"/>
  <c r="BD291" i="1"/>
  <c r="BC291" i="1"/>
  <c r="BB291" i="1"/>
  <c r="BA291" i="1"/>
  <c r="AZ291" i="1"/>
  <c r="AY291" i="1"/>
  <c r="AX291" i="1"/>
  <c r="AW291" i="1"/>
  <c r="AV291" i="1"/>
  <c r="AU291" i="1"/>
  <c r="AT291" i="1"/>
  <c r="AS291" i="1"/>
  <c r="AR291" i="1"/>
  <c r="AQ291" i="1"/>
  <c r="AP291" i="1"/>
  <c r="AO291" i="1"/>
  <c r="AN291" i="1"/>
  <c r="AM291" i="1"/>
  <c r="AL291" i="1"/>
  <c r="AK291" i="1"/>
  <c r="AJ291" i="1"/>
  <c r="AI291" i="1"/>
  <c r="AH291" i="1"/>
  <c r="AG291" i="1"/>
  <c r="AF291" i="1"/>
  <c r="AE291" i="1"/>
  <c r="AD291" i="1"/>
  <c r="AC291" i="1"/>
  <c r="AB291" i="1"/>
  <c r="AA291" i="1"/>
  <c r="Z291" i="1"/>
  <c r="Y291" i="1"/>
  <c r="X291" i="1"/>
  <c r="W291" i="1"/>
  <c r="V291" i="1"/>
  <c r="U291" i="1"/>
  <c r="T291" i="1"/>
  <c r="S291" i="1"/>
  <c r="R291" i="1"/>
  <c r="Q291" i="1"/>
  <c r="P291" i="1"/>
  <c r="O291" i="1"/>
  <c r="N291" i="1"/>
  <c r="M291" i="1"/>
  <c r="L291" i="1"/>
  <c r="BS267" i="1"/>
  <c r="BR267" i="1"/>
  <c r="BQ267" i="1"/>
  <c r="BP267" i="1"/>
  <c r="BO267" i="1"/>
  <c r="BN267" i="1"/>
  <c r="BM267" i="1"/>
  <c r="BL267" i="1"/>
  <c r="BK267" i="1"/>
  <c r="BJ267" i="1"/>
  <c r="BI267" i="1"/>
  <c r="BH267" i="1"/>
  <c r="BG267" i="1"/>
  <c r="BF267" i="1"/>
  <c r="BE267" i="1"/>
  <c r="BD267" i="1"/>
  <c r="BC267" i="1"/>
  <c r="BB267" i="1"/>
  <c r="BA267" i="1"/>
  <c r="AZ267" i="1"/>
  <c r="AY267" i="1"/>
  <c r="AX267" i="1"/>
  <c r="AW267" i="1"/>
  <c r="AV267" i="1"/>
  <c r="AU267" i="1"/>
  <c r="AT267" i="1"/>
  <c r="AS267" i="1"/>
  <c r="AR267" i="1"/>
  <c r="AQ267" i="1"/>
  <c r="AP267" i="1"/>
  <c r="AO267" i="1"/>
  <c r="AN267" i="1"/>
  <c r="AM267" i="1"/>
  <c r="AL267" i="1"/>
  <c r="AK267" i="1"/>
  <c r="AJ267" i="1"/>
  <c r="AI267" i="1"/>
  <c r="AH267" i="1"/>
  <c r="AG267" i="1"/>
  <c r="AF267" i="1"/>
  <c r="AE267" i="1"/>
  <c r="AD267" i="1"/>
  <c r="AC267" i="1"/>
  <c r="AB267" i="1"/>
  <c r="AA267" i="1"/>
  <c r="Z267" i="1"/>
  <c r="Y267" i="1"/>
  <c r="X267" i="1"/>
  <c r="W267" i="1"/>
  <c r="V267" i="1"/>
  <c r="U267" i="1"/>
  <c r="T267" i="1"/>
  <c r="S267" i="1"/>
  <c r="R267" i="1"/>
  <c r="Q267" i="1"/>
  <c r="P267" i="1"/>
  <c r="O267" i="1"/>
  <c r="N267" i="1"/>
  <c r="M267" i="1"/>
  <c r="L267" i="1"/>
  <c r="BS266" i="1"/>
  <c r="BR266" i="1"/>
  <c r="BQ266" i="1"/>
  <c r="BP266" i="1"/>
  <c r="BO266" i="1"/>
  <c r="BN266" i="1"/>
  <c r="BM266" i="1"/>
  <c r="BL266" i="1"/>
  <c r="BK266" i="1"/>
  <c r="BJ266" i="1"/>
  <c r="BI266" i="1"/>
  <c r="BH266" i="1"/>
  <c r="BG266" i="1"/>
  <c r="BF266" i="1"/>
  <c r="BE266" i="1"/>
  <c r="BD266" i="1"/>
  <c r="BC266" i="1"/>
  <c r="BB266" i="1"/>
  <c r="BA266" i="1"/>
  <c r="AZ266" i="1"/>
  <c r="AY266" i="1"/>
  <c r="AX266" i="1"/>
  <c r="AW266" i="1"/>
  <c r="AV266" i="1"/>
  <c r="AU266" i="1"/>
  <c r="AT266" i="1"/>
  <c r="AS266" i="1"/>
  <c r="AR266" i="1"/>
  <c r="AQ266" i="1"/>
  <c r="AP266" i="1"/>
  <c r="AO266" i="1"/>
  <c r="AN266" i="1"/>
  <c r="AM266" i="1"/>
  <c r="AL266" i="1"/>
  <c r="AK266" i="1"/>
  <c r="AJ266" i="1"/>
  <c r="AI266" i="1"/>
  <c r="AH266" i="1"/>
  <c r="AG266" i="1"/>
  <c r="AF266" i="1"/>
  <c r="AE266" i="1"/>
  <c r="AD266" i="1"/>
  <c r="AC266" i="1"/>
  <c r="AB266" i="1"/>
  <c r="AA266" i="1"/>
  <c r="Z266" i="1"/>
  <c r="Y266" i="1"/>
  <c r="X266" i="1"/>
  <c r="W266" i="1"/>
  <c r="V266" i="1"/>
  <c r="U266" i="1"/>
  <c r="T266" i="1"/>
  <c r="S266" i="1"/>
  <c r="R266" i="1"/>
  <c r="Q266" i="1"/>
  <c r="P266" i="1"/>
  <c r="O266" i="1"/>
  <c r="N266" i="1"/>
  <c r="M266" i="1"/>
  <c r="L266" i="1"/>
  <c r="BS247" i="1"/>
  <c r="BR247" i="1"/>
  <c r="BQ247" i="1"/>
  <c r="BP247" i="1"/>
  <c r="BO247" i="1"/>
  <c r="BN247" i="1"/>
  <c r="BM247" i="1"/>
  <c r="BL247" i="1"/>
  <c r="BK247" i="1"/>
  <c r="BJ247" i="1"/>
  <c r="BI247" i="1"/>
  <c r="BH247" i="1"/>
  <c r="BG247" i="1"/>
  <c r="BF247" i="1"/>
  <c r="BE247" i="1"/>
  <c r="BD247" i="1"/>
  <c r="BC247" i="1"/>
  <c r="BB247" i="1"/>
  <c r="BA247" i="1"/>
  <c r="AZ247" i="1"/>
  <c r="AY247" i="1"/>
  <c r="AX247" i="1"/>
  <c r="AW247" i="1"/>
  <c r="AV247" i="1"/>
  <c r="AU247" i="1"/>
  <c r="AT247" i="1"/>
  <c r="AS247" i="1"/>
  <c r="AR247" i="1"/>
  <c r="AQ247" i="1"/>
  <c r="AP247" i="1"/>
  <c r="AO247" i="1"/>
  <c r="AN247" i="1"/>
  <c r="AM247" i="1"/>
  <c r="AL247" i="1"/>
  <c r="AK247" i="1"/>
  <c r="AJ247" i="1"/>
  <c r="AI247" i="1"/>
  <c r="AH247" i="1"/>
  <c r="AG247" i="1"/>
  <c r="AF247" i="1"/>
  <c r="AE247" i="1"/>
  <c r="AD247" i="1"/>
  <c r="AC247" i="1"/>
  <c r="AB247" i="1"/>
  <c r="AA247" i="1"/>
  <c r="Z247" i="1"/>
  <c r="Y247" i="1"/>
  <c r="X247" i="1"/>
  <c r="W247" i="1"/>
  <c r="V247" i="1"/>
  <c r="U247" i="1"/>
  <c r="T247" i="1"/>
  <c r="S247" i="1"/>
  <c r="R247" i="1"/>
  <c r="Q247" i="1"/>
  <c r="P247" i="1"/>
  <c r="O247" i="1"/>
  <c r="N247" i="1"/>
  <c r="M247" i="1"/>
  <c r="L247" i="1"/>
  <c r="BS246" i="1"/>
  <c r="BR246" i="1"/>
  <c r="BQ246" i="1"/>
  <c r="BP246" i="1"/>
  <c r="BO246" i="1"/>
  <c r="BN246" i="1"/>
  <c r="BM246" i="1"/>
  <c r="BL246" i="1"/>
  <c r="BK246" i="1"/>
  <c r="BJ246" i="1"/>
  <c r="BI246" i="1"/>
  <c r="BH246" i="1"/>
  <c r="BG246" i="1"/>
  <c r="BF246" i="1"/>
  <c r="BE246" i="1"/>
  <c r="BD246" i="1"/>
  <c r="BC246" i="1"/>
  <c r="BB246" i="1"/>
  <c r="BA246" i="1"/>
  <c r="AZ246" i="1"/>
  <c r="AY246" i="1"/>
  <c r="AX246" i="1"/>
  <c r="AW246" i="1"/>
  <c r="AV246" i="1"/>
  <c r="AU246" i="1"/>
  <c r="AT246" i="1"/>
  <c r="AS246" i="1"/>
  <c r="AR246" i="1"/>
  <c r="AQ246" i="1"/>
  <c r="AP246" i="1"/>
  <c r="AO246" i="1"/>
  <c r="AN246" i="1"/>
  <c r="AM246" i="1"/>
  <c r="AL246" i="1"/>
  <c r="AK246" i="1"/>
  <c r="AJ246" i="1"/>
  <c r="AI246" i="1"/>
  <c r="AH246" i="1"/>
  <c r="AG246" i="1"/>
  <c r="AF246" i="1"/>
  <c r="AE246" i="1"/>
  <c r="AD246" i="1"/>
  <c r="AC246" i="1"/>
  <c r="AB246" i="1"/>
  <c r="AA246" i="1"/>
  <c r="Z246" i="1"/>
  <c r="Y246" i="1"/>
  <c r="X246" i="1"/>
  <c r="W246" i="1"/>
  <c r="V246" i="1"/>
  <c r="U246" i="1"/>
  <c r="T246" i="1"/>
  <c r="S246" i="1"/>
  <c r="R246" i="1"/>
  <c r="Q246" i="1"/>
  <c r="P246" i="1"/>
  <c r="O246" i="1"/>
  <c r="N246" i="1"/>
  <c r="M246" i="1"/>
  <c r="L246" i="1"/>
  <c r="K216" i="1"/>
  <c r="J216" i="1"/>
  <c r="K215" i="1"/>
  <c r="J215" i="1"/>
  <c r="K214" i="1"/>
  <c r="J214" i="1"/>
  <c r="K213" i="1"/>
  <c r="J213" i="1"/>
  <c r="K212" i="1"/>
  <c r="K211" i="1"/>
  <c r="K210" i="1"/>
  <c r="K209" i="1"/>
  <c r="K208" i="1"/>
  <c r="J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K191" i="1"/>
  <c r="K190" i="1"/>
  <c r="K189" i="1"/>
  <c r="BS188" i="1"/>
  <c r="BR188" i="1"/>
  <c r="BQ188" i="1"/>
  <c r="BP188" i="1"/>
  <c r="BO188" i="1"/>
  <c r="BN188" i="1"/>
  <c r="BM188" i="1"/>
  <c r="BL188" i="1"/>
  <c r="BK188" i="1"/>
  <c r="BJ188" i="1"/>
  <c r="BI188" i="1"/>
  <c r="BH188" i="1"/>
  <c r="BG188" i="1"/>
  <c r="BF188" i="1"/>
  <c r="BE188" i="1"/>
  <c r="BD188" i="1"/>
  <c r="BC188" i="1"/>
  <c r="BB188" i="1"/>
  <c r="BA188" i="1"/>
  <c r="AZ188" i="1"/>
  <c r="AY188" i="1"/>
  <c r="AX188" i="1"/>
  <c r="AW188" i="1"/>
  <c r="AV188" i="1"/>
  <c r="AU188" i="1"/>
  <c r="AT188" i="1"/>
  <c r="AS188" i="1"/>
  <c r="AR188" i="1"/>
  <c r="AQ188" i="1"/>
  <c r="AP188" i="1"/>
  <c r="AO188" i="1"/>
  <c r="AN188" i="1"/>
  <c r="AM188" i="1"/>
  <c r="AL188" i="1"/>
  <c r="AK188" i="1"/>
  <c r="AJ188" i="1"/>
  <c r="AI188" i="1"/>
  <c r="AH188" i="1"/>
  <c r="AG188" i="1"/>
  <c r="AF188" i="1"/>
  <c r="AE188" i="1"/>
  <c r="AD188" i="1"/>
  <c r="AC188" i="1"/>
  <c r="AB188" i="1"/>
  <c r="AA188" i="1"/>
  <c r="Z188" i="1"/>
  <c r="Y188" i="1"/>
  <c r="X188" i="1"/>
  <c r="W188" i="1"/>
  <c r="V188" i="1"/>
  <c r="U188" i="1"/>
  <c r="T188" i="1"/>
  <c r="S188" i="1"/>
  <c r="R188" i="1"/>
  <c r="Q188" i="1"/>
  <c r="P188" i="1"/>
  <c r="O188" i="1"/>
  <c r="N188" i="1"/>
  <c r="M188" i="1"/>
  <c r="L188" i="1"/>
  <c r="BS187" i="1"/>
  <c r="BR187" i="1"/>
  <c r="BQ187" i="1"/>
  <c r="BP187" i="1"/>
  <c r="BO187" i="1"/>
  <c r="BN187" i="1"/>
  <c r="BM187" i="1"/>
  <c r="BL187" i="1"/>
  <c r="BK187" i="1"/>
  <c r="BJ187" i="1"/>
  <c r="BI187" i="1"/>
  <c r="BH187" i="1"/>
  <c r="BG187" i="1"/>
  <c r="BF187" i="1"/>
  <c r="BE187" i="1"/>
  <c r="BD187" i="1"/>
  <c r="BC187" i="1"/>
  <c r="BB187" i="1"/>
  <c r="BA187" i="1"/>
  <c r="AZ187" i="1"/>
  <c r="AY187" i="1"/>
  <c r="AX187" i="1"/>
  <c r="AW187" i="1"/>
  <c r="AV187" i="1"/>
  <c r="AU187" i="1"/>
  <c r="AT187" i="1"/>
  <c r="AS187" i="1"/>
  <c r="AR187" i="1"/>
  <c r="AQ187" i="1"/>
  <c r="AP187" i="1"/>
  <c r="AO187" i="1"/>
  <c r="AN187" i="1"/>
  <c r="AM187" i="1"/>
  <c r="AL187" i="1"/>
  <c r="AK187" i="1"/>
  <c r="AJ187" i="1"/>
  <c r="AI187" i="1"/>
  <c r="AH187" i="1"/>
  <c r="AG187" i="1"/>
  <c r="AF187" i="1"/>
  <c r="AE187" i="1"/>
  <c r="AD187" i="1"/>
  <c r="AC187" i="1"/>
  <c r="AB187" i="1"/>
  <c r="AA187" i="1"/>
  <c r="Z187" i="1"/>
  <c r="Y187" i="1"/>
  <c r="X187" i="1"/>
  <c r="W187" i="1"/>
  <c r="V187" i="1"/>
  <c r="U187" i="1"/>
  <c r="T187" i="1"/>
  <c r="S187" i="1"/>
  <c r="R187" i="1"/>
  <c r="Q187" i="1"/>
  <c r="P187" i="1"/>
  <c r="O187" i="1"/>
  <c r="N187" i="1"/>
  <c r="M187" i="1"/>
  <c r="L187" i="1"/>
  <c r="BS176" i="1"/>
  <c r="BR176" i="1"/>
  <c r="BQ176" i="1"/>
  <c r="BP176" i="1"/>
  <c r="BO176" i="1"/>
  <c r="BN176" i="1"/>
  <c r="BM176" i="1"/>
  <c r="BL176" i="1"/>
  <c r="BK176" i="1"/>
  <c r="BJ176" i="1"/>
  <c r="BI176" i="1"/>
  <c r="BH176" i="1"/>
  <c r="BG176" i="1"/>
  <c r="BF176" i="1"/>
  <c r="BE176" i="1"/>
  <c r="BD176" i="1"/>
  <c r="BC176" i="1"/>
  <c r="BB176" i="1"/>
  <c r="BA176" i="1"/>
  <c r="AZ176" i="1"/>
  <c r="AY176" i="1"/>
  <c r="AX176" i="1"/>
  <c r="AW176" i="1"/>
  <c r="AV176" i="1"/>
  <c r="AU176" i="1"/>
  <c r="AT176" i="1"/>
  <c r="AS176" i="1"/>
  <c r="AR176" i="1"/>
  <c r="AQ176" i="1"/>
  <c r="AP176" i="1"/>
  <c r="AO176" i="1"/>
  <c r="AN176" i="1"/>
  <c r="AM176" i="1"/>
  <c r="AL176" i="1"/>
  <c r="AK176" i="1"/>
  <c r="AJ176" i="1"/>
  <c r="AI176" i="1"/>
  <c r="AH176" i="1"/>
  <c r="AG176" i="1"/>
  <c r="AF176" i="1"/>
  <c r="AE176" i="1"/>
  <c r="AD176" i="1"/>
  <c r="AC176" i="1"/>
  <c r="AB176" i="1"/>
  <c r="AA176" i="1"/>
  <c r="Z176" i="1"/>
  <c r="Y176" i="1"/>
  <c r="X176" i="1"/>
  <c r="W176" i="1"/>
  <c r="V176" i="1"/>
  <c r="U176" i="1"/>
  <c r="T176" i="1"/>
  <c r="S176" i="1"/>
  <c r="R176" i="1"/>
  <c r="Q176" i="1"/>
  <c r="P176" i="1"/>
  <c r="O176" i="1"/>
  <c r="N176" i="1"/>
  <c r="M176" i="1"/>
  <c r="L176" i="1"/>
  <c r="BS175" i="1"/>
  <c r="BR175" i="1"/>
  <c r="BQ175" i="1"/>
  <c r="BP175" i="1"/>
  <c r="BO175" i="1"/>
  <c r="BN175" i="1"/>
  <c r="BM175" i="1"/>
  <c r="BL175" i="1"/>
  <c r="BK175" i="1"/>
  <c r="BJ175" i="1"/>
  <c r="BI175" i="1"/>
  <c r="BH175" i="1"/>
  <c r="BG175" i="1"/>
  <c r="BF175" i="1"/>
  <c r="BE175" i="1"/>
  <c r="BD175" i="1"/>
  <c r="BC175" i="1"/>
  <c r="BB175" i="1"/>
  <c r="BA175" i="1"/>
  <c r="AZ175" i="1"/>
  <c r="AY175" i="1"/>
  <c r="AX175" i="1"/>
  <c r="AW175" i="1"/>
  <c r="AV175" i="1"/>
  <c r="AU175" i="1"/>
  <c r="AT175" i="1"/>
  <c r="AS175" i="1"/>
  <c r="AR175" i="1"/>
  <c r="AQ175" i="1"/>
  <c r="AP175" i="1"/>
  <c r="AO175" i="1"/>
  <c r="AN175" i="1"/>
  <c r="AM175" i="1"/>
  <c r="AL175" i="1"/>
  <c r="AK175" i="1"/>
  <c r="AJ175" i="1"/>
  <c r="AI175" i="1"/>
  <c r="AH175" i="1"/>
  <c r="AG175" i="1"/>
  <c r="AF175" i="1"/>
  <c r="AE175" i="1"/>
  <c r="AD175" i="1"/>
  <c r="AC175" i="1"/>
  <c r="AB175" i="1"/>
  <c r="AA175" i="1"/>
  <c r="Z175" i="1"/>
  <c r="Y175" i="1"/>
  <c r="X175" i="1"/>
  <c r="W175" i="1"/>
  <c r="V175" i="1"/>
  <c r="U175" i="1"/>
  <c r="T175" i="1"/>
  <c r="S175" i="1"/>
  <c r="R175" i="1"/>
  <c r="Q175" i="1"/>
  <c r="P175" i="1"/>
  <c r="O175" i="1"/>
  <c r="N175" i="1"/>
  <c r="M175" i="1"/>
  <c r="L175" i="1"/>
  <c r="BS167" i="1"/>
  <c r="BR167" i="1"/>
  <c r="BQ167" i="1"/>
  <c r="BP167" i="1"/>
  <c r="BO167" i="1"/>
  <c r="BN167" i="1"/>
  <c r="BM167" i="1"/>
  <c r="BL167" i="1"/>
  <c r="BK167" i="1"/>
  <c r="BJ167" i="1"/>
  <c r="BI167" i="1"/>
  <c r="BH167" i="1"/>
  <c r="BG167" i="1"/>
  <c r="BF167" i="1"/>
  <c r="BE167" i="1"/>
  <c r="BD167" i="1"/>
  <c r="BC167" i="1"/>
  <c r="BB167" i="1"/>
  <c r="BA167" i="1"/>
  <c r="AZ167" i="1"/>
  <c r="AY167" i="1"/>
  <c r="AX167" i="1"/>
  <c r="AW167" i="1"/>
  <c r="AV167" i="1"/>
  <c r="AU167" i="1"/>
  <c r="AT167" i="1"/>
  <c r="AS167" i="1"/>
  <c r="AR167" i="1"/>
  <c r="AQ167" i="1"/>
  <c r="AP167" i="1"/>
  <c r="AO167" i="1"/>
  <c r="AN167" i="1"/>
  <c r="AM167" i="1"/>
  <c r="AL167" i="1"/>
  <c r="AK167" i="1"/>
  <c r="AJ167" i="1"/>
  <c r="AI167" i="1"/>
  <c r="AH167" i="1"/>
  <c r="AG167" i="1"/>
  <c r="AF167" i="1"/>
  <c r="AE167" i="1"/>
  <c r="AD167" i="1"/>
  <c r="AC167" i="1"/>
  <c r="AB167" i="1"/>
  <c r="AA167" i="1"/>
  <c r="Z167" i="1"/>
  <c r="Y167" i="1"/>
  <c r="X167" i="1"/>
  <c r="W167" i="1"/>
  <c r="V167" i="1"/>
  <c r="U167" i="1"/>
  <c r="T167" i="1"/>
  <c r="S167" i="1"/>
  <c r="R167" i="1"/>
  <c r="Q167" i="1"/>
  <c r="P167" i="1"/>
  <c r="O167" i="1"/>
  <c r="N167" i="1"/>
  <c r="M167" i="1"/>
  <c r="L167" i="1"/>
  <c r="BS166" i="1"/>
  <c r="BR166" i="1"/>
  <c r="BQ166" i="1"/>
  <c r="BP166" i="1"/>
  <c r="BO166" i="1"/>
  <c r="BN166" i="1"/>
  <c r="BM166" i="1"/>
  <c r="BL166" i="1"/>
  <c r="BK166" i="1"/>
  <c r="BJ166" i="1"/>
  <c r="BI166" i="1"/>
  <c r="BH166" i="1"/>
  <c r="BG166" i="1"/>
  <c r="BF166" i="1"/>
  <c r="BE166" i="1"/>
  <c r="BD166" i="1"/>
  <c r="BC166" i="1"/>
  <c r="BB166" i="1"/>
  <c r="BA166" i="1"/>
  <c r="AZ166" i="1"/>
  <c r="AY166" i="1"/>
  <c r="AX166" i="1"/>
  <c r="AW166" i="1"/>
  <c r="AV166" i="1"/>
  <c r="AU166" i="1"/>
  <c r="AT166" i="1"/>
  <c r="AS166" i="1"/>
  <c r="AR166" i="1"/>
  <c r="AQ166" i="1"/>
  <c r="AP166" i="1"/>
  <c r="AO166" i="1"/>
  <c r="AN166" i="1"/>
  <c r="AM166" i="1"/>
  <c r="AL166" i="1"/>
  <c r="AK166" i="1"/>
  <c r="AJ166" i="1"/>
  <c r="AI166" i="1"/>
  <c r="AH166" i="1"/>
  <c r="AG166" i="1"/>
  <c r="AF166" i="1"/>
  <c r="AE166" i="1"/>
  <c r="AD166" i="1"/>
  <c r="AC166" i="1"/>
  <c r="AB166" i="1"/>
  <c r="AA166" i="1"/>
  <c r="Z166" i="1"/>
  <c r="Y166" i="1"/>
  <c r="X166" i="1"/>
  <c r="W166" i="1"/>
  <c r="V166" i="1"/>
  <c r="U166" i="1"/>
  <c r="T166" i="1"/>
  <c r="S166" i="1"/>
  <c r="R166" i="1"/>
  <c r="Q166" i="1"/>
  <c r="P166" i="1"/>
  <c r="O166" i="1"/>
  <c r="N166" i="1"/>
  <c r="M166" i="1"/>
  <c r="L166" i="1"/>
  <c r="BS157" i="1"/>
  <c r="BR157" i="1"/>
  <c r="BQ157" i="1"/>
  <c r="BP157" i="1"/>
  <c r="BO157" i="1"/>
  <c r="BN157" i="1"/>
  <c r="BM157" i="1"/>
  <c r="BL157" i="1"/>
  <c r="BK157" i="1"/>
  <c r="BJ157" i="1"/>
  <c r="BI157" i="1"/>
  <c r="BH157" i="1"/>
  <c r="BG157" i="1"/>
  <c r="BF157" i="1"/>
  <c r="BE157" i="1"/>
  <c r="BD157" i="1"/>
  <c r="BC157" i="1"/>
  <c r="BB157" i="1"/>
  <c r="BA157" i="1"/>
  <c r="AZ157" i="1"/>
  <c r="AY157" i="1"/>
  <c r="AX157" i="1"/>
  <c r="AW157" i="1"/>
  <c r="AV157" i="1"/>
  <c r="AU157" i="1"/>
  <c r="AT157" i="1"/>
  <c r="AS157" i="1"/>
  <c r="AR157" i="1"/>
  <c r="AQ157" i="1"/>
  <c r="AP157" i="1"/>
  <c r="AO157" i="1"/>
  <c r="AN157" i="1"/>
  <c r="AM157" i="1"/>
  <c r="AL157" i="1"/>
  <c r="AK157" i="1"/>
  <c r="AJ157" i="1"/>
  <c r="AI157" i="1"/>
  <c r="AH157" i="1"/>
  <c r="AG157" i="1"/>
  <c r="AF157" i="1"/>
  <c r="AE157" i="1"/>
  <c r="AD157" i="1"/>
  <c r="AC157" i="1"/>
  <c r="AB157" i="1"/>
  <c r="AA157" i="1"/>
  <c r="Z157" i="1"/>
  <c r="Y157" i="1"/>
  <c r="X157" i="1"/>
  <c r="W157" i="1"/>
  <c r="V157" i="1"/>
  <c r="U157" i="1"/>
  <c r="T157" i="1"/>
  <c r="S157" i="1"/>
  <c r="R157" i="1"/>
  <c r="Q157" i="1"/>
  <c r="P157" i="1"/>
  <c r="O157" i="1"/>
  <c r="N157" i="1"/>
  <c r="M157" i="1"/>
  <c r="L157" i="1"/>
  <c r="BS156" i="1"/>
  <c r="BR156" i="1"/>
  <c r="BQ156" i="1"/>
  <c r="BP156" i="1"/>
  <c r="BO156" i="1"/>
  <c r="BN156" i="1"/>
  <c r="BM156" i="1"/>
  <c r="BL156" i="1"/>
  <c r="BK156" i="1"/>
  <c r="BJ156" i="1"/>
  <c r="BI156" i="1"/>
  <c r="BH156" i="1"/>
  <c r="BG156" i="1"/>
  <c r="BF156" i="1"/>
  <c r="BE156" i="1"/>
  <c r="BD156" i="1"/>
  <c r="BC156" i="1"/>
  <c r="BB156" i="1"/>
  <c r="BA156" i="1"/>
  <c r="AZ156" i="1"/>
  <c r="AY156" i="1"/>
  <c r="AX156" i="1"/>
  <c r="AW156" i="1"/>
  <c r="AV156" i="1"/>
  <c r="AU156" i="1"/>
  <c r="AT156" i="1"/>
  <c r="AS156" i="1"/>
  <c r="AR156" i="1"/>
  <c r="AQ156" i="1"/>
  <c r="AP156" i="1"/>
  <c r="AO156" i="1"/>
  <c r="AN156" i="1"/>
  <c r="AM156" i="1"/>
  <c r="AL156" i="1"/>
  <c r="AK156" i="1"/>
  <c r="AJ156" i="1"/>
  <c r="AI156" i="1"/>
  <c r="AH156" i="1"/>
  <c r="AG156" i="1"/>
  <c r="AF156" i="1"/>
  <c r="AE156" i="1"/>
  <c r="AD156" i="1"/>
  <c r="AC156" i="1"/>
  <c r="AB156" i="1"/>
  <c r="AA156" i="1"/>
  <c r="Z156" i="1"/>
  <c r="Y156" i="1"/>
  <c r="X156" i="1"/>
  <c r="W156" i="1"/>
  <c r="V156" i="1"/>
  <c r="U156" i="1"/>
  <c r="T156" i="1"/>
  <c r="S156" i="1"/>
  <c r="R156" i="1"/>
  <c r="Q156" i="1"/>
  <c r="P156" i="1"/>
  <c r="O156" i="1"/>
  <c r="N156" i="1"/>
  <c r="M156" i="1"/>
  <c r="L156" i="1"/>
  <c r="BS149" i="1"/>
  <c r="BR149" i="1"/>
  <c r="BQ149" i="1"/>
  <c r="BP149" i="1"/>
  <c r="BO149" i="1"/>
  <c r="BN149" i="1"/>
  <c r="BM149" i="1"/>
  <c r="BL149" i="1"/>
  <c r="BK149" i="1"/>
  <c r="BJ149" i="1"/>
  <c r="BI149" i="1"/>
  <c r="BH149" i="1"/>
  <c r="BG149" i="1"/>
  <c r="BF149" i="1"/>
  <c r="BE149" i="1"/>
  <c r="BD149" i="1"/>
  <c r="BC149" i="1"/>
  <c r="BB149" i="1"/>
  <c r="BA149" i="1"/>
  <c r="AZ149" i="1"/>
  <c r="AY149" i="1"/>
  <c r="AX149" i="1"/>
  <c r="AW149" i="1"/>
  <c r="AV149" i="1"/>
  <c r="AU149" i="1"/>
  <c r="AT149" i="1"/>
  <c r="AS149" i="1"/>
  <c r="AR149" i="1"/>
  <c r="AQ149" i="1"/>
  <c r="AP149" i="1"/>
  <c r="AO149" i="1"/>
  <c r="AN149" i="1"/>
  <c r="AM149" i="1"/>
  <c r="AL149" i="1"/>
  <c r="AK149" i="1"/>
  <c r="AJ149" i="1"/>
  <c r="AI149" i="1"/>
  <c r="AH149" i="1"/>
  <c r="AG149" i="1"/>
  <c r="AF149" i="1"/>
  <c r="AE149" i="1"/>
  <c r="AD149" i="1"/>
  <c r="AC149" i="1"/>
  <c r="AB149" i="1"/>
  <c r="AA149" i="1"/>
  <c r="Z149" i="1"/>
  <c r="Y149" i="1"/>
  <c r="X149" i="1"/>
  <c r="W149" i="1"/>
  <c r="V149" i="1"/>
  <c r="U149" i="1"/>
  <c r="T149" i="1"/>
  <c r="S149" i="1"/>
  <c r="R149" i="1"/>
  <c r="Q149" i="1"/>
  <c r="P149" i="1"/>
  <c r="O149" i="1"/>
  <c r="N149" i="1"/>
  <c r="M149" i="1"/>
  <c r="L149" i="1"/>
  <c r="BS148" i="1"/>
  <c r="BR148" i="1"/>
  <c r="BQ148" i="1"/>
  <c r="BP148" i="1"/>
  <c r="BO148" i="1"/>
  <c r="BN148" i="1"/>
  <c r="BM148" i="1"/>
  <c r="BL148" i="1"/>
  <c r="BK148" i="1"/>
  <c r="BJ148" i="1"/>
  <c r="BI148" i="1"/>
  <c r="BH148" i="1"/>
  <c r="BG148" i="1"/>
  <c r="BF148" i="1"/>
  <c r="BE148" i="1"/>
  <c r="BD148" i="1"/>
  <c r="BC148" i="1"/>
  <c r="BB148" i="1"/>
  <c r="BA148" i="1"/>
  <c r="AZ148" i="1"/>
  <c r="AY148" i="1"/>
  <c r="AX148" i="1"/>
  <c r="AW148" i="1"/>
  <c r="AV148" i="1"/>
  <c r="AU148" i="1"/>
  <c r="AT148" i="1"/>
  <c r="AS148" i="1"/>
  <c r="AR148" i="1"/>
  <c r="AQ148" i="1"/>
  <c r="AP148" i="1"/>
  <c r="AO148" i="1"/>
  <c r="AN148" i="1"/>
  <c r="AM148" i="1"/>
  <c r="AL148" i="1"/>
  <c r="AK148" i="1"/>
  <c r="AJ148" i="1"/>
  <c r="AI148" i="1"/>
  <c r="AH148" i="1"/>
  <c r="AG148" i="1"/>
  <c r="AF148" i="1"/>
  <c r="AE148" i="1"/>
  <c r="AD148" i="1"/>
  <c r="AC148" i="1"/>
  <c r="AB148" i="1"/>
  <c r="AA148" i="1"/>
  <c r="Z148" i="1"/>
  <c r="Y148" i="1"/>
  <c r="X148" i="1"/>
  <c r="W148" i="1"/>
  <c r="V148" i="1"/>
  <c r="U148" i="1"/>
  <c r="T148" i="1"/>
  <c r="S148" i="1"/>
  <c r="R148" i="1"/>
  <c r="Q148" i="1"/>
  <c r="P148" i="1"/>
  <c r="O148" i="1"/>
  <c r="N148" i="1"/>
  <c r="M148" i="1"/>
  <c r="L148" i="1"/>
  <c r="BS135" i="1"/>
  <c r="BR135" i="1"/>
  <c r="BQ135" i="1"/>
  <c r="BP135" i="1"/>
  <c r="BO135" i="1"/>
  <c r="BN135" i="1"/>
  <c r="BM135" i="1"/>
  <c r="BL135" i="1"/>
  <c r="BK135" i="1"/>
  <c r="BJ135" i="1"/>
  <c r="BI135" i="1"/>
  <c r="BH135" i="1"/>
  <c r="BG135" i="1"/>
  <c r="BF135" i="1"/>
  <c r="BE135" i="1"/>
  <c r="BD135" i="1"/>
  <c r="BC135" i="1"/>
  <c r="BB135" i="1"/>
  <c r="BA135" i="1"/>
  <c r="AZ135" i="1"/>
  <c r="AY135" i="1"/>
  <c r="AX135" i="1"/>
  <c r="AW135" i="1"/>
  <c r="AV135" i="1"/>
  <c r="AU135" i="1"/>
  <c r="AT135" i="1"/>
  <c r="AS135" i="1"/>
  <c r="AR135" i="1"/>
  <c r="AQ135" i="1"/>
  <c r="AP135" i="1"/>
  <c r="AO135" i="1"/>
  <c r="AN135" i="1"/>
  <c r="AM135" i="1"/>
  <c r="AL135" i="1"/>
  <c r="AK135" i="1"/>
  <c r="AJ135" i="1"/>
  <c r="AI135" i="1"/>
  <c r="AH135" i="1"/>
  <c r="AG135" i="1"/>
  <c r="AF135" i="1"/>
  <c r="AE135" i="1"/>
  <c r="AD135" i="1"/>
  <c r="AC135" i="1"/>
  <c r="AB135" i="1"/>
  <c r="AA135" i="1"/>
  <c r="Z135" i="1"/>
  <c r="Y135" i="1"/>
  <c r="X135" i="1"/>
  <c r="W135" i="1"/>
  <c r="V135" i="1"/>
  <c r="U135" i="1"/>
  <c r="T135" i="1"/>
  <c r="S135" i="1"/>
  <c r="R135" i="1"/>
  <c r="Q135" i="1"/>
  <c r="P135" i="1"/>
  <c r="O135" i="1"/>
  <c r="N135" i="1"/>
  <c r="M135" i="1"/>
  <c r="L135" i="1"/>
  <c r="BS134" i="1"/>
  <c r="BR134" i="1"/>
  <c r="BQ134" i="1"/>
  <c r="BP134" i="1"/>
  <c r="BO134" i="1"/>
  <c r="BN134" i="1"/>
  <c r="BM134" i="1"/>
  <c r="BL134" i="1"/>
  <c r="BK134" i="1"/>
  <c r="BJ134" i="1"/>
  <c r="BI134" i="1"/>
  <c r="BH134" i="1"/>
  <c r="BG134" i="1"/>
  <c r="BF134" i="1"/>
  <c r="BE134" i="1"/>
  <c r="BD134" i="1"/>
  <c r="BC134" i="1"/>
  <c r="BB134" i="1"/>
  <c r="BA134" i="1"/>
  <c r="AZ134" i="1"/>
  <c r="AY134" i="1"/>
  <c r="AX134" i="1"/>
  <c r="AW134" i="1"/>
  <c r="AV134" i="1"/>
  <c r="AU134" i="1"/>
  <c r="AT134" i="1"/>
  <c r="AS134" i="1"/>
  <c r="AR134" i="1"/>
  <c r="AQ134" i="1"/>
  <c r="AP134" i="1"/>
  <c r="AO134" i="1"/>
  <c r="AN134" i="1"/>
  <c r="AM134" i="1"/>
  <c r="AL134" i="1"/>
  <c r="AK134" i="1"/>
  <c r="AJ134" i="1"/>
  <c r="AI134" i="1"/>
  <c r="AH134" i="1"/>
  <c r="AG134" i="1"/>
  <c r="AF134" i="1"/>
  <c r="AE134" i="1"/>
  <c r="AD134" i="1"/>
  <c r="AC134" i="1"/>
  <c r="AB134" i="1"/>
  <c r="AA134" i="1"/>
  <c r="Z134" i="1"/>
  <c r="Y134" i="1"/>
  <c r="X134" i="1"/>
  <c r="W134" i="1"/>
  <c r="V134" i="1"/>
  <c r="U134" i="1"/>
  <c r="T134" i="1"/>
  <c r="S134" i="1"/>
  <c r="R134" i="1"/>
  <c r="Q134" i="1"/>
  <c r="P134" i="1"/>
  <c r="O134" i="1"/>
  <c r="N134" i="1"/>
  <c r="M134" i="1"/>
  <c r="L134" i="1"/>
  <c r="BS124" i="1"/>
  <c r="BR124" i="1"/>
  <c r="BQ124" i="1"/>
  <c r="BP124" i="1"/>
  <c r="BO124" i="1"/>
  <c r="BN124" i="1"/>
  <c r="BM124" i="1"/>
  <c r="BL124" i="1"/>
  <c r="BK124" i="1"/>
  <c r="BJ124" i="1"/>
  <c r="BI124" i="1"/>
  <c r="BH124" i="1"/>
  <c r="BG124" i="1"/>
  <c r="BF124" i="1"/>
  <c r="BE124" i="1"/>
  <c r="BD124" i="1"/>
  <c r="BC124" i="1"/>
  <c r="BB124" i="1"/>
  <c r="BA124" i="1"/>
  <c r="AZ124" i="1"/>
  <c r="AY124" i="1"/>
  <c r="AX124" i="1"/>
  <c r="AW124" i="1"/>
  <c r="AV124" i="1"/>
  <c r="AU124" i="1"/>
  <c r="AT124" i="1"/>
  <c r="AS124" i="1"/>
  <c r="AR124" i="1"/>
  <c r="AQ124" i="1"/>
  <c r="AP124" i="1"/>
  <c r="AO124" i="1"/>
  <c r="AN124" i="1"/>
  <c r="AM124" i="1"/>
  <c r="AL124" i="1"/>
  <c r="AK124" i="1"/>
  <c r="AJ124" i="1"/>
  <c r="AI124" i="1"/>
  <c r="AH124" i="1"/>
  <c r="AG124" i="1"/>
  <c r="AF124" i="1"/>
  <c r="AE124" i="1"/>
  <c r="AD124" i="1"/>
  <c r="AC124" i="1"/>
  <c r="AB124" i="1"/>
  <c r="AA124" i="1"/>
  <c r="Z124" i="1"/>
  <c r="Y124" i="1"/>
  <c r="X124" i="1"/>
  <c r="W124" i="1"/>
  <c r="V124" i="1"/>
  <c r="U124" i="1"/>
  <c r="T124" i="1"/>
  <c r="S124" i="1"/>
  <c r="R124" i="1"/>
  <c r="Q124" i="1"/>
  <c r="P124" i="1"/>
  <c r="O124" i="1"/>
  <c r="N124" i="1"/>
  <c r="M124" i="1"/>
  <c r="L124" i="1"/>
  <c r="BS123" i="1"/>
  <c r="BR123" i="1"/>
  <c r="BQ123" i="1"/>
  <c r="BP123" i="1"/>
  <c r="BO123" i="1"/>
  <c r="BN123" i="1"/>
  <c r="BM123" i="1"/>
  <c r="BL123" i="1"/>
  <c r="BK123" i="1"/>
  <c r="BJ123" i="1"/>
  <c r="BI123" i="1"/>
  <c r="BH123" i="1"/>
  <c r="BG123" i="1"/>
  <c r="BF123" i="1"/>
  <c r="BE123" i="1"/>
  <c r="BD123" i="1"/>
  <c r="BC123" i="1"/>
  <c r="BB123" i="1"/>
  <c r="BA123" i="1"/>
  <c r="AZ123" i="1"/>
  <c r="AY123" i="1"/>
  <c r="AX123" i="1"/>
  <c r="AW123" i="1"/>
  <c r="AV123" i="1"/>
  <c r="AU123" i="1"/>
  <c r="AT123" i="1"/>
  <c r="AS123" i="1"/>
  <c r="AR123" i="1"/>
  <c r="AQ123" i="1"/>
  <c r="AP123" i="1"/>
  <c r="AO123" i="1"/>
  <c r="AN123" i="1"/>
  <c r="AM123" i="1"/>
  <c r="AL123" i="1"/>
  <c r="AK123" i="1"/>
  <c r="AJ123" i="1"/>
  <c r="AI123" i="1"/>
  <c r="AH123" i="1"/>
  <c r="AG123" i="1"/>
  <c r="AF123" i="1"/>
  <c r="AE123" i="1"/>
  <c r="AD123" i="1"/>
  <c r="AC123" i="1"/>
  <c r="AB123" i="1"/>
  <c r="AA123" i="1"/>
  <c r="Z123" i="1"/>
  <c r="Y123" i="1"/>
  <c r="X123" i="1"/>
  <c r="W123" i="1"/>
  <c r="V123" i="1"/>
  <c r="U123" i="1"/>
  <c r="T123" i="1"/>
  <c r="S123" i="1"/>
  <c r="R123" i="1"/>
  <c r="Q123" i="1"/>
  <c r="P123" i="1"/>
  <c r="O123" i="1"/>
  <c r="N123" i="1"/>
  <c r="M123" i="1"/>
  <c r="L123" i="1"/>
  <c r="K116" i="1"/>
  <c r="J116" i="1"/>
  <c r="K115" i="1"/>
  <c r="J115" i="1"/>
  <c r="K114" i="1"/>
  <c r="J114" i="1"/>
  <c r="K113" i="1"/>
  <c r="J113" i="1"/>
  <c r="K112" i="1"/>
  <c r="J112" i="1"/>
  <c r="K111" i="1"/>
  <c r="J111" i="1"/>
  <c r="K110" i="1"/>
  <c r="J110" i="1"/>
  <c r="K109" i="1"/>
  <c r="J109" i="1"/>
  <c r="K108" i="1"/>
  <c r="J108" i="1"/>
  <c r="K107" i="1"/>
  <c r="J107" i="1"/>
  <c r="K106" i="1"/>
  <c r="J106" i="1"/>
  <c r="K105" i="1"/>
  <c r="J105" i="1"/>
  <c r="K104" i="1"/>
  <c r="J104" i="1"/>
  <c r="BS103" i="1"/>
  <c r="BR103" i="1"/>
  <c r="BQ103" i="1"/>
  <c r="BP103" i="1"/>
  <c r="BO103" i="1"/>
  <c r="BN103" i="1"/>
  <c r="BM103" i="1"/>
  <c r="BL103" i="1"/>
  <c r="BK103" i="1"/>
  <c r="BJ103" i="1"/>
  <c r="BI103" i="1"/>
  <c r="BH103" i="1"/>
  <c r="BG103" i="1"/>
  <c r="BF103" i="1"/>
  <c r="BE103" i="1"/>
  <c r="BD103" i="1"/>
  <c r="BC103" i="1"/>
  <c r="BB103" i="1"/>
  <c r="BA103" i="1"/>
  <c r="AZ103" i="1"/>
  <c r="AY103" i="1"/>
  <c r="AX103" i="1"/>
  <c r="AW103" i="1"/>
  <c r="AV103" i="1"/>
  <c r="AU103" i="1"/>
  <c r="AT103" i="1"/>
  <c r="AS103" i="1"/>
  <c r="AR103" i="1"/>
  <c r="AQ103" i="1"/>
  <c r="AP103" i="1"/>
  <c r="AO103" i="1"/>
  <c r="AN103" i="1"/>
  <c r="AM103" i="1"/>
  <c r="AL103" i="1"/>
  <c r="AK103" i="1"/>
  <c r="AJ103" i="1"/>
  <c r="AI103" i="1"/>
  <c r="AH103" i="1"/>
  <c r="AG103" i="1"/>
  <c r="AF103" i="1"/>
  <c r="AE103" i="1"/>
  <c r="AD103" i="1"/>
  <c r="AC103" i="1"/>
  <c r="AB103" i="1"/>
  <c r="AA103" i="1"/>
  <c r="Z103" i="1"/>
  <c r="Y103" i="1"/>
  <c r="X103" i="1"/>
  <c r="W103" i="1"/>
  <c r="V103" i="1"/>
  <c r="U103" i="1"/>
  <c r="T103" i="1"/>
  <c r="S103" i="1"/>
  <c r="R103" i="1"/>
  <c r="Q103" i="1"/>
  <c r="P103" i="1"/>
  <c r="O103" i="1"/>
  <c r="N103" i="1"/>
  <c r="M103" i="1"/>
  <c r="L103" i="1"/>
  <c r="BS102" i="1"/>
  <c r="BR102" i="1"/>
  <c r="BQ102" i="1"/>
  <c r="BP102" i="1"/>
  <c r="BO102" i="1"/>
  <c r="BN102" i="1"/>
  <c r="BM102" i="1"/>
  <c r="BL102" i="1"/>
  <c r="BK102" i="1"/>
  <c r="BJ102" i="1"/>
  <c r="BI102" i="1"/>
  <c r="BH102" i="1"/>
  <c r="BG102" i="1"/>
  <c r="BF102" i="1"/>
  <c r="BE102" i="1"/>
  <c r="BD102" i="1"/>
  <c r="BC102" i="1"/>
  <c r="BB102" i="1"/>
  <c r="BA102" i="1"/>
  <c r="AZ102" i="1"/>
  <c r="AY102" i="1"/>
  <c r="AX102" i="1"/>
  <c r="AW102" i="1"/>
  <c r="AV102" i="1"/>
  <c r="AU102" i="1"/>
  <c r="AT102" i="1"/>
  <c r="AS102" i="1"/>
  <c r="AR102" i="1"/>
  <c r="AQ102" i="1"/>
  <c r="AP102" i="1"/>
  <c r="AO102" i="1"/>
  <c r="AN102" i="1"/>
  <c r="AM102" i="1"/>
  <c r="AL102" i="1"/>
  <c r="AK102" i="1"/>
  <c r="AJ102" i="1"/>
  <c r="AI102" i="1"/>
  <c r="AH102" i="1"/>
  <c r="AG102" i="1"/>
  <c r="AF102" i="1"/>
  <c r="AE102" i="1"/>
  <c r="AD102" i="1"/>
  <c r="AC102" i="1"/>
  <c r="AB102" i="1"/>
  <c r="AA102" i="1"/>
  <c r="Z102" i="1"/>
  <c r="Y102" i="1"/>
  <c r="X102" i="1"/>
  <c r="W102" i="1"/>
  <c r="V102" i="1"/>
  <c r="U102" i="1"/>
  <c r="T102" i="1"/>
  <c r="S102" i="1"/>
  <c r="R102" i="1"/>
  <c r="Q102" i="1"/>
  <c r="P102" i="1"/>
  <c r="O102" i="1"/>
  <c r="N102" i="1"/>
  <c r="M102" i="1"/>
  <c r="L102" i="1"/>
  <c r="BS94" i="1"/>
  <c r="BR94" i="1"/>
  <c r="BQ94" i="1"/>
  <c r="BP94" i="1"/>
  <c r="BO94" i="1"/>
  <c r="BN94" i="1"/>
  <c r="BM94" i="1"/>
  <c r="BL94" i="1"/>
  <c r="BK94" i="1"/>
  <c r="BJ94" i="1"/>
  <c r="BI94" i="1"/>
  <c r="BH94" i="1"/>
  <c r="BG94" i="1"/>
  <c r="BF94" i="1"/>
  <c r="BE94" i="1"/>
  <c r="BD94" i="1"/>
  <c r="BC94" i="1"/>
  <c r="BB94" i="1"/>
  <c r="BA94" i="1"/>
  <c r="AZ94" i="1"/>
  <c r="AY94" i="1"/>
  <c r="AX94" i="1"/>
  <c r="AW94" i="1"/>
  <c r="AV94" i="1"/>
  <c r="AU94" i="1"/>
  <c r="AT94" i="1"/>
  <c r="AS94" i="1"/>
  <c r="AR94" i="1"/>
  <c r="AQ94" i="1"/>
  <c r="AP94" i="1"/>
  <c r="AO94" i="1"/>
  <c r="AN94" i="1"/>
  <c r="AM94" i="1"/>
  <c r="AL94" i="1"/>
  <c r="AK94" i="1"/>
  <c r="AJ94" i="1"/>
  <c r="AI94" i="1"/>
  <c r="AH94" i="1"/>
  <c r="AG94" i="1"/>
  <c r="AF94" i="1"/>
  <c r="AE94" i="1"/>
  <c r="AD94" i="1"/>
  <c r="AC94" i="1"/>
  <c r="AB94" i="1"/>
  <c r="AA94" i="1"/>
  <c r="Z94" i="1"/>
  <c r="Y94" i="1"/>
  <c r="X94" i="1"/>
  <c r="W94" i="1"/>
  <c r="V94" i="1"/>
  <c r="U94" i="1"/>
  <c r="T94" i="1"/>
  <c r="S94" i="1"/>
  <c r="R94" i="1"/>
  <c r="Q94" i="1"/>
  <c r="P94" i="1"/>
  <c r="O94" i="1"/>
  <c r="N94" i="1"/>
  <c r="M94" i="1"/>
  <c r="L94" i="1"/>
  <c r="BT49" i="1"/>
  <c r="BS49" i="1"/>
  <c r="BR49" i="1"/>
  <c r="BQ49" i="1"/>
  <c r="BP49" i="1"/>
  <c r="BO49" i="1"/>
  <c r="BN49" i="1"/>
  <c r="BM49" i="1"/>
  <c r="BL49" i="1"/>
  <c r="BK49" i="1"/>
  <c r="BJ49" i="1"/>
  <c r="BI49" i="1"/>
  <c r="BH49" i="1"/>
  <c r="BG49" i="1"/>
  <c r="BF49" i="1"/>
  <c r="BE49" i="1"/>
  <c r="BD49" i="1"/>
  <c r="BC49" i="1"/>
  <c r="BB49" i="1"/>
  <c r="BA49" i="1"/>
  <c r="AZ49" i="1"/>
  <c r="AY49" i="1"/>
  <c r="AX49" i="1"/>
  <c r="AW49" i="1"/>
  <c r="AV49" i="1"/>
  <c r="AU49" i="1"/>
  <c r="AT49" i="1"/>
  <c r="AS49" i="1"/>
  <c r="AR49" i="1"/>
  <c r="AQ49" i="1"/>
  <c r="AP49" i="1"/>
  <c r="AO49" i="1"/>
  <c r="AN49" i="1"/>
  <c r="AM49" i="1"/>
  <c r="AL49" i="1"/>
  <c r="AK49" i="1"/>
  <c r="AJ49" i="1"/>
  <c r="AI49" i="1"/>
  <c r="AH49" i="1"/>
  <c r="AG49" i="1"/>
  <c r="AF49" i="1"/>
  <c r="AE49" i="1"/>
  <c r="AD49" i="1"/>
  <c r="AC49" i="1"/>
  <c r="AB49" i="1"/>
  <c r="AA49" i="1"/>
  <c r="Z49" i="1"/>
  <c r="Y49" i="1"/>
  <c r="X49" i="1"/>
  <c r="W49" i="1"/>
  <c r="V49" i="1"/>
  <c r="U49" i="1"/>
  <c r="T49" i="1"/>
  <c r="S49" i="1"/>
  <c r="R49" i="1"/>
  <c r="Q49" i="1"/>
  <c r="P49" i="1"/>
  <c r="O49" i="1"/>
  <c r="N49" i="1"/>
  <c r="M49" i="1"/>
  <c r="L49" i="1"/>
  <c r="BS40" i="1"/>
  <c r="BR40" i="1"/>
  <c r="BQ40" i="1"/>
  <c r="BP40" i="1"/>
  <c r="BO40" i="1"/>
  <c r="BN40" i="1"/>
  <c r="BM40" i="1"/>
  <c r="BL40" i="1"/>
  <c r="BK40" i="1"/>
  <c r="BJ40" i="1"/>
  <c r="BI40" i="1"/>
  <c r="BH40" i="1"/>
  <c r="BG40" i="1"/>
  <c r="BF40" i="1"/>
  <c r="BE40" i="1"/>
  <c r="BD40" i="1"/>
  <c r="BC40" i="1"/>
  <c r="BB40" i="1"/>
  <c r="BA40" i="1"/>
  <c r="AZ40" i="1"/>
  <c r="AY40" i="1"/>
  <c r="AX40" i="1"/>
  <c r="AW40" i="1"/>
  <c r="AV40" i="1"/>
  <c r="AU40" i="1"/>
  <c r="AT40" i="1"/>
  <c r="AS40" i="1"/>
  <c r="AR40" i="1"/>
  <c r="AQ40" i="1"/>
  <c r="AP40" i="1"/>
  <c r="AO40" i="1"/>
  <c r="AN40" i="1"/>
  <c r="AM40" i="1"/>
  <c r="AL40" i="1"/>
  <c r="AK40" i="1"/>
  <c r="AJ40" i="1"/>
  <c r="AI40" i="1"/>
  <c r="AH40" i="1"/>
  <c r="AG40" i="1"/>
  <c r="AF40" i="1"/>
  <c r="AE40" i="1"/>
  <c r="AD40" i="1"/>
  <c r="AC40" i="1"/>
  <c r="AB40" i="1"/>
  <c r="AA40" i="1"/>
  <c r="Z40" i="1"/>
  <c r="Y40" i="1"/>
  <c r="X40" i="1"/>
  <c r="W40" i="1"/>
  <c r="V40" i="1"/>
  <c r="U40" i="1"/>
  <c r="T40" i="1"/>
  <c r="S40" i="1"/>
  <c r="R40" i="1"/>
  <c r="Q40" i="1"/>
  <c r="P40" i="1"/>
  <c r="O40" i="1"/>
  <c r="N40" i="1"/>
  <c r="M40" i="1"/>
  <c r="L40" i="1"/>
  <c r="BS27" i="1"/>
  <c r="BR27" i="1"/>
  <c r="BQ27" i="1"/>
  <c r="BP27" i="1"/>
  <c r="BO27" i="1"/>
  <c r="BN27" i="1"/>
  <c r="BM27" i="1"/>
  <c r="BL27" i="1"/>
  <c r="BK27" i="1"/>
  <c r="BJ27" i="1"/>
  <c r="BI27" i="1"/>
  <c r="BH27" i="1"/>
  <c r="BG27" i="1"/>
  <c r="BF27" i="1"/>
  <c r="BE27" i="1"/>
  <c r="BD27" i="1"/>
  <c r="BC27" i="1"/>
  <c r="BB27" i="1"/>
  <c r="BA27" i="1"/>
  <c r="AZ27" i="1"/>
  <c r="AY27" i="1"/>
  <c r="AX27" i="1"/>
  <c r="AW27" i="1"/>
  <c r="AV27" i="1"/>
  <c r="AU27" i="1"/>
  <c r="AT27" i="1"/>
  <c r="AS27" i="1"/>
  <c r="AR27" i="1"/>
  <c r="AQ27" i="1"/>
  <c r="AP27" i="1"/>
  <c r="AO27" i="1"/>
  <c r="AN27" i="1"/>
  <c r="AM27" i="1"/>
  <c r="AL27" i="1"/>
  <c r="AK27" i="1"/>
  <c r="AJ27" i="1"/>
  <c r="AI27" i="1"/>
  <c r="AH27" i="1"/>
  <c r="AG27" i="1"/>
  <c r="AF27" i="1"/>
  <c r="AE27" i="1"/>
  <c r="AD27" i="1"/>
  <c r="AC27" i="1"/>
  <c r="AB27" i="1"/>
  <c r="AA27" i="1"/>
  <c r="Z27" i="1"/>
  <c r="Y27" i="1"/>
  <c r="X27" i="1"/>
  <c r="W27" i="1"/>
  <c r="V27" i="1"/>
  <c r="U27" i="1"/>
  <c r="T27" i="1"/>
  <c r="S27" i="1"/>
  <c r="R27" i="1"/>
  <c r="Q27" i="1"/>
  <c r="P27" i="1"/>
  <c r="O27" i="1"/>
  <c r="N27" i="1"/>
  <c r="M27" i="1"/>
  <c r="L27" i="1"/>
  <c r="BS16" i="1"/>
  <c r="BR16" i="1"/>
  <c r="BQ16" i="1"/>
  <c r="BP16" i="1"/>
  <c r="BO16" i="1"/>
  <c r="BN16" i="1"/>
  <c r="BM16" i="1"/>
  <c r="BL16" i="1"/>
  <c r="BK16" i="1"/>
  <c r="BJ16" i="1"/>
  <c r="BI16" i="1"/>
  <c r="BH16" i="1"/>
  <c r="BG16" i="1"/>
  <c r="BF16" i="1"/>
  <c r="BE16" i="1"/>
  <c r="BD16" i="1"/>
  <c r="BC16" i="1"/>
  <c r="BB16" i="1"/>
  <c r="BA16" i="1"/>
  <c r="AZ16" i="1"/>
  <c r="AY16" i="1"/>
  <c r="AX16" i="1"/>
  <c r="AW16" i="1"/>
  <c r="AV16" i="1"/>
  <c r="AU16" i="1"/>
  <c r="AT16" i="1"/>
  <c r="AS16" i="1"/>
  <c r="AR16" i="1"/>
  <c r="AQ16" i="1"/>
  <c r="AP16" i="1"/>
  <c r="AO16" i="1"/>
  <c r="AN16" i="1"/>
  <c r="AM16" i="1"/>
  <c r="AL16" i="1"/>
  <c r="AK16" i="1"/>
  <c r="AJ16" i="1"/>
  <c r="AI16" i="1"/>
  <c r="AH16" i="1"/>
  <c r="AG16" i="1"/>
  <c r="AF16" i="1"/>
  <c r="AE16" i="1"/>
  <c r="AD16" i="1"/>
  <c r="AC16" i="1"/>
  <c r="AB16" i="1"/>
  <c r="AA16" i="1"/>
  <c r="Z16" i="1"/>
  <c r="Y16" i="1"/>
  <c r="X16" i="1"/>
  <c r="W16" i="1"/>
  <c r="V16" i="1"/>
  <c r="U16" i="1"/>
  <c r="T16" i="1"/>
  <c r="S16" i="1"/>
  <c r="R16" i="1"/>
  <c r="Q16" i="1"/>
  <c r="P16" i="1"/>
  <c r="O16" i="1"/>
  <c r="N16" i="1"/>
  <c r="M16" i="1"/>
  <c r="L16" i="1"/>
</calcChain>
</file>

<file path=xl/sharedStrings.xml><?xml version="1.0" encoding="utf-8"?>
<sst xmlns="http://schemas.openxmlformats.org/spreadsheetml/2006/main" count="1369" uniqueCount="853">
  <si>
    <t>益田地域医療センター医師会病院</t>
  </si>
  <si>
    <t>〒699-3676　益田市遠田町１９１７－２</t>
  </si>
  <si>
    <t>病棟の建築時期と構造</t>
  </si>
  <si>
    <t>建物情報＼病棟名</t>
  </si>
  <si>
    <t>4階病棟</t>
  </si>
  <si>
    <t>回復期リハビリテーション病棟</t>
  </si>
  <si>
    <t>地域包括ケア病棟</t>
  </si>
  <si>
    <t>地域包括ケア病棟サテライト</t>
  </si>
  <si>
    <t>特殊疾患病棟</t>
  </si>
  <si>
    <t>療養病棟2階</t>
  </si>
  <si>
    <t>様式１病院病棟票(1)</t>
  </si>
  <si>
    <t>建築時期</t>
  </si>
  <si>
    <t>1986</t>
  </si>
  <si>
    <t>2004</t>
  </si>
  <si>
    <t>2000</t>
  </si>
  <si>
    <t>構造</t>
  </si>
  <si>
    <t>3</t>
  </si>
  <si>
    <t>4</t>
  </si>
  <si>
    <t>保有する病棟と機能区分の選択状況（2022（令和4）年7月1日時点の機能）</t>
  </si>
  <si>
    <t>病床の機能区分＼病棟名</t>
  </si>
  <si>
    <t>高度急性期</t>
  </si>
  <si>
    <t>急性期</t>
  </si>
  <si>
    <t>○</t>
  </si>
  <si>
    <t>回復期</t>
  </si>
  <si>
    <t>慢性期</t>
  </si>
  <si>
    <t>休棟中</t>
  </si>
  <si>
    <t>無回答等</t>
  </si>
  <si>
    <t>保有する病棟と機能区分の選択状況（2025年7月1日時点における病床の機能の予定）</t>
  </si>
  <si>
    <t>様式１病院病棟票(2)</t>
  </si>
  <si>
    <t>休棟予定</t>
  </si>
  <si>
    <t>廃止予定</t>
  </si>
  <si>
    <t>介護保険施設等へ移行予定</t>
  </si>
  <si>
    <t>2025年7月1日時点における病床の機能の予定において、介護保険施設等へ移行予定を選択した場合</t>
  </si>
  <si>
    <t>移行予定先の区分＼病棟名</t>
  </si>
  <si>
    <t>様式１病院病棟票(3)</t>
  </si>
  <si>
    <t>介護医療院に移行予定</t>
  </si>
  <si>
    <t>介護老人保健施設に移行予定</t>
  </si>
  <si>
    <t>介護老人福祉施設に移行予定</t>
  </si>
  <si>
    <t>上記以外の介護サービスに移行予定</t>
  </si>
  <si>
    <t>「2025年７月１日時点の機能の実現」に向けて、それ以前に変更予定がある場合</t>
  </si>
  <si>
    <t>様式１病院病棟票(4)</t>
  </si>
  <si>
    <t>変更予定年月</t>
  </si>
  <si>
    <t>-</t>
  </si>
  <si>
    <t>（留意事項）</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また、公表している項目の中には、個人情報保護の観点から、1以上10未満の値を「＊」で秘匿している項目があります。</t>
  </si>
  <si>
    <t>○「未確認」とされている情報は、未報告や報告内容の不整合があったことから確認が必要な情報になります。</t>
  </si>
  <si>
    <t>○施設全体の欄では、内容に「*」,「未確認」とされている情報が含まれている場合に「※」を記載しています。</t>
  </si>
  <si>
    <t>○「-」とされている情報は、任意の報告項目や報告が不要となる場合、留意すべき報告対象期間について特段の情報がない場合に記載されています。</t>
  </si>
  <si>
    <t>基本情報（職員配置、届出の状況など）</t>
  </si>
  <si>
    <t>患者の入退院等の状況</t>
  </si>
  <si>
    <t>医療内容に関する情報
（手術、リハビリテーションの実施状況など）</t>
  </si>
  <si>
    <t>・設置主体</t>
  </si>
  <si>
    <t>・入院患者の状況（年間）</t>
  </si>
  <si>
    <t>・算定する入院基本用・特定入院料等の状況</t>
  </si>
  <si>
    <t>・病床の状況</t>
  </si>
  <si>
    <t>・入院患者の状況（年間／入棟前の場所・退棟先の場所の状況）</t>
  </si>
  <si>
    <t>・手術の状況</t>
  </si>
  <si>
    <t>・診療科</t>
  </si>
  <si>
    <t>・退院後に在宅医療を必要とする患者の状況</t>
  </si>
  <si>
    <t>・がん、脳卒中、心筋梗塞、分娩、精神医療への対応状況</t>
  </si>
  <si>
    <t>・入院基本料・特定入院料及び届出病床数</t>
  </si>
  <si>
    <t>・看取りを行った患者数</t>
  </si>
  <si>
    <t>・重症患者への対応状況</t>
  </si>
  <si>
    <t>・DPC医療機関群の種類</t>
  </si>
  <si>
    <t>・救急医療の実施状況</t>
  </si>
  <si>
    <t>・救急告示病院、二次救急医療施設、三次救急医療施設の告示・認定の有無</t>
  </si>
  <si>
    <t>・急性期後の支援、在宅復帰の支援の状況</t>
  </si>
  <si>
    <t>・承認の有無</t>
  </si>
  <si>
    <t>・全身管理の状況</t>
  </si>
  <si>
    <t>・診療報酬の届出の有無</t>
  </si>
  <si>
    <t>・リハビリテーションの実施状況</t>
  </si>
  <si>
    <t>・職員数の状況</t>
  </si>
  <si>
    <t>・長期療養患者の受入状況</t>
  </si>
  <si>
    <t>・退院調整部門の設置状況</t>
  </si>
  <si>
    <t>・重度の障害児等の受入状況</t>
  </si>
  <si>
    <t>・医療機器の台数</t>
  </si>
  <si>
    <t>・医科歯科の連携状況</t>
  </si>
  <si>
    <t>・過去1年間の間に病棟の再編・見直しがあった場合の報告対象期間</t>
  </si>
  <si>
    <t>◆基本情報（職員配置、届出の状況など）</t>
  </si>
  <si>
    <t>設置主体（2022（令和4）年7月1日時点）</t>
  </si>
  <si>
    <t>施設全体</t>
  </si>
  <si>
    <t>（項目の解説）</t>
  </si>
  <si>
    <t>休棟中（今後廃止する予定）</t>
  </si>
  <si>
    <t>様式１病院施設票(1)</t>
  </si>
  <si>
    <t>設置主体</t>
  </si>
  <si>
    <t xml:space="preserve">医療機関の開設者を区分別にを示しています。
</t>
  </si>
  <si>
    <t>公益法人</t>
  </si>
  <si>
    <t>病床の状況</t>
  </si>
  <si>
    <t>様式１病院病棟票(5)</t>
  </si>
  <si>
    <t>一般病床</t>
  </si>
  <si>
    <t>許可病床</t>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si>
  <si>
    <t>様式１病院病棟票(6)</t>
  </si>
  <si>
    <t>上記のうち医療法上の経過措置に該当する病床数</t>
  </si>
  <si>
    <t>１年で使用した病床が最も多かった日の使用病床数</t>
  </si>
  <si>
    <t>2025年7月1日時点の予定病床数</t>
  </si>
  <si>
    <t>様式１病院病棟票(7)</t>
  </si>
  <si>
    <t>療養病床</t>
  </si>
  <si>
    <t>様式１病院病棟票(8)</t>
  </si>
  <si>
    <t>うち医療療養病床</t>
  </si>
  <si>
    <t>様式１病院病棟票(9)</t>
  </si>
  <si>
    <t>うち介護療養病床</t>
  </si>
  <si>
    <t>様式１病院病棟票(10)直後</t>
  </si>
  <si>
    <t>「１年で使用した病床が最も多かった日の使用病床数」の合計が0床である理由</t>
  </si>
  <si>
    <t/>
  </si>
  <si>
    <t>診療科</t>
  </si>
  <si>
    <t>様式１病院施設票(43)</t>
  </si>
  <si>
    <t>主とする診療科</t>
  </si>
  <si>
    <t xml:space="preserve">主とする診療科は、５割以上の患者を診療している診療科を示しています。５割を超える診療科がない場合は、上位３つの診療科を示しています。
</t>
  </si>
  <si>
    <t>複数の診療科で活用</t>
  </si>
  <si>
    <t>リハビリテーション科</t>
  </si>
  <si>
    <t>その他の診療科</t>
  </si>
  <si>
    <t>内科</t>
  </si>
  <si>
    <t>様式１病院施設票(43)-1</t>
  </si>
  <si>
    <t>複数ある場合、上位３つ</t>
  </si>
  <si>
    <t>外科</t>
  </si>
  <si>
    <t>様式１病院施設票(43)-2</t>
  </si>
  <si>
    <t>整形外科</t>
  </si>
  <si>
    <t>様式１病院施設票(43)-3</t>
  </si>
  <si>
    <t>入院基本料・特定入院料及び届出病床数</t>
  </si>
  <si>
    <t>様式１病院病棟票(11)</t>
  </si>
  <si>
    <t>算定する入院基本料・特定入院料</t>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いくつ設定されているか（届出病床数）を示します。</t>
  </si>
  <si>
    <t>急性期一般入院料４</t>
  </si>
  <si>
    <t>回復期ﾘﾊﾋﾞﾘﾃｰｼｮﾝ病棟入院料１</t>
  </si>
  <si>
    <t>地域包括ケア病棟入院料２</t>
  </si>
  <si>
    <t>特殊疾患病棟入院料１</t>
  </si>
  <si>
    <t>療養病棟入院料１</t>
  </si>
  <si>
    <t>届出病床数</t>
  </si>
  <si>
    <t>様式１病院病棟票(12)</t>
  </si>
  <si>
    <t>病室単位の特定入院料</t>
  </si>
  <si>
    <t>様式１病院病棟票(13)</t>
  </si>
  <si>
    <t>様式１病院病棟票(14)</t>
  </si>
  <si>
    <t>介護療養病床において療養型介護療養施設サービス費等の届出病床数</t>
  </si>
  <si>
    <t>DPC医療機関群の種類</t>
  </si>
  <si>
    <t>様式１病院施設票(56)</t>
  </si>
  <si>
    <t xml:space="preserve">DPC制度とは、急性期の入院医療を担う医療機関において、患者に対し、入院日数に応じた１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si>
  <si>
    <t>ＤＰＣ標準病院群</t>
  </si>
  <si>
    <t>救急告示病院、二次救急医療施設、三次救急医療施設の告示・認定の有無</t>
  </si>
  <si>
    <t>※並び順に注意！</t>
  </si>
  <si>
    <t>様式１病院施設票(70)</t>
  </si>
  <si>
    <t>救急告示病院の告示の有無</t>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si>
  <si>
    <t>有り</t>
  </si>
  <si>
    <t>様式１病院施設票(69)</t>
  </si>
  <si>
    <t>二次救急医療施設の認定の有無</t>
  </si>
  <si>
    <t>様式１病院施設票(68)</t>
  </si>
  <si>
    <t>三次救急医療施設の認定の有無</t>
  </si>
  <si>
    <t>無し</t>
  </si>
  <si>
    <t>承認の有無</t>
  </si>
  <si>
    <t>様式１病院施設票(57)</t>
  </si>
  <si>
    <t>特定機能病院の承認の有無</t>
  </si>
  <si>
    <t xml:space="preserve">特定機能病院とは、高度の医療の提供、高度の医療技術の開発及び高度の医療に関する研修を実施する能力を備えた病院として、厚生労働大臣が承認した病院をいいます。
</t>
  </si>
  <si>
    <t>様式１病院施設票(58)</t>
  </si>
  <si>
    <t>地域医療支援病院の承認の有無</t>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si>
  <si>
    <t>診療報酬の届出の有無</t>
  </si>
  <si>
    <t>様式１病院施設票(59)</t>
  </si>
  <si>
    <t>総合入院体制加算の届出の有無</t>
  </si>
  <si>
    <t xml:space="preserve">総合入院体制加算とは、十分な人員配置および設備等を備え総合的かつ専門的な急性期医療を24時間提供できる体制等を確保している病院のことです。
</t>
  </si>
  <si>
    <t>届出無し</t>
  </si>
  <si>
    <t>急性期充実体制加算の届出の有無</t>
  </si>
  <si>
    <t xml:space="preserve">急性期充実体制加算は、地域において急性期・高度急性期医療を集中的・効率的に提供する体制を確保する観点から、手術等の高度かつ専門的な医療に係る実績及び高度急性期 医療を実施する体制を確保している病院のことです。
</t>
  </si>
  <si>
    <t>精神科充実体制加算の届出の有無</t>
  </si>
  <si>
    <t xml:space="preserve">精神科充実体制加算とは、高度かつ専門的な医療及び急性期医療を提供する十分な体制を有した上で、精神疾患を有する患者の充実した受入体制を確保している病院です。
</t>
  </si>
  <si>
    <t>様式１病院施設票(60)</t>
  </si>
  <si>
    <t>在宅療養支援病院の届出の有無</t>
  </si>
  <si>
    <t xml:space="preserve">在宅療養支援病院とは、24時間往診が可能な体制を確保し、また訪問看護ステーションとの連携により24時間訪問看護の提供が可能な体制を確保している病院のことです。
</t>
  </si>
  <si>
    <t>様式１病院施設票(61)</t>
  </si>
  <si>
    <t>在宅療養後方支援病院の届出の有無</t>
  </si>
  <si>
    <t xml:space="preserve">在宅療養後方支援病院とは、在宅医療を受けている患者の急変時に備え、緊急入院を受け入れるための病床を確保している病院です。
</t>
  </si>
  <si>
    <t>職員数の状況</t>
  </si>
  <si>
    <t>様式１病院施設票(2)</t>
  </si>
  <si>
    <t>医師</t>
  </si>
  <si>
    <t>常勤</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si>
  <si>
    <t>非常勤</t>
  </si>
  <si>
    <t>様式１病院施設票(3)</t>
  </si>
  <si>
    <t>歯科医師</t>
  </si>
  <si>
    <t>様式１病院施設票(4)
様式１病院病棟票(32)</t>
  </si>
  <si>
    <t>看護師</t>
  </si>
  <si>
    <t>様式１病院施設票(5)
様式１病院病棟票(33)</t>
  </si>
  <si>
    <t>准看護師</t>
  </si>
  <si>
    <t>様式１病院施設票(6)
様式１病院病棟票(34)</t>
  </si>
  <si>
    <t>看護補助者</t>
  </si>
  <si>
    <t>様式１病院施設票(7)
様式１病院病棟票(35)</t>
  </si>
  <si>
    <t>助産師</t>
  </si>
  <si>
    <t>様式１病院施設票(8)
様式１病院病棟票(36)</t>
  </si>
  <si>
    <t>理学療法士</t>
  </si>
  <si>
    <t>様式１病院施設票(9)
様式１病院病棟票(37)</t>
  </si>
  <si>
    <t>作業療法士</t>
  </si>
  <si>
    <t>様式１病院施設票(10)
様式１病院病棟票(38)</t>
  </si>
  <si>
    <t>言語聴覚士</t>
  </si>
  <si>
    <t>様式１病院施設票(11)
様式１病院病棟票(39)</t>
  </si>
  <si>
    <t>薬剤師</t>
  </si>
  <si>
    <t>様式１病院施設票(12)</t>
  </si>
  <si>
    <t>診療放射線技師</t>
  </si>
  <si>
    <t>様式１病院施設票(13)</t>
  </si>
  <si>
    <t>臨床検査技師</t>
  </si>
  <si>
    <t>様式１病院施設票(14)
様式１病院病棟票(40)</t>
  </si>
  <si>
    <t>臨床工学技士</t>
  </si>
  <si>
    <t>様式１病院施設票(15)
様式１病院病棟票(41)</t>
  </si>
  <si>
    <t>管理栄養士</t>
  </si>
  <si>
    <t>病棟以外の部門</t>
  </si>
  <si>
    <t>手術室</t>
  </si>
  <si>
    <t>外来部門</t>
  </si>
  <si>
    <t>その他</t>
  </si>
  <si>
    <t>様式１病院施設票(26)(36)(46)</t>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si>
  <si>
    <t>様式１病院施設票(27)(37)(47)</t>
  </si>
  <si>
    <t>様式１病院施設票(28)(38)(48)</t>
  </si>
  <si>
    <t>様式１病院施設票(29)(39)(49)</t>
  </si>
  <si>
    <t>様式１病院施設票(30)(40)(50)</t>
  </si>
  <si>
    <t>様式１病院施設票(31)(41)(51)</t>
  </si>
  <si>
    <t>様式１病院施設票(32)(42)(52)</t>
  </si>
  <si>
    <t>様式１病院施設票(33)(43)(53)</t>
  </si>
  <si>
    <t>様式１病院施設票(34)(44)(54)</t>
  </si>
  <si>
    <t>様式１病院施設票(35)(45)(55)</t>
  </si>
  <si>
    <t>退院調整部門の設置状況</t>
  </si>
  <si>
    <t>様式１病院施設票(93)</t>
  </si>
  <si>
    <t>退院調整部門の有無</t>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si>
  <si>
    <t>様式１病院施設票(94)</t>
  </si>
  <si>
    <t>退院調整部門に勤務する人数</t>
  </si>
  <si>
    <t>専従</t>
  </si>
  <si>
    <t>専任</t>
  </si>
  <si>
    <t>様式１病院施設票(95)</t>
  </si>
  <si>
    <t>看護職員</t>
  </si>
  <si>
    <t>様式１病院施設票(96)</t>
  </si>
  <si>
    <t>MSW</t>
  </si>
  <si>
    <t>様式１病院施設票(97)</t>
  </si>
  <si>
    <t>MSWのうち社会福祉士</t>
  </si>
  <si>
    <t>様式１病院施設票(98)</t>
  </si>
  <si>
    <t>事務員</t>
  </si>
  <si>
    <t>様式１病院施設票(99)</t>
  </si>
  <si>
    <t>医療機器の台数</t>
  </si>
  <si>
    <t>様式１病院施設票(76)</t>
  </si>
  <si>
    <t>CT</t>
  </si>
  <si>
    <t>マルチスライス</t>
  </si>
  <si>
    <t>64列以上</t>
  </si>
  <si>
    <t xml:space="preserve">CTは、X線（放射線）を使って、身体の断面を撮影する装置です。列の数が多いほど、同じ範囲をより短時間、より細かく撮影することができます。値は医療機関が保有する台数です。
</t>
  </si>
  <si>
    <t>様式１病院施設票(77)</t>
  </si>
  <si>
    <t>16列以上64列未満</t>
  </si>
  <si>
    <t>様式１病院施設票(78)</t>
  </si>
  <si>
    <t>16列未満</t>
  </si>
  <si>
    <t>様式１病院施設票(79)</t>
  </si>
  <si>
    <t>様式１病院施設票(80)</t>
  </si>
  <si>
    <t>MRI</t>
  </si>
  <si>
    <t>3T以上</t>
  </si>
  <si>
    <t xml:space="preserve">MRIは、主に磁気を利用して、身体の断面を撮影する装置です。T（テスラ）は、磁気の強さを表す単位で、値が大きいほど高画質の画像が得られます。値は医療機関が保有する台数です。
</t>
  </si>
  <si>
    <t>様式１病院施設票(81)</t>
  </si>
  <si>
    <t>1.5Ｔ以上3Ｔ未満</t>
  </si>
  <si>
    <t>様式１病院施設票(82)</t>
  </si>
  <si>
    <t>1.5Ｔ未満</t>
  </si>
  <si>
    <t>様式１病院施設票(83)</t>
  </si>
  <si>
    <t>血管連続撮影装置</t>
  </si>
  <si>
    <t xml:space="preserve">血管連続撮影装置は、X線では映らない、血管の状態を撮影するための装置です。値は医療機関が保有する台数です。
</t>
  </si>
  <si>
    <t>様式１病院施設票(84)</t>
  </si>
  <si>
    <t>SPECT</t>
  </si>
  <si>
    <t xml:space="preserve">SPECTは、特殊な薬剤を注射したあとに撮影することで、体のなかの血液の分布を調べる装置です。とくに、脳血管障害や心疾患の診断に用いられます。値は医療機関が保有する台数です。
</t>
  </si>
  <si>
    <t>様式１病院施設票(85)</t>
  </si>
  <si>
    <t>PET</t>
  </si>
  <si>
    <t>様式１病院施設票(86)</t>
  </si>
  <si>
    <t>PETCT</t>
  </si>
  <si>
    <t xml:space="preserve">PETCTは、診断の精度を向上させるためにPETとCTを組み合わせた装置です。値は医療機関が保有する台数です。
</t>
  </si>
  <si>
    <t>様式１病院施設票(87)</t>
  </si>
  <si>
    <t>PETMRI</t>
  </si>
  <si>
    <t xml:space="preserve">PETMRIは、診断の精度を向上させるためにPETとMRIを組み合わせた装置です。値は医療機関が保有する台数です。
</t>
  </si>
  <si>
    <t>様式１病院施設票(88)</t>
  </si>
  <si>
    <t>ガンマナイフ</t>
  </si>
  <si>
    <t xml:space="preserve">ガンマナイフは、脳に精密に放射線を集中照射する装置です。値は医療機関が保有する台数です。
</t>
  </si>
  <si>
    <t>様式１病院施設票(89)</t>
  </si>
  <si>
    <t>サイバーナイフ</t>
  </si>
  <si>
    <t xml:space="preserve">サイバーナイフは、腫瘍にロボットアームで集中的に放射線を照射する装置です。値は医療機関が保有する台数です。
</t>
  </si>
  <si>
    <t>様式１病院施設票(90)</t>
  </si>
  <si>
    <t>強度変調放射線治療器</t>
  </si>
  <si>
    <t xml:space="preserve">強度変調放射線治療器は、腫瘍に精確に放射線を照射する装置です。値は医療機関が保有する台数です。
</t>
  </si>
  <si>
    <t>様式１病院施設票(91)</t>
  </si>
  <si>
    <t>遠隔操作式密封小線源治療装置</t>
  </si>
  <si>
    <t xml:space="preserve">遠隔操作式密封小線源治療装置は、体の内側から放射線を照射する機能を持つ装置です。値は医療機関が保有する台数です。
</t>
  </si>
  <si>
    <t>様式１病院施設票(92)</t>
  </si>
  <si>
    <t>内視鏡手術用支援機器（ダヴィンチ）</t>
  </si>
  <si>
    <t xml:space="preserve">内視鏡手術用支援機器（ダヴィンチ）は、内視鏡カメラとロボットアームを操作して手術を行う手術支援ロボットです。値は医療機関が保有する台数です。
</t>
  </si>
  <si>
    <t>令和3年４月１日～令和4年７月１日の間に病棟の再編・見直しがあった場合の報告対象期間</t>
  </si>
  <si>
    <t xml:space="preserve">病棟の再編・見直しがあった場合の報告対象期間は、令和3年4月1日～令和4年7月1日の期間内に病棟の再編・見直しを行ったことで、【令和3年4月1日～令和4年3月31日】の過去1年間分の状況を令和4年7月1日時点の病棟単位で報告することが困難な場合に、令和4年7月1日時点の病棟単位で「月単位」で報告が可能な過去の期間です。
</t>
  </si>
  <si>
    <t>様式１病院病棟票(113)後</t>
  </si>
  <si>
    <t>3年4月～3年9月</t>
  </si>
  <si>
    <t>メニューへ戻る</t>
  </si>
  <si>
    <t>◆患者の入退院等の状況</t>
  </si>
  <si>
    <t>入院患者の状況（年間）</t>
  </si>
  <si>
    <t>様式１病院病棟票(44)</t>
  </si>
  <si>
    <t>年間</t>
  </si>
  <si>
    <t>新規入棟患者数（年間）</t>
  </si>
  <si>
    <t xml:space="preserve">１年間の入院患者の状況は、令和3年4月から令和4年3月までに入院、退院した患者数を示す項目です。
</t>
  </si>
  <si>
    <t>様式１病院病棟票(45)</t>
  </si>
  <si>
    <t>うち予定入院の患者・院内の他病棟からの転棟患者</t>
  </si>
  <si>
    <t>様式１病院病棟票(47)</t>
  </si>
  <si>
    <t>うち予定外の救急医療入院以外の入院患者</t>
  </si>
  <si>
    <t>様式１病院病棟票(46)</t>
  </si>
  <si>
    <t>うち予定外の救急医療入院の患者</t>
  </si>
  <si>
    <t>様式１病院病棟票(48)</t>
  </si>
  <si>
    <t>在棟患者延べ数（年間）</t>
  </si>
  <si>
    <t>様式１病院病棟票(49)</t>
  </si>
  <si>
    <t>退棟患者数（年間）</t>
  </si>
  <si>
    <t>入院患者の状況（年間／入棟前の場所・退棟先の場所の状況）</t>
  </si>
  <si>
    <t>様式１病院病棟票(50)</t>
  </si>
  <si>
    <t xml:space="preserve">年間の入院患者の状況は、令和3年４月１日～令和4年３月31日の１年間に入院を受け入れた患者の入院前の場所、退院した患者の退院先の場所を示す項目です。
</t>
  </si>
  <si>
    <t>様式１病院病棟票(51)</t>
  </si>
  <si>
    <t>入棟前の場所</t>
  </si>
  <si>
    <t>うち院内の他病棟からの転棟</t>
  </si>
  <si>
    <t>様式１病院病棟票(52)</t>
  </si>
  <si>
    <t>うち家庭からの入院</t>
  </si>
  <si>
    <t>様式１病院病棟票(53)</t>
  </si>
  <si>
    <t>うち他の病院、診療所からの転院</t>
  </si>
  <si>
    <t>様式１病院病棟票(54)</t>
  </si>
  <si>
    <t>うち介護施設・福祉施設からの入院</t>
  </si>
  <si>
    <t>様式１病院病棟票(55)</t>
  </si>
  <si>
    <t>うち介護医療院からの入院</t>
  </si>
  <si>
    <t>様式１病院病棟票(56)</t>
  </si>
  <si>
    <t>うち院内の出生</t>
  </si>
  <si>
    <t>様式１病院病棟票(57)</t>
  </si>
  <si>
    <t>様式１病院病棟票(58)</t>
  </si>
  <si>
    <t>様式１病院病棟票(59)</t>
  </si>
  <si>
    <t>退棟先の場所</t>
  </si>
  <si>
    <t>うち院内の他病棟へ転棟</t>
  </si>
  <si>
    <t>様式１病院病棟票(60)</t>
  </si>
  <si>
    <t>うち家庭へ退院</t>
  </si>
  <si>
    <t>様式１病院病棟票(61)</t>
  </si>
  <si>
    <t>うち他の病院、診療所へ転院</t>
  </si>
  <si>
    <t>様式１病院病棟票(62)</t>
  </si>
  <si>
    <t>うち介護老人保健施設に入所</t>
  </si>
  <si>
    <t>様式１病院病棟票(63)</t>
  </si>
  <si>
    <t>うち介護老人福祉施設に入所</t>
  </si>
  <si>
    <t>様式１病院病棟票(64)</t>
  </si>
  <si>
    <t>うち介護医療院に入所</t>
  </si>
  <si>
    <t>様式１病院病棟票(65)</t>
  </si>
  <si>
    <t>うち社会福祉施設・有料老人ホーム等に入所</t>
  </si>
  <si>
    <t>様式１病院病棟票(66)</t>
  </si>
  <si>
    <t>うち終了（死亡退院等）</t>
  </si>
  <si>
    <t>様式１病院病棟票(67)</t>
  </si>
  <si>
    <t>退院後に在宅医療を必要とする患者の状況</t>
  </si>
  <si>
    <t>様式１病院病棟票(68)</t>
  </si>
  <si>
    <t>退院患者数（年間）</t>
  </si>
  <si>
    <t xml:space="preserve">退院後に在宅医療を必要とする患者の状況は、令和3年４月１日～令和4年３月31日の１年間に退院した患者に対する、在宅医療の提供の必要性に関する項目です。
</t>
  </si>
  <si>
    <t>様式１病院病棟票(70)</t>
  </si>
  <si>
    <t>退院後１か月以内に在宅医療を必要としない患者（死亡退院含む）</t>
  </si>
  <si>
    <t>様式１病院病棟票(71)</t>
  </si>
  <si>
    <t>退院後１か月以内に自院が在宅医療を提供する予定の患者数</t>
  </si>
  <si>
    <t>様式１病院病棟票(69)</t>
  </si>
  <si>
    <t>退院後１か月以内に他施設が在宅医療を提供する予定の患者</t>
  </si>
  <si>
    <t>様式１病院病棟票(72)</t>
  </si>
  <si>
    <t>退院後１か月以内に在宅医療の実施予定が不明の患者</t>
  </si>
  <si>
    <t>看取りを行った患者数</t>
  </si>
  <si>
    <t>※在宅療養支援病院の届出を行っている病院のみが報告する事項です。</t>
  </si>
  <si>
    <t>様式１病院施設票(62)</t>
  </si>
  <si>
    <t>直近１年間で在宅療養を担当した患者のうち、医療機関以外での看取り数（年間）</t>
  </si>
  <si>
    <t xml:space="preserve">看取りとは、患者の死期まで見守り臨終に付きそうことをいいます。値は、令和3年４月から令和4年３月までの１年間に在宅療養を担当し、看取りまで支援した患者について、その看取りを行った場所や数を示しています。
</t>
  </si>
  <si>
    <t>様式１病院施設票(63)</t>
  </si>
  <si>
    <t>うち自宅での看取り数</t>
  </si>
  <si>
    <t>様式１病院施設票(64)</t>
  </si>
  <si>
    <t>うち自宅以外での看取り数</t>
  </si>
  <si>
    <t>様式１病院施設票(65)</t>
  </si>
  <si>
    <t>直近１年間で在宅療養を担当した患者のうち、医療機関での看取り数（年間）</t>
  </si>
  <si>
    <t>様式１病院施設票(66)</t>
  </si>
  <si>
    <t>うち連携医療機関での看取り数</t>
  </si>
  <si>
    <t>様式１病院施設票(67)</t>
  </si>
  <si>
    <t>うち連携医療機関以外での看取り数</t>
  </si>
  <si>
    <t>◆医療内容に関する情報（手術、リハビリテーションの実施状況など）</t>
  </si>
  <si>
    <t>算定する入院基本料・特定入院料等の状況</t>
  </si>
  <si>
    <t>急性期一般入院料１</t>
  </si>
  <si>
    <t xml:space="preserve">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特定入院料の病床が、実際にどれだけの患者に適用されているか（レセプト件数）を示します。
</t>
  </si>
  <si>
    <t>急性期一般入院料２</t>
  </si>
  <si>
    <t>急性期一般入院料３</t>
  </si>
  <si>
    <t>急性期一般入院料５</t>
  </si>
  <si>
    <t>急性期一般入院料６</t>
  </si>
  <si>
    <t>急性期一般入院料７</t>
  </si>
  <si>
    <t>地域一般入院料１</t>
  </si>
  <si>
    <t>地域一般入院料２</t>
  </si>
  <si>
    <t>地域一般入院料３</t>
  </si>
  <si>
    <t>一般病棟特別入院基本料</t>
  </si>
  <si>
    <t>一般病棟入院基本料（療養病棟入院料１の例により算定）</t>
  </si>
  <si>
    <t>*</t>
  </si>
  <si>
    <t>療養病棟入院料２</t>
  </si>
  <si>
    <t>療養病棟特別入院基本料</t>
  </si>
  <si>
    <t>介護療養病床における療養型介護療養施設サービス費等</t>
  </si>
  <si>
    <t>特定機能病院一般病棟７対１入院基本料</t>
  </si>
  <si>
    <t>特定機能病院一般病棟10対１入院基本料</t>
  </si>
  <si>
    <t>専門病院７対１入院基本料</t>
  </si>
  <si>
    <t>専門病院10対１入院基本料</t>
  </si>
  <si>
    <t>専門病院13対１入院基本料</t>
  </si>
  <si>
    <t>障害者施設等７対１入院基本料</t>
  </si>
  <si>
    <t>障害者施設等10対１入院基本料</t>
  </si>
  <si>
    <t>障害者施設等13対１入院基本料</t>
  </si>
  <si>
    <t>障害者施設等15対１入院基本料</t>
  </si>
  <si>
    <t>障害者施設等特定入院基本料</t>
  </si>
  <si>
    <t>救命救急入院料１</t>
  </si>
  <si>
    <t>救命救急入院料２</t>
  </si>
  <si>
    <t>救命救急入院料３</t>
  </si>
  <si>
    <t>救命救急入院料４</t>
  </si>
  <si>
    <t>特定集中治療室管理料１</t>
  </si>
  <si>
    <t>特定集中治療室管理料２</t>
  </si>
  <si>
    <t>特定集中治療室管理料３</t>
  </si>
  <si>
    <t>特定集中治療室管理料４</t>
  </si>
  <si>
    <t>ハイケアユニット入院医療管理料１</t>
  </si>
  <si>
    <t>ハイケアユニット入院医療管理料２</t>
  </si>
  <si>
    <t>脳卒中ケアユニット入院医療管理料</t>
  </si>
  <si>
    <t>小児特定集中治療室管理料</t>
  </si>
  <si>
    <t>新生児特定集中治療室管理料１</t>
  </si>
  <si>
    <t>新生児特定集中治療室管理料２</t>
  </si>
  <si>
    <t>総合周産期特定集中治療室管理料（母体・胎児）</t>
  </si>
  <si>
    <t>総合周産期特定集中治療室管理料（新生児）</t>
  </si>
  <si>
    <t>新生児治療回復室入院医療管理料</t>
  </si>
  <si>
    <t>特殊疾患入院医療管理料</t>
  </si>
  <si>
    <t>小児入院医療管理料１</t>
  </si>
  <si>
    <t>小児入院医療管理料２</t>
  </si>
  <si>
    <t>小児入院医療管理料３</t>
  </si>
  <si>
    <t>小児入院医療管理料４</t>
  </si>
  <si>
    <t>小児入院医療管理料５</t>
  </si>
  <si>
    <t>回復期リハビリテーション病棟入院料１</t>
  </si>
  <si>
    <t>回復期リハビリテーション病棟入院料２</t>
  </si>
  <si>
    <t>回復期リハビリテーション病棟入院料３</t>
  </si>
  <si>
    <t>回復期リハビリテーション病棟入院料４</t>
  </si>
  <si>
    <t>回復期リハビリテーション病棟入院料５</t>
  </si>
  <si>
    <t>回復期リハビリテーション病棟入院料６</t>
  </si>
  <si>
    <t>地域包括ケア病棟入院料１</t>
  </si>
  <si>
    <t>地域包括ケア病棟入院料３</t>
  </si>
  <si>
    <t>地域包括ケア病棟入院料４</t>
  </si>
  <si>
    <t>地域包括ケア入院医療管理料１</t>
  </si>
  <si>
    <t>地域包括ケア入院医療管理料２</t>
  </si>
  <si>
    <t>地域包括ケア入院医療管理料３</t>
  </si>
  <si>
    <t>地域包括ケア入院医療管理料４</t>
  </si>
  <si>
    <t>特殊疾患病棟入院料２</t>
  </si>
  <si>
    <t>緩和ケア病棟入院料１</t>
  </si>
  <si>
    <t>緩和ケア病棟入院料２</t>
  </si>
  <si>
    <t>特定一般病棟入院料１</t>
  </si>
  <si>
    <t>特定一般病棟入院料２</t>
  </si>
  <si>
    <t>特定一般病棟入院料（地域包括ケア１）</t>
  </si>
  <si>
    <t>特定一般病棟入院料（地域包括ケア２）</t>
  </si>
  <si>
    <t>特定一般病棟入院料（地域包括ケア３）</t>
  </si>
  <si>
    <t>特定一般病棟入院料（地域包括ケア４）</t>
  </si>
  <si>
    <t>特定一般病棟入院料（療養病棟入院料１の例により算定）</t>
  </si>
  <si>
    <t>短期滞在手術等基本料２</t>
  </si>
  <si>
    <t>短期滞在手術等基本料３</t>
  </si>
  <si>
    <t>手術の状況</t>
  </si>
  <si>
    <t>様式2病棟票(167)</t>
  </si>
  <si>
    <t>手術総数</t>
  </si>
  <si>
    <t xml:space="preserve">手術の状況は、手術を受けた患者数と、手術の対象となった臓器別の患者数です。
</t>
  </si>
  <si>
    <t>様式2病棟票(167)-1</t>
  </si>
  <si>
    <t>臓器別の状況</t>
  </si>
  <si>
    <t>皮膚・皮下組織</t>
  </si>
  <si>
    <t>様式2病棟票(167)-2</t>
  </si>
  <si>
    <t>筋骨格系・四肢・体幹</t>
  </si>
  <si>
    <t>様式2病棟票(167)-3</t>
  </si>
  <si>
    <t>神経系・頭蓋</t>
  </si>
  <si>
    <t>様式2病棟票(167)-4</t>
  </si>
  <si>
    <t>眼</t>
  </si>
  <si>
    <t>様式2病棟票(167)-5</t>
  </si>
  <si>
    <t>耳鼻咽喉</t>
  </si>
  <si>
    <t>様式2病棟票(167)-6</t>
  </si>
  <si>
    <t>顔面・口腔・頸部</t>
  </si>
  <si>
    <t>様式2病棟票(167)-7</t>
  </si>
  <si>
    <t>胸部</t>
  </si>
  <si>
    <t>様式2病棟票(167)-8</t>
  </si>
  <si>
    <t>心・脈管</t>
  </si>
  <si>
    <t>様式2病棟票(167)-9</t>
  </si>
  <si>
    <t>腹部</t>
  </si>
  <si>
    <t>様式2病棟票(167)-10</t>
  </si>
  <si>
    <t>尿路系・副腎</t>
  </si>
  <si>
    <t>様式2病棟票(167)-11</t>
  </si>
  <si>
    <t>性器</t>
  </si>
  <si>
    <t>様式2病棟票(167)-12</t>
  </si>
  <si>
    <t>歯科</t>
  </si>
  <si>
    <t>様式2病棟票(168)</t>
  </si>
  <si>
    <t>全身麻酔の手術総数</t>
  </si>
  <si>
    <t xml:space="preserve">全身麻酔の手術の状況は、全身麻酔を用いて手術を受けた患者数と、手術の対象となった臓器別の患者数です。
</t>
  </si>
  <si>
    <t>様式2病棟票(168)-1</t>
  </si>
  <si>
    <t>様式2病棟票(168)-2</t>
  </si>
  <si>
    <t>様式2病棟票(168)-3</t>
  </si>
  <si>
    <t>様式2病棟票(168)-4</t>
  </si>
  <si>
    <t>様式2病棟票(168)-5</t>
  </si>
  <si>
    <t>様式2病棟票(168)-6</t>
  </si>
  <si>
    <t>様式2病棟票(168)-7</t>
  </si>
  <si>
    <t>様式2病棟票(168)-8</t>
  </si>
  <si>
    <t>様式2病棟票(168)-9</t>
  </si>
  <si>
    <t>様式2病棟票(168)-10</t>
  </si>
  <si>
    <t>様式2病棟票(168)-11</t>
  </si>
  <si>
    <t>様式2病棟票(168)-12</t>
  </si>
  <si>
    <t>様式2病棟票(169)</t>
  </si>
  <si>
    <t>人工心肺を用いた手術</t>
  </si>
  <si>
    <t xml:space="preserve">人工心肺を用いた手術とは、心臓手術などの際に心臓と肺の機能を代行する装置を用いて行う手術です。値はこの手術を行った患者数です。
</t>
  </si>
  <si>
    <t>様式2病棟票(170)</t>
  </si>
  <si>
    <t>胸腔鏡下手術</t>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si>
  <si>
    <t>様式2病棟票(171)</t>
  </si>
  <si>
    <t>腹腔鏡下手術</t>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si>
  <si>
    <t>がん、脳卒中、心筋梗塞、分娩、精神医療への対応状況</t>
  </si>
  <si>
    <t>（がん）</t>
  </si>
  <si>
    <t>様式2病棟票(172)</t>
  </si>
  <si>
    <t>悪性腫瘍手術</t>
  </si>
  <si>
    <t xml:space="preserve">悪性腫瘍手術とは、がんを取るための手術です。値は手術を行った患者数です。
</t>
  </si>
  <si>
    <t>様式2病棟票(173)</t>
  </si>
  <si>
    <t>病理組織標本作製</t>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si>
  <si>
    <t>様式2病棟票(176)</t>
  </si>
  <si>
    <t>術中迅速病理組織標本作製</t>
  </si>
  <si>
    <t xml:space="preserve">術中迅速診断とは、病気の良性・悪性の判断や切除範囲を決めるため、手術中に病理診断をすることをいいます。そのための病理組織標本作製を、手術中に行った患者数です。
</t>
  </si>
  <si>
    <t>様式2病棟票(177)</t>
  </si>
  <si>
    <t>放射線治療</t>
  </si>
  <si>
    <t xml:space="preserve">放射線治療とは、がんに放射線を当てる（照射する）ことで、がんを縮小させる治療を放射線治療といいます。値は放射線治療を行った患者数です。
</t>
  </si>
  <si>
    <t>様式2病棟票(228)</t>
  </si>
  <si>
    <t>化学療法</t>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si>
  <si>
    <t>様式2病棟票(231)</t>
  </si>
  <si>
    <t>がん患者指導管理料イ及びロ</t>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si>
  <si>
    <t>様式2病棟票(234)</t>
  </si>
  <si>
    <t>抗悪性腫瘍剤局所持続注入</t>
  </si>
  <si>
    <t xml:space="preserve">抗悪性腫瘍剤局所持続注入は、がんの患者に対し、カテーテル（細い管状の医療器具）等を用いて動脈や静脈等に抗がん剤を持続的に注入する治療です。値はこの治療を行った患者数です。
</t>
  </si>
  <si>
    <t>様式2病棟票(235)</t>
  </si>
  <si>
    <t>肝動脈塞栓を伴う抗悪性腫瘍剤肝動脈内注入</t>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si>
  <si>
    <t>（脳卒中）</t>
  </si>
  <si>
    <t>様式2病棟票(236)</t>
  </si>
  <si>
    <t>超急性期脳卒中加算</t>
  </si>
  <si>
    <t xml:space="preserve">超急性期脳卒中加算は、脳梗塞の患者に対し、発症後速やかに薬剤を投与して血栓を溶かす治療を行ったことを示す項目です。値はこの治療を行った患者数です。
</t>
  </si>
  <si>
    <t>ｔ－PA投与</t>
  </si>
  <si>
    <t>t-PA投与は発症から4.5時間以内で、CTやMRI検査で脳梗塞の変化がごく僅かである場合に、tPAという薬剤を点滴（静脈内投与）するものです。値は脳梗塞の患者に対して投与した患者数です。</t>
  </si>
  <si>
    <t>様式2病棟票(237)</t>
  </si>
  <si>
    <t>脳血管内手術</t>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si>
  <si>
    <t>（心筋梗塞）</t>
  </si>
  <si>
    <t>様式2病棟票(245)</t>
  </si>
  <si>
    <t>経皮的冠動脈形成術</t>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si>
  <si>
    <t>（分娩）</t>
  </si>
  <si>
    <t>様式1病棟票(112)</t>
  </si>
  <si>
    <t>分娩件数（正常分娩、帝王切開を含む、死産を除く）</t>
  </si>
  <si>
    <t xml:space="preserve">分娩件数は、分娩を行った患者数です。
</t>
  </si>
  <si>
    <t>（精神医療）</t>
  </si>
  <si>
    <t>様式2病棟票(256)</t>
  </si>
  <si>
    <t>入院精神療法（Ⅰ）</t>
  </si>
  <si>
    <t xml:space="preserve">入院精神療法は、精神疾患の患者に対し、治療計画に基づいて患者の精神面に対して施す治療です。値はこの治療を行った患者数です。
</t>
  </si>
  <si>
    <t>様式2病棟票(257)</t>
  </si>
  <si>
    <t>精神科リエゾンチーム加算</t>
  </si>
  <si>
    <t xml:space="preserve">精神科リエゾンチーム加算は、精神疾患の患者に対し、精神科医や専門の看護師等が共同し、多職種チームとして診療を行っていることを示す項目です。値はこうした診療を行った患者数です。
</t>
  </si>
  <si>
    <t>様式2病棟票(258)</t>
  </si>
  <si>
    <t>認知症ケア加算１</t>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si>
  <si>
    <t>様式2病棟票(261)</t>
  </si>
  <si>
    <t>認知症ケア加算２</t>
  </si>
  <si>
    <t>認知症ケア加算３</t>
  </si>
  <si>
    <t>様式2病棟票(264)</t>
  </si>
  <si>
    <t>精神疾患診療体制加算１及び２</t>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si>
  <si>
    <t>様式2病棟票(267)</t>
  </si>
  <si>
    <t>精神疾患診断治療初回加算（救命救急入院料）</t>
  </si>
  <si>
    <t xml:space="preserve">精神疾患診断治療初回加算は、自殺企図等による重篤な患者に対し、精神疾患にかかわる診断治療等を行っていることを示す項目です。値はこうした診療を行った患者数です。
</t>
  </si>
  <si>
    <t>重症患者への対応状況</t>
  </si>
  <si>
    <t>様式2病棟票(268)</t>
  </si>
  <si>
    <t>ハイリスク分娩管理加算</t>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si>
  <si>
    <t>様式2病棟票(269)</t>
  </si>
  <si>
    <t>ハイリスク妊産婦共同管理料（Ⅱ）</t>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si>
  <si>
    <t>様式2病棟票(270)</t>
  </si>
  <si>
    <t>救急搬送診療料</t>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si>
  <si>
    <t>様式2病棟票(271)</t>
  </si>
  <si>
    <t>観血的肺動脈圧測定</t>
  </si>
  <si>
    <t xml:space="preserve">観血的肺動脈圧測定は、急性心筋梗塞など心機能が低下した患者に対し、肺動脈内にカテーテル（細い管状の医療器具）を挿入して肺動脈の血圧を測定する検査です。値は検査を行った患者数です。
</t>
  </si>
  <si>
    <t>様式2病棟票(274)</t>
  </si>
  <si>
    <t>持続緩徐式血液濾過</t>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si>
  <si>
    <t>様式2病棟票(275)</t>
  </si>
  <si>
    <t>大動脈バルーンパンピング法</t>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si>
  <si>
    <t>様式2病棟票(278)</t>
  </si>
  <si>
    <t>経皮的心肺補助法</t>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si>
  <si>
    <t>様式2病棟票(281)</t>
  </si>
  <si>
    <t>補助人工心臓・植込型補助人工心臓</t>
  </si>
  <si>
    <t xml:space="preserve">補助人工心臓は、重篤な心不全等の患者に対し、人工的に血液循環を行う装置を装着することで、弱った心臓を休ませ、その回復を図る手術です。値はこの手術を行った患者数です。
</t>
  </si>
  <si>
    <t>様式2病棟票(295)</t>
  </si>
  <si>
    <t>頭蓋内圧持続測定（３時間を超えた場合）</t>
  </si>
  <si>
    <t xml:space="preserve">頭蓋内圧持続測定は、重症な頭部外傷やくも膜下出血等の患者に対し、特殊な測定機器を頭蓋骨内部に置くことで、脳周辺の圧力を持続的に測定する検査です。値は検査を行った患者数です。
</t>
  </si>
  <si>
    <t>様式2病棟票(296)</t>
  </si>
  <si>
    <t>人工心肺</t>
  </si>
  <si>
    <t xml:space="preserve">人工心肺は、心臓手術などの際に、一時的に心臓と肺の機能を代行する装置です。値は人工心肺装置を使用した患者数です。
</t>
  </si>
  <si>
    <t>様式2病棟票(299)</t>
  </si>
  <si>
    <t>血漿交換療法</t>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si>
  <si>
    <t>様式2病棟票(300)</t>
  </si>
  <si>
    <t>吸着式血液浄化法</t>
  </si>
  <si>
    <t xml:space="preserve">吸着式血液浄化法は、劇症肝炎や肝不全等の患者に対し、血液を吸着材に通すことで血液中に蓄積した老廃物や毒素等を除去する治療法です。値はこの処置を行った患者数です。
</t>
  </si>
  <si>
    <t>様式2病棟票(301)</t>
  </si>
  <si>
    <t>血球成分除去療法</t>
  </si>
  <si>
    <t xml:space="preserve">血球成分除去療法は、潰瘍性大腸炎やクローン病等の自己免疫疾患の患者に対し、血液から自分の組織を攻撃する白血球を除去する治療法です。値はこの処置を行った患者数です。
</t>
  </si>
  <si>
    <t>様式1病院病棟票(74)</t>
  </si>
  <si>
    <t>当該病棟において届出を行っている一般病棟用の重症度、医療・看護必要度の評価方法</t>
  </si>
  <si>
    <t>一般病棟用の重症度、医療・看護必要度を測定することが算定の要件となっている入院基本料（注加算含む）・特定入院料・入院基本料等加算の届出を行っている場合、項目ごとに令和3年４月１日～令和4年３月31日の１年間の在棟患者延べ数について「一般病棟用の重症度、医療・看護必要度に係る評価票Ⅰ」、「一般病棟用の重症度、医療・看護必要度に係る評価票Ⅱ」を用いて評価を行います。</t>
  </si>
  <si>
    <t>一般病棟用の重症度、医療・看護必要度Ⅰ</t>
  </si>
  <si>
    <t>「急性期一般入院基本料」、「地域一般入院料１」、「専門病院入院基本料」、「特定機能病院入院基本料」、「脳卒中ケアユニット入院医療管理料」、「特定一般病棟入院料（注７以外）」、「看護必要度加算」、「一般病棟看護必要度評価加算」、「急性期看護補助体制加算」、「看護職員夜間配置加算」、「看護補助加算１」の届出を行っている場合における、一般病棟用の重症度、医療・看護必要度の基準を満たす患者の割合</t>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si>
  <si>
    <t>様式1病院病棟票(78)</t>
  </si>
  <si>
    <t>A得点１点以上の患者割合</t>
  </si>
  <si>
    <t>様式1病院病棟票(79)</t>
  </si>
  <si>
    <t>A得点２点以上の患者割合</t>
  </si>
  <si>
    <t>様式1病院病棟票(80)</t>
  </si>
  <si>
    <t>A得点２点以上かつB得点３点以上の患者割合</t>
  </si>
  <si>
    <t>様式1病院病棟票(81)</t>
  </si>
  <si>
    <t>A得点３点以上の患者割合</t>
  </si>
  <si>
    <t>様式1病院病棟票(82)</t>
  </si>
  <si>
    <t>C得点１点以上の患者割合</t>
  </si>
  <si>
    <t>様式1病院病棟票(83)</t>
  </si>
  <si>
    <t>Ａ得点が２点以上かつＢ得点が３点以上またはＡ得点が３点以上またはＣ得点が１点以上の患者割合</t>
  </si>
  <si>
    <t>「地域包括ケア病棟入院料」、「地域包括ケア入院医療管理料」、「特定一般病棟入院料の注７」の届出を行っている場合における、一般病棟用の重症度、医療・看護必要度の基準を満たす患者の割合</t>
  </si>
  <si>
    <t>様式1病院病棟票(88)</t>
  </si>
  <si>
    <t>様式1病院病棟票(89)</t>
  </si>
  <si>
    <t>様式1病院病棟票(90)</t>
  </si>
  <si>
    <t>様式1病院病棟票(91)</t>
  </si>
  <si>
    <t>様式1病院病棟票(92)</t>
  </si>
  <si>
    <t>様式1病院病棟票(93)</t>
  </si>
  <si>
    <t>「総合入院体制加算」の届出を行っている場合における、
一般病棟用の重症度、医療・看護必要度の基準を満たす患者の割合</t>
  </si>
  <si>
    <t>様式1病院病棟票(98)</t>
  </si>
  <si>
    <t>様式1病院病棟票(99)</t>
  </si>
  <si>
    <t>様式1病院病棟票(100)</t>
  </si>
  <si>
    <t>様式1病院病棟票(101)</t>
  </si>
  <si>
    <t>様式1病院病棟票(102)</t>
  </si>
  <si>
    <t>様式1病院病棟票(103)</t>
  </si>
  <si>
    <t>救急医療の実施状況</t>
  </si>
  <si>
    <t>様式2病棟票(302)</t>
  </si>
  <si>
    <t>院内トリアージ実施料</t>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si>
  <si>
    <t>様式2病棟票(303)</t>
  </si>
  <si>
    <t>夜間休日救急搬送医学管理料</t>
  </si>
  <si>
    <t xml:space="preserve">夜間休日救急搬送医学管理料は、夜間や休日等の救急搬送に対応していることを示す項目です。値は、深夜、休日等に救急車や救急医療用ヘリコプター等で搬送され、診療を行った患者数です。
</t>
  </si>
  <si>
    <t>様式2病棟票(304)</t>
  </si>
  <si>
    <t>精神科疾患患者等受入加算</t>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si>
  <si>
    <t>様式2病棟票(305)</t>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si>
  <si>
    <t>様式2病棟票(308)</t>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si>
  <si>
    <t>様式1病院施設票(71)</t>
  </si>
  <si>
    <t>休日に受診した患者延べ数（年間）</t>
  </si>
  <si>
    <t xml:space="preserve">休日に受診した患者延べ数は、休日（日曜、祝日、年末年始）に受診した患者数と、そのうち診療後にただちに入院が必要となった患者数です。
</t>
  </si>
  <si>
    <t>様式1病院施設票(72)</t>
  </si>
  <si>
    <t>うち診察後直ちに入院となった患者延べ数</t>
  </si>
  <si>
    <t>様式1病院施設票(73)</t>
  </si>
  <si>
    <t>夜間・時間外に受診した患者延べ数（年間）</t>
  </si>
  <si>
    <t xml:space="preserve">夜間・時間外に受診した患者延べ数は、夜間・時間外（医療機関が表示する診療時間以外の時間（休日を除く））に受診した患者数と、そのうち診療後にただちに入院が必要となった患者数です。
</t>
  </si>
  <si>
    <t>様式1病院施設票(74)</t>
  </si>
  <si>
    <t>様式1病院施設票(75)</t>
  </si>
  <si>
    <t>救急車の受入件数（年間）</t>
  </si>
  <si>
    <t xml:space="preserve">救急車の受入件数は、救急車や救急医療用ヘリコプター等により搬送され受け入れた患者数です。
</t>
  </si>
  <si>
    <t>様式2病棟票(312)</t>
  </si>
  <si>
    <t>救命のための気管内挿管</t>
  </si>
  <si>
    <t xml:space="preserve">気管内挿管は、気道確保を行うためのチューブ等を口や鼻から挿入する処置です。値は救命措置として気管内挿管を行った患者数です。
</t>
  </si>
  <si>
    <t>様式2病棟票(313)</t>
  </si>
  <si>
    <t>体表面ペーシング法又は食道ペーシング法</t>
  </si>
  <si>
    <t xml:space="preserve">体表面・食道ペーシングは、胸部または食道内に電極をおき、電極を介して心臓を電気刺激する処置です。値は処置を行った患者数です。
</t>
  </si>
  <si>
    <t>様式2病棟票(314)</t>
  </si>
  <si>
    <t>非開胸的心マッサージ</t>
  </si>
  <si>
    <t xml:space="preserve">非開胸的心マッサージは、胸部を開く等の手術を伴わない、一般的な心臓マッサージを行う処置です。値は処置を行った患者数です。
</t>
  </si>
  <si>
    <t>様式2病棟票(317)</t>
  </si>
  <si>
    <t>カウンターショック</t>
  </si>
  <si>
    <t xml:space="preserve">カウンターショックは、心停止した患者に対し、AEDや専門の医療機器等を用いて、心臓に電気ショックを与え、正常な状態に戻す処置です。値は処置を行った患者数です。
</t>
  </si>
  <si>
    <t>様式2病棟票(320)</t>
  </si>
  <si>
    <t>心膜穿刺</t>
  </si>
  <si>
    <t xml:space="preserve">心膜穿刺は、心臓を覆う心膜に針等を刺し、心臓に貯まった水を排出する処置です。値は処置を行った患者数です。
</t>
  </si>
  <si>
    <t>様式2病棟票(321)</t>
  </si>
  <si>
    <t>食道圧迫止血チューブ挿入法</t>
  </si>
  <si>
    <t xml:space="preserve">食道圧迫止血チューブ挿入法は、食道静脈瘤からの出血に対し圧迫止血の目的でチューブを挿入する処置です。値は処置を行った患者数です。
</t>
  </si>
  <si>
    <t>急性期後の支援、在宅復帰の支援の状況</t>
  </si>
  <si>
    <t>様式2病棟票(322)</t>
  </si>
  <si>
    <t>入退院支援加算１</t>
  </si>
  <si>
    <t>入退院支援加算は、患者が安心・納得して退院し、早期に住み慣れた地域で療養や生活を継続できるように、施設間の連携を推進したうえで支援を実施していることを示す項目です。値は入退院支援を行った患者数です。</t>
  </si>
  <si>
    <t>様式2病棟票(325)</t>
  </si>
  <si>
    <t>入退院支援加算２</t>
  </si>
  <si>
    <t>様式2病棟票(328)</t>
  </si>
  <si>
    <t>小児加算（入退院支援加算１・２の算定患者が15歳未満の場合）</t>
  </si>
  <si>
    <t>様式2病棟票(329)</t>
  </si>
  <si>
    <t>入院時支援加算1</t>
  </si>
  <si>
    <t>入院時支援加算は、入院中に行われる治療の説明、入院生活に関するオリエンテーション等を、入院前の外来において実施し、支援を行っていることを示す項目です。値は入院時支援を行った患者数です。</t>
  </si>
  <si>
    <t>入院時支援加算2</t>
  </si>
  <si>
    <t>様式2病棟票(330)</t>
  </si>
  <si>
    <t>救急・在宅等支援（療養）病床初期加算及び有床診療所一般病床初期加算</t>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5)</t>
  </si>
  <si>
    <t>急性期患者支援（療養）病床初期加算及び在宅患者支援（療養）病床初期加算</t>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si>
  <si>
    <t>様式2病棟票(338)</t>
  </si>
  <si>
    <t>地域連携診療計画加算（入退院支援加算）</t>
  </si>
  <si>
    <t xml:space="preserve">地域連携診療計画加算は、入院時支援加算又は退院支援加算１・２における入退院支援を行う際に、他院や介護サービス事業者等に診療情報を文書により提供していることを示す項目です。値は、診療情報を文書により提供した患者数です。
</t>
  </si>
  <si>
    <t>様式2病棟票(339)</t>
  </si>
  <si>
    <t>退院時共同指導料２</t>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si>
  <si>
    <t>様式2病棟票(340)</t>
  </si>
  <si>
    <t>介護支援等連携指導料</t>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si>
  <si>
    <t>様式2病棟票(341)</t>
  </si>
  <si>
    <t>退院時リハビリテーション指導料</t>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si>
  <si>
    <t>様式2病棟票(342)</t>
  </si>
  <si>
    <t>退院前訪問指導料</t>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si>
  <si>
    <t>全身管理の状況</t>
  </si>
  <si>
    <t>様式2病棟票(343)</t>
  </si>
  <si>
    <t>中心静脈注射</t>
  </si>
  <si>
    <t xml:space="preserve">中心静脈注射は、薬剤や栄養を長時間、安定的に供給する目的等で、血液量が多く流れも速い心臓近くにある太い静脈（中心静脈）に注射する行為です。値はこの注射を行った患者数です。
</t>
  </si>
  <si>
    <t>様式2病棟票(344)</t>
  </si>
  <si>
    <t>呼吸心拍監視</t>
  </si>
  <si>
    <t xml:space="preserve">呼吸心拍監視は、重篤な心機能障害や呼吸機能障害をもつ患者に対し、その呼吸や心拍数の状況を持続的に監視する検査です。値はこの検査を行った患者数です。
</t>
  </si>
  <si>
    <t>様式2病棟票(350)</t>
  </si>
  <si>
    <t>酸素吸入</t>
  </si>
  <si>
    <t xml:space="preserve">酸素吸入は、呼吸器疾患等で酸素が欠乏した状態の患者に対し、高濃度の酸素を吸入させる処置です。値はこの処置を行った患者数です。
</t>
  </si>
  <si>
    <t>様式2病棟票(351)</t>
  </si>
  <si>
    <t>観血的動脈圧測定（１時間を超えた場合）</t>
  </si>
  <si>
    <t xml:space="preserve">観血的動脈圧測定は、重症患者の血圧観察のために、動脈に管を挿入し、持続的に血圧を測定する検査です。値はこの検査を行った患者数です。
</t>
  </si>
  <si>
    <t>様式2病棟票(352)</t>
  </si>
  <si>
    <t>ドレーン法、胸腔若しくは腹腔洗浄</t>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si>
  <si>
    <t>様式2病棟票(359)</t>
  </si>
  <si>
    <t>人工呼吸（５時間を超えた場合）</t>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si>
  <si>
    <t>様式2病棟票(360)</t>
  </si>
  <si>
    <t>人工腎臓、腹膜灌流</t>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si>
  <si>
    <t>様式2病棟票(378)</t>
  </si>
  <si>
    <t>経管栄養・薬剤投与用カテーテル交換法</t>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si>
  <si>
    <t>リハビリテーションの実施状況</t>
  </si>
  <si>
    <t>様式2病棟票(379)</t>
  </si>
  <si>
    <t>疾患別リハビリテーション料</t>
  </si>
  <si>
    <t xml:space="preserve">疾患別リハビリテーション料は、患者の疾患や状態に応じたリハビリテーションを行った患者数です。
</t>
  </si>
  <si>
    <t>様式2病棟票(380)</t>
  </si>
  <si>
    <t>心大血管疾患リハビリテーション料</t>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si>
  <si>
    <t>様式2病棟票(383)</t>
  </si>
  <si>
    <t>脳血管疾患等リハビリテーション料</t>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si>
  <si>
    <t>様式2病棟票(387)</t>
  </si>
  <si>
    <t>廃用症候群リハビリテーション料</t>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si>
  <si>
    <t>様式2病棟票(391)</t>
  </si>
  <si>
    <t>運動器リハビリテーション料</t>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si>
  <si>
    <t>様式2病棟票(395)</t>
  </si>
  <si>
    <t>呼吸器リハビリテーション料</t>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si>
  <si>
    <t>様式2病棟票(398)</t>
  </si>
  <si>
    <t>障害児（者）リハビリテーション料</t>
  </si>
  <si>
    <t xml:space="preserve">障害児（者）リハビリテーション料は、脳性麻痺、発達障害等の患者に対し、状態に応じて行うリハビリテーションです。値はこのリハビリテーションを行った患者数です。
</t>
  </si>
  <si>
    <t>様式2病棟票(402)</t>
  </si>
  <si>
    <t>がん患者リハビリテーション料</t>
  </si>
  <si>
    <t xml:space="preserve">がん患者リハビリテーション料は、がんの患者に対し、治療の過程で生じた筋力低下、障害等の改善を目的として行うリハビリテーションです。値はこのリハビリテーションを行った患者数です。
</t>
  </si>
  <si>
    <t>様式2病棟票(403)</t>
  </si>
  <si>
    <t>認知症患者リハビリテーション料</t>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si>
  <si>
    <t>様式2病棟票(404)</t>
  </si>
  <si>
    <t>早期リハビリテーション加算（リハビリテーション料）</t>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si>
  <si>
    <t>様式2病棟票(405)</t>
  </si>
  <si>
    <t>早期離床・リハビリテーション加算（特定集中治療室管理料）</t>
  </si>
  <si>
    <t>早期離床・リハビリテーション加算（特定集中治療室管理料）は、入院後早期から離床に向けた取組を行っていることを示す項目です。値は早期離床段階のリハビリテーションを行った患者数です。</t>
  </si>
  <si>
    <t>様式2病棟票(406)</t>
  </si>
  <si>
    <t>初期加算（リハビリテーション料）</t>
  </si>
  <si>
    <t xml:space="preserve">初期加算は、治療開始後の初期段階（治療開始日から14日以内）からリハビリテーションを行っていることを示す項目です。値は初期段階からリハビリテーションを行った患者数です。
</t>
  </si>
  <si>
    <t>様式2病棟票(407)</t>
  </si>
  <si>
    <t>摂食機能療法</t>
  </si>
  <si>
    <t xml:space="preserve">摂食機能療法は、食べる機能（摂食機能）が落ちている患者に対し、症状に応じて行うリハビリテーションです。値はこのリハビリテーションを行った患者数です。
</t>
  </si>
  <si>
    <t>様式2病棟票(410)</t>
  </si>
  <si>
    <t>休日リハビリテーション提供体制加算（回復期リハビリテーション病棟入院料）</t>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si>
  <si>
    <t>様式2病棟票(411)</t>
  </si>
  <si>
    <t>入院時訪問指導加算（リハビリテーション総合計画評価料）</t>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si>
  <si>
    <t>様式1病院病棟票(105)</t>
  </si>
  <si>
    <t>体制強化加算１又は２（回復期リハビリテーション病棟入院料）の届出の有無</t>
  </si>
  <si>
    <t xml:space="preserve">体制強化加算は、患者の早期の機能回復や退院を促進するために、専門の医師や社会福祉士を配置していることを示す項目です。値はこうした病棟に入院している患者数です。
</t>
  </si>
  <si>
    <t>2</t>
  </si>
  <si>
    <t>様式1病院病棟票(106)</t>
  </si>
  <si>
    <t>リハビリテーションを実施した患者の割合</t>
  </si>
  <si>
    <t xml:space="preserve">リハビリテーションを実施した患者の割合は、入院患者のうち、疾患や状態に応じたリハビリテーションが実施された患者の割合です。
</t>
  </si>
  <si>
    <t>様式1病院病棟票(107)</t>
  </si>
  <si>
    <t>平均リハビリテーション単位数（１患者１日当たり）</t>
  </si>
  <si>
    <t xml:space="preserve">平均リハビリテーション単位数は、上記の患者に対し行ったリハビリテーションの平均的な量を示す値です。20分実施した場合を１単位とみなします。
</t>
  </si>
  <si>
    <t>様式1病院病棟票(108)</t>
  </si>
  <si>
    <t>過去１年間の総退院患者数</t>
  </si>
  <si>
    <t xml:space="preserve">過去１年間の総退院患者数等は、令和3年４月から令和4年３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様式1病院病棟票(109)</t>
  </si>
  <si>
    <t>うち入院時の日常生活機能評価が10点以上又は機能的自立度評価法（FIM）得点で55点以下であった患者数</t>
  </si>
  <si>
    <t>うち機能的自立度評価法（FIM）得点で55点以下の患者数</t>
  </si>
  <si>
    <t>うち入院時に比較して退院時（転院時を含む）の日常生活機能評価が3点以上（回復期リハビリテーション病棟入院料１又は２の場合には4点以上）又はFIM総得点で12点以上（回復期リハビリテーション病棟入院料１又は２の場合には16点以上）改善していた患者数
※回復期リハビリテーション病棟入院料１又は２の場合は４点以上</t>
  </si>
  <si>
    <t>様式1病院病棟票(110)</t>
  </si>
  <si>
    <t>うちFIM総得点で12点以上（回復期リハビリテーション病棟入院料１又は２の場合には16点以上）改善していた患者数</t>
  </si>
  <si>
    <t>様式1病院病棟票(111)</t>
  </si>
  <si>
    <t>前月までの６か月間に回復期リハビリテーション病棟を退棟した回復期リハビリテーションを要する状態の患者数　令和3年4月</t>
  </si>
  <si>
    <t xml:space="preserve">前月までの６か月間に回復期リハビリテーション病棟を退棟した回復期リハビリテーションを要する状態の患者数、実績指数等は、令和3年4月、令和3年7月、令和3年10月、令和4年1月に退棟した回復期リハビリテーションを要する状態の患者数と、回復期リハビリテーションの実績指数です。
</t>
  </si>
  <si>
    <t>様式1病院病棟票(112)</t>
  </si>
  <si>
    <t>うちリハビリテーション実績指数の計算対象とした患者数　令和3年4月</t>
  </si>
  <si>
    <t>前月までの６か月間に回復期リハビリテーション病棟を退棟した回復期リハビリテーションを要する状態の患者数　令和3年7月</t>
  </si>
  <si>
    <t>うちリハビリテーション実績指数の計算対象とした患者数　令和3年7月</t>
  </si>
  <si>
    <t>前月までの６か月間に回復期リハビリテーション病棟を退棟した回復期リハビリテーションを要する状態の患者数　令和3年10月</t>
  </si>
  <si>
    <t>うちリハビリテーション実績指数の計算対象とした患者数　令和3年10月</t>
  </si>
  <si>
    <t>前月までの６か月間に回復期リハビリテーション病棟を退棟した回復期リハビリテーションを要する状態の患者数　令和4年1月</t>
  </si>
  <si>
    <t>うちリハビリテーション実績指数の計算対象とした患者数　令和4年1月</t>
  </si>
  <si>
    <t>様式1病院病棟票(113)</t>
  </si>
  <si>
    <t>リハビリテーション実績指数　令和3年4月</t>
  </si>
  <si>
    <t xml:space="preserve">実績指数とは、回復期リハビリテーション病棟におけるリハビリテーションの提供実績を評価する指標で、提供実績を有するほど、数値が高くなります。
</t>
  </si>
  <si>
    <t>リハビリテーション実績指数　令和3年7月</t>
  </si>
  <si>
    <t>リハビリテーション実績指数　令和3年10月</t>
  </si>
  <si>
    <t>リハビリテーション実績指数　令和4年1月</t>
  </si>
  <si>
    <t>長期療養患者の受入状況</t>
  </si>
  <si>
    <t>様式2病棟票(412)</t>
  </si>
  <si>
    <t>褥瘡対策加算（療養病棟入院基本料、有床診療所療養病床入院基本料）</t>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si>
  <si>
    <t>様式2病棟票(415)</t>
  </si>
  <si>
    <t>重度褥瘡処置</t>
  </si>
  <si>
    <t xml:space="preserve">重度褥瘡処置は重度化した褥瘡に対してケアを行っていることを示しています。値はこのようなケアを行った患者数です。
</t>
  </si>
  <si>
    <t>様式2病棟票(416)</t>
  </si>
  <si>
    <t>重症皮膚潰瘍管理加算</t>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si>
  <si>
    <t>重度の障害児等の受入状況</t>
  </si>
  <si>
    <t>様式2病棟票(417)</t>
  </si>
  <si>
    <t>難病等特別入院診療加算</t>
  </si>
  <si>
    <t xml:space="preserve">難病等特別入院診療加算は、難病患者や感染症患者等の入院を受け入れていることを示す項目です。値はその患者数です。
</t>
  </si>
  <si>
    <t>様式2病棟票(418)</t>
  </si>
  <si>
    <t>特殊疾患入院施設管理加算</t>
  </si>
  <si>
    <t xml:space="preserve">特殊疾患入院施設管理加算は、重度の障害者、難病患者等の入院を多く受け入れている病棟であること（全入院患者の約７割）を示す項目です。値はその患者数です。
</t>
  </si>
  <si>
    <t>様式2病棟票(419)</t>
  </si>
  <si>
    <t>超重症児（者）入院診療加算・準超重症児（者）入院診療加算</t>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si>
  <si>
    <t>様式2病棟票(420)</t>
  </si>
  <si>
    <t>強度行動障害入院医療管理加算</t>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si>
  <si>
    <t>医科歯科の連携状況</t>
  </si>
  <si>
    <t>様式2病棟票(421)</t>
  </si>
  <si>
    <t>歯科医師連携加算（栄養サポートチーム加算）</t>
  </si>
  <si>
    <t xml:space="preserve">歯科医師連携加算は、入院中の患者の栄養状態の改善を図るため、歯科医師が院内スタッフと共同で栄養サポートを行っていることを示す項目です。値はその患者数です。
</t>
  </si>
  <si>
    <t>様式2病棟票(422)</t>
  </si>
  <si>
    <t>周術期口腔機能管理後手術加算</t>
  </si>
  <si>
    <t xml:space="preserve">周術期口腔機能管理後手術加算は、悪性腫瘍手術等に先立ち、手術等を実施する１か月前の期間で歯科医師が周術期の口腔機能の管理を行っていることを示す項目です。値はその患者数です。
</t>
  </si>
  <si>
    <t>様式2病棟票(423)</t>
  </si>
  <si>
    <t>周術期等口腔機能管理料（Ⅱ）</t>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si>
  <si>
    <t>様式2病棟票(424)</t>
  </si>
  <si>
    <t>周術期等口腔機能管理料（Ⅲ）</t>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2"/>
      <name val="ＭＳ Ｐゴシック"/>
      <family val="3"/>
      <charset val="128"/>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2" fillId="0" borderId="0">
      <alignment vertical="center"/>
    </xf>
    <xf numFmtId="0" fontId="15" fillId="0" borderId="0"/>
    <xf numFmtId="0" fontId="1" fillId="0" borderId="0">
      <alignment vertical="center"/>
    </xf>
  </cellStyleXfs>
  <cellXfs count="412">
    <xf numFmtId="0" fontId="0" fillId="0" borderId="0" xfId="0" applyAlignment="1" applyProtection="1">
      <alignment vertical="center"/>
    </xf>
    <xf numFmtId="0" fontId="2" fillId="2" borderId="0" xfId="3" applyFont="1" applyFill="1" applyAlignment="1" applyProtection="1">
      <alignment vertical="center"/>
    </xf>
    <xf numFmtId="0" fontId="3" fillId="2" borderId="0" xfId="3" applyFont="1" applyFill="1" applyAlignment="1" applyProtection="1">
      <alignment vertical="center"/>
    </xf>
    <xf numFmtId="0" fontId="3" fillId="2" borderId="0" xfId="3" applyFont="1" applyFill="1" applyAlignment="1" applyProtection="1">
      <alignment vertical="center"/>
    </xf>
    <xf numFmtId="0" fontId="3" fillId="2" borderId="0" xfId="3" applyFont="1" applyFill="1" applyAlignment="1" applyProtection="1">
      <alignment horizontal="left" vertical="center"/>
    </xf>
    <xf numFmtId="0" fontId="1" fillId="2" borderId="0" xfId="3" applyFont="1" applyFill="1" applyAlignment="1" applyProtection="1">
      <alignment vertical="center"/>
    </xf>
    <xf numFmtId="0" fontId="1" fillId="2" borderId="0" xfId="3" applyFont="1" applyFill="1" applyAlignment="1" applyProtection="1">
      <alignment horizontal="center" vertical="center"/>
    </xf>
    <xf numFmtId="0" fontId="1" fillId="2" borderId="0" xfId="3" applyFont="1" applyFill="1" applyAlignment="1" applyProtection="1">
      <alignment horizontal="right" vertical="center"/>
    </xf>
    <xf numFmtId="0" fontId="2" fillId="2" borderId="0" xfId="3" applyFont="1" applyFill="1" applyAlignment="1" applyProtection="1">
      <alignment vertical="center"/>
    </xf>
    <xf numFmtId="49" fontId="4" fillId="2" borderId="0" xfId="3" applyNumberFormat="1" applyFont="1" applyFill="1" applyAlignment="1" applyProtection="1">
      <alignment horizontal="left" vertical="center"/>
    </xf>
    <xf numFmtId="0" fontId="4" fillId="2" borderId="0" xfId="3" applyFont="1" applyFill="1" applyAlignment="1" applyProtection="1">
      <alignment horizontal="left" vertical="center"/>
    </xf>
    <xf numFmtId="0" fontId="6" fillId="2" borderId="0" xfId="3" applyFont="1" applyFill="1" applyAlignment="1" applyProtection="1">
      <alignment vertical="center"/>
    </xf>
    <xf numFmtId="0" fontId="7" fillId="2" borderId="0" xfId="3" applyFont="1" applyFill="1" applyAlignment="1" applyProtection="1">
      <alignment horizontal="left" vertical="center"/>
    </xf>
    <xf numFmtId="0" fontId="2" fillId="2" borderId="0" xfId="3" applyFont="1" applyFill="1" applyAlignment="1" applyProtection="1">
      <alignment horizontal="left" vertical="center"/>
    </xf>
    <xf numFmtId="0" fontId="5" fillId="2" borderId="0" xfId="3" applyFont="1" applyFill="1" applyAlignment="1" applyProtection="1">
      <alignment vertical="center"/>
    </xf>
    <xf numFmtId="0" fontId="4" fillId="2" borderId="0" xfId="3" applyFont="1" applyFill="1" applyAlignment="1" applyProtection="1">
      <alignment vertical="center"/>
    </xf>
    <xf numFmtId="0" fontId="4" fillId="2" borderId="0" xfId="3" applyFont="1" applyFill="1" applyAlignment="1" applyProtection="1">
      <alignment horizontal="left" vertical="center"/>
    </xf>
    <xf numFmtId="0" fontId="2" fillId="2" borderId="0" xfId="3" applyFont="1" applyFill="1" applyAlignment="1" applyProtection="1">
      <alignment horizontal="left" vertical="center" wrapText="1"/>
    </xf>
    <xf numFmtId="0" fontId="2" fillId="2" borderId="0" xfId="3" applyFont="1" applyFill="1" applyAlignment="1" applyProtection="1">
      <alignment horizontal="left" vertical="center" wrapText="1"/>
    </xf>
    <xf numFmtId="0" fontId="9" fillId="2" borderId="0" xfId="3" applyFont="1" applyFill="1" applyAlignment="1" applyProtection="1">
      <alignment horizontal="left" vertical="center"/>
    </xf>
    <xf numFmtId="49" fontId="8" fillId="2" borderId="1" xfId="3" applyNumberFormat="1" applyFont="1" applyFill="1" applyBorder="1" applyAlignment="1" applyProtection="1">
      <alignment horizontal="center" vertical="center" wrapText="1"/>
    </xf>
    <xf numFmtId="49" fontId="8" fillId="0" borderId="1" xfId="3" applyNumberFormat="1" applyFont="1" applyBorder="1" applyAlignment="1" applyProtection="1">
      <alignment horizontal="center" vertical="center" wrapText="1"/>
    </xf>
    <xf numFmtId="49" fontId="10" fillId="0" borderId="1" xfId="3" applyNumberFormat="1" applyFont="1" applyBorder="1" applyAlignment="1" applyProtection="1">
      <alignment horizontal="center" vertical="center" wrapText="1"/>
    </xf>
    <xf numFmtId="0" fontId="10" fillId="0" borderId="0" xfId="3" applyFont="1" applyAlignment="1" applyProtection="1">
      <alignment horizontal="center" vertical="center"/>
    </xf>
    <xf numFmtId="0" fontId="1" fillId="2" borderId="0" xfId="3" applyFont="1" applyFill="1" applyAlignment="1" applyProtection="1">
      <alignment horizontal="center" vertical="center"/>
    </xf>
    <xf numFmtId="0" fontId="2" fillId="0" borderId="0" xfId="3" applyFont="1" applyAlignment="1" applyProtection="1">
      <alignment horizontal="left" vertical="center" wrapText="1"/>
    </xf>
    <xf numFmtId="0" fontId="10" fillId="2" borderId="0" xfId="3" applyFont="1" applyFill="1" applyAlignment="1" applyProtection="1">
      <alignment horizontal="center" vertical="center"/>
    </xf>
    <xf numFmtId="0" fontId="5" fillId="2" borderId="0" xfId="3" applyFont="1" applyFill="1" applyAlignment="1" applyProtection="1">
      <alignment vertical="center"/>
    </xf>
    <xf numFmtId="0" fontId="11" fillId="2" borderId="0" xfId="3" applyFont="1" applyFill="1" applyAlignment="1" applyProtection="1">
      <alignment vertical="center"/>
    </xf>
    <xf numFmtId="0" fontId="13" fillId="2" borderId="0" xfId="3" applyFont="1" applyFill="1" applyAlignment="1" applyProtection="1">
      <alignment vertical="center"/>
    </xf>
    <xf numFmtId="0" fontId="14" fillId="2" borderId="0" xfId="3" applyFont="1" applyFill="1" applyAlignment="1" applyProtection="1">
      <alignment vertical="top" wrapText="1"/>
    </xf>
    <xf numFmtId="0" fontId="3" fillId="2" borderId="0" xfId="3" applyFont="1" applyFill="1" applyAlignment="1" applyProtection="1">
      <alignment vertical="center" wrapText="1"/>
    </xf>
    <xf numFmtId="0" fontId="3" fillId="2" borderId="0" xfId="3" applyFont="1" applyFill="1" applyAlignment="1" applyProtection="1">
      <alignment horizontal="left" vertical="center" wrapText="1"/>
    </xf>
    <xf numFmtId="0" fontId="14" fillId="2" borderId="0" xfId="3" applyFont="1" applyFill="1" applyAlignment="1" applyProtection="1">
      <alignment vertical="center" wrapText="1"/>
    </xf>
    <xf numFmtId="0" fontId="5" fillId="2" borderId="0" xfId="2" applyFont="1" applyFill="1" applyAlignment="1" applyProtection="1">
      <alignment vertical="center"/>
    </xf>
    <xf numFmtId="0" fontId="5" fillId="0" borderId="0" xfId="0" applyFont="1" applyAlignment="1" applyProtection="1">
      <alignment vertical="center"/>
    </xf>
    <xf numFmtId="0" fontId="5" fillId="2" borderId="0" xfId="3" applyFont="1" applyFill="1" applyAlignment="1" applyProtection="1">
      <alignment horizontal="left" vertical="center"/>
    </xf>
    <xf numFmtId="0" fontId="5" fillId="0" borderId="0" xfId="0" applyFont="1" applyAlignment="1" applyProtection="1">
      <alignment horizontal="center" vertical="center"/>
    </xf>
    <xf numFmtId="0" fontId="5" fillId="2" borderId="0" xfId="3" applyFont="1" applyFill="1" applyAlignment="1" applyProtection="1">
      <alignment horizontal="left" vertical="center" wrapText="1"/>
    </xf>
    <xf numFmtId="0" fontId="12" fillId="2" borderId="0" xfId="1" applyFont="1" applyFill="1" applyAlignment="1" applyProtection="1">
      <alignment vertical="center"/>
    </xf>
    <xf numFmtId="0" fontId="16" fillId="2" borderId="0" xfId="1" applyFont="1" applyFill="1" applyAlignment="1" applyProtection="1">
      <alignment vertical="center"/>
    </xf>
    <xf numFmtId="0" fontId="13" fillId="2" borderId="0" xfId="3" applyFont="1" applyFill="1" applyAlignment="1" applyProtection="1">
      <alignment horizontal="left" vertical="center"/>
    </xf>
    <xf numFmtId="0" fontId="3" fillId="2" borderId="0" xfId="3" applyFont="1" applyFill="1" applyAlignment="1" applyProtection="1">
      <alignment horizontal="center" vertical="center" wrapText="1"/>
    </xf>
    <xf numFmtId="0" fontId="12" fillId="2" borderId="0" xfId="1" applyFont="1" applyFill="1" applyAlignment="1" applyProtection="1">
      <alignment vertical="center"/>
    </xf>
    <xf numFmtId="0" fontId="13" fillId="2" borderId="0" xfId="3" applyFont="1" applyFill="1" applyAlignment="1" applyProtection="1">
      <alignment horizontal="center" vertical="center"/>
    </xf>
    <xf numFmtId="0" fontId="17" fillId="2" borderId="6" xfId="3" applyFont="1" applyFill="1" applyBorder="1" applyAlignment="1" applyProtection="1">
      <alignment vertical="center"/>
    </xf>
    <xf numFmtId="0" fontId="3" fillId="2" borderId="6" xfId="3" applyFont="1" applyFill="1" applyBorder="1" applyAlignment="1" applyProtection="1">
      <alignment vertical="center" wrapText="1"/>
    </xf>
    <xf numFmtId="0" fontId="3" fillId="2" borderId="6" xfId="3" applyFont="1" applyFill="1" applyBorder="1" applyAlignment="1" applyProtection="1">
      <alignment vertical="center"/>
    </xf>
    <xf numFmtId="0" fontId="3" fillId="2" borderId="6" xfId="3" applyFont="1" applyFill="1" applyBorder="1" applyAlignment="1" applyProtection="1">
      <alignment horizontal="left" vertical="center"/>
    </xf>
    <xf numFmtId="0" fontId="1" fillId="2" borderId="6" xfId="3" applyFont="1" applyFill="1" applyBorder="1" applyAlignment="1" applyProtection="1">
      <alignment vertical="center"/>
    </xf>
    <xf numFmtId="0" fontId="1" fillId="2" borderId="6" xfId="3" applyFont="1" applyFill="1" applyBorder="1" applyAlignment="1" applyProtection="1">
      <alignment horizontal="right" vertical="center"/>
    </xf>
    <xf numFmtId="0" fontId="1" fillId="2" borderId="0" xfId="3" applyFont="1" applyFill="1" applyAlignment="1" applyProtection="1">
      <alignment horizontal="right" vertical="center"/>
    </xf>
    <xf numFmtId="0" fontId="3" fillId="2" borderId="0" xfId="3" applyFont="1" applyFill="1" applyAlignment="1" applyProtection="1">
      <alignment vertical="center" wrapText="1"/>
    </xf>
    <xf numFmtId="0" fontId="1" fillId="2" borderId="0" xfId="3" applyFont="1" applyFill="1" applyAlignment="1" applyProtection="1">
      <alignment vertical="center"/>
    </xf>
    <xf numFmtId="0" fontId="1" fillId="3" borderId="7" xfId="3" applyFont="1" applyFill="1" applyBorder="1" applyAlignment="1" applyProtection="1">
      <alignment horizontal="center" vertical="center" wrapText="1"/>
    </xf>
    <xf numFmtId="0" fontId="1" fillId="3" borderId="8" xfId="3" applyFont="1" applyFill="1" applyBorder="1" applyAlignment="1" applyProtection="1">
      <alignment vertical="center"/>
    </xf>
    <xf numFmtId="0" fontId="3" fillId="2" borderId="0" xfId="3" applyFont="1" applyFill="1" applyAlignment="1" applyProtection="1">
      <alignment horizontal="center" vertical="center"/>
    </xf>
    <xf numFmtId="0" fontId="1" fillId="3" borderId="9" xfId="3" applyFont="1" applyFill="1" applyBorder="1" applyAlignment="1" applyProtection="1">
      <alignment horizontal="right" vertical="center" wrapText="1"/>
    </xf>
    <xf numFmtId="0" fontId="1" fillId="3" borderId="10" xfId="3" applyFont="1" applyFill="1" applyBorder="1" applyAlignment="1" applyProtection="1">
      <alignment vertical="center"/>
    </xf>
    <xf numFmtId="0" fontId="1" fillId="3" borderId="5" xfId="3" applyFont="1" applyFill="1" applyBorder="1" applyAlignment="1" applyProtection="1">
      <alignment horizontal="center" vertical="center" wrapText="1"/>
    </xf>
    <xf numFmtId="0" fontId="1" fillId="2" borderId="10" xfId="3" applyFont="1" applyFill="1" applyBorder="1" applyAlignment="1" applyProtection="1">
      <alignment horizontal="center" vertical="center" shrinkToFit="1"/>
    </xf>
    <xf numFmtId="0" fontId="17" fillId="2" borderId="0" xfId="3" applyFont="1" applyFill="1" applyAlignment="1" applyProtection="1">
      <alignment vertical="center"/>
    </xf>
    <xf numFmtId="0" fontId="18" fillId="2" borderId="0" xfId="3" applyFont="1" applyFill="1" applyAlignment="1" applyProtection="1">
      <alignment horizontal="right" vertical="center"/>
    </xf>
    <xf numFmtId="0" fontId="1" fillId="3" borderId="12" xfId="3" applyFont="1" applyFill="1" applyBorder="1" applyAlignment="1" applyProtection="1">
      <alignment horizontal="center" vertical="center" wrapText="1"/>
    </xf>
    <xf numFmtId="0" fontId="1" fillId="3" borderId="8" xfId="3" applyFont="1" applyFill="1" applyBorder="1" applyAlignment="1" applyProtection="1">
      <alignment horizontal="center" vertical="center"/>
    </xf>
    <xf numFmtId="0" fontId="1" fillId="3" borderId="10" xfId="3" applyFont="1" applyFill="1" applyBorder="1" applyAlignment="1" applyProtection="1">
      <alignment horizontal="center" vertical="center" wrapText="1"/>
    </xf>
    <xf numFmtId="0" fontId="1" fillId="2" borderId="4" xfId="3" applyFont="1" applyFill="1" applyBorder="1" applyAlignment="1" applyProtection="1">
      <alignment horizontal="center" vertical="center" shrinkToFit="1"/>
    </xf>
    <xf numFmtId="0" fontId="3" fillId="2" borderId="0" xfId="3" applyFont="1" applyFill="1" applyAlignment="1" applyProtection="1">
      <alignment vertical="center"/>
    </xf>
    <xf numFmtId="0" fontId="2" fillId="2" borderId="0" xfId="3" applyFont="1" applyFill="1" applyAlignment="1" applyProtection="1">
      <alignment vertical="center" wrapText="1"/>
    </xf>
    <xf numFmtId="176" fontId="1" fillId="7" borderId="2" xfId="3" applyNumberFormat="1" applyFont="1" applyFill="1" applyBorder="1" applyAlignment="1" applyProtection="1">
      <alignment horizontal="right" vertical="center" shrinkToFit="1"/>
    </xf>
    <xf numFmtId="0" fontId="1" fillId="7" borderId="4" xfId="3" applyFont="1" applyFill="1" applyBorder="1" applyAlignment="1" applyProtection="1">
      <alignment horizontal="center" vertical="center" shrinkToFit="1"/>
    </xf>
    <xf numFmtId="0" fontId="1" fillId="2" borderId="0" xfId="3" applyFont="1" applyFill="1" applyAlignment="1" applyProtection="1">
      <alignment horizontal="right" vertical="center" shrinkToFit="1"/>
    </xf>
    <xf numFmtId="0" fontId="1" fillId="2" borderId="0" xfId="3" applyFont="1" applyFill="1" applyAlignment="1" applyProtection="1">
      <alignment horizontal="center" vertical="center" shrinkToFit="1"/>
    </xf>
    <xf numFmtId="0" fontId="1" fillId="2" borderId="0" xfId="3" applyFont="1" applyFill="1" applyAlignment="1" applyProtection="1">
      <alignment horizontal="center" vertical="center" shrinkToFit="1"/>
    </xf>
    <xf numFmtId="0" fontId="3" fillId="2" borderId="0" xfId="3" applyFont="1" applyFill="1" applyAlignment="1" applyProtection="1">
      <alignment vertical="center"/>
    </xf>
    <xf numFmtId="0" fontId="3" fillId="2" borderId="0" xfId="3" applyFont="1" applyFill="1" applyAlignment="1" applyProtection="1">
      <alignment horizontal="left" vertical="center" wrapText="1"/>
    </xf>
    <xf numFmtId="0" fontId="1" fillId="3" borderId="12" xfId="3" applyFont="1" applyFill="1" applyBorder="1" applyAlignment="1" applyProtection="1">
      <alignment horizontal="center" vertical="center"/>
    </xf>
    <xf numFmtId="0" fontId="1" fillId="3" borderId="9" xfId="3" applyFont="1" applyFill="1" applyBorder="1" applyAlignment="1" applyProtection="1">
      <alignment horizontal="right" vertical="center"/>
    </xf>
    <xf numFmtId="0" fontId="1" fillId="7" borderId="12" xfId="3" applyFont="1" applyFill="1" applyBorder="1" applyAlignment="1" applyProtection="1">
      <alignment horizontal="right" vertical="center" shrinkToFit="1"/>
    </xf>
    <xf numFmtId="0" fontId="1" fillId="7" borderId="8" xfId="3" applyFont="1" applyFill="1" applyBorder="1" applyAlignment="1" applyProtection="1">
      <alignment horizontal="center" vertical="center" shrinkToFit="1"/>
    </xf>
    <xf numFmtId="0" fontId="1" fillId="2" borderId="1" xfId="3" applyFont="1" applyFill="1" applyBorder="1" applyAlignment="1" applyProtection="1">
      <alignment horizontal="center" vertical="center" wrapText="1"/>
    </xf>
    <xf numFmtId="0" fontId="1" fillId="6" borderId="7" xfId="3" applyFont="1" applyFill="1" applyBorder="1" applyAlignment="1" applyProtection="1">
      <alignment horizontal="right" vertical="center" shrinkToFit="1"/>
    </xf>
    <xf numFmtId="0" fontId="1" fillId="7" borderId="14" xfId="3" applyFont="1" applyFill="1" applyBorder="1" applyAlignment="1" applyProtection="1">
      <alignment horizontal="center" vertical="center" shrinkToFit="1"/>
    </xf>
    <xf numFmtId="0" fontId="1" fillId="6" borderId="9" xfId="3" applyFont="1" applyFill="1" applyBorder="1" applyAlignment="1" applyProtection="1">
      <alignment horizontal="right" vertical="center" shrinkToFit="1"/>
    </xf>
    <xf numFmtId="0" fontId="1" fillId="7" borderId="10" xfId="3" applyFont="1" applyFill="1" applyBorder="1" applyAlignment="1" applyProtection="1">
      <alignment horizontal="center" vertical="center" shrinkToFit="1"/>
    </xf>
    <xf numFmtId="0" fontId="4" fillId="2" borderId="0" xfId="3" applyFont="1" applyFill="1" applyAlignment="1" applyProtection="1">
      <alignment vertical="center"/>
    </xf>
    <xf numFmtId="0" fontId="1" fillId="2" borderId="0" xfId="3" applyFont="1" applyFill="1" applyAlignment="1" applyProtection="1">
      <alignment horizontal="center" vertical="center"/>
    </xf>
    <xf numFmtId="0" fontId="1" fillId="6" borderId="12" xfId="3" applyFont="1" applyFill="1" applyBorder="1" applyAlignment="1" applyProtection="1">
      <alignment horizontal="right" vertical="center" shrinkToFit="1"/>
    </xf>
    <xf numFmtId="0" fontId="3" fillId="4" borderId="7" xfId="3" applyFont="1" applyFill="1" applyBorder="1" applyAlignment="1" applyProtection="1">
      <alignment horizontal="left" vertical="center"/>
    </xf>
    <xf numFmtId="0" fontId="3" fillId="4" borderId="0" xfId="3" applyFont="1" applyFill="1" applyAlignment="1" applyProtection="1">
      <alignment horizontal="left" vertical="center"/>
    </xf>
    <xf numFmtId="0" fontId="3" fillId="4" borderId="9" xfId="3" applyFont="1" applyFill="1" applyBorder="1" applyAlignment="1" applyProtection="1">
      <alignment horizontal="left" vertical="center"/>
    </xf>
    <xf numFmtId="0" fontId="3" fillId="4" borderId="6" xfId="3" applyFont="1" applyFill="1" applyBorder="1" applyAlignment="1" applyProtection="1">
      <alignment horizontal="left" vertical="center"/>
    </xf>
    <xf numFmtId="0" fontId="2" fillId="2" borderId="0" xfId="3" applyFont="1" applyFill="1" applyAlignment="1" applyProtection="1">
      <alignment horizontal="center" vertical="center"/>
    </xf>
    <xf numFmtId="177" fontId="1" fillId="2" borderId="2" xfId="3" applyNumberFormat="1" applyFont="1" applyFill="1" applyBorder="1" applyAlignment="1" applyProtection="1">
      <alignment horizontal="right" vertical="center" shrinkToFit="1"/>
    </xf>
    <xf numFmtId="177" fontId="1" fillId="2" borderId="1" xfId="3" applyNumberFormat="1" applyFont="1" applyFill="1" applyBorder="1" applyAlignment="1" applyProtection="1">
      <alignment horizontal="right" vertical="center" shrinkToFit="1"/>
    </xf>
    <xf numFmtId="0" fontId="2" fillId="2" borderId="0" xfId="3" applyFont="1" applyFill="1" applyAlignment="1" applyProtection="1">
      <alignment horizontal="center" vertical="center"/>
    </xf>
    <xf numFmtId="0" fontId="2" fillId="2" borderId="0" xfId="3" applyFont="1" applyFill="1" applyAlignment="1" applyProtection="1">
      <alignment vertical="center"/>
    </xf>
    <xf numFmtId="0" fontId="1" fillId="2" borderId="0" xfId="3" applyFont="1" applyFill="1" applyAlignment="1" applyProtection="1">
      <alignment vertical="center" wrapText="1"/>
    </xf>
    <xf numFmtId="0" fontId="3" fillId="5" borderId="2" xfId="3" applyFont="1" applyFill="1" applyBorder="1" applyAlignment="1" applyProtection="1">
      <alignment horizontal="left" vertical="top" wrapText="1"/>
    </xf>
    <xf numFmtId="0" fontId="1" fillId="2" borderId="0" xfId="3" applyFont="1" applyFill="1" applyAlignment="1" applyProtection="1">
      <alignment horizontal="right" vertical="center"/>
    </xf>
    <xf numFmtId="0" fontId="3" fillId="5" borderId="1" xfId="3" applyFont="1" applyFill="1" applyBorder="1" applyAlignment="1" applyProtection="1">
      <alignment horizontal="left" vertical="top" wrapText="1"/>
    </xf>
    <xf numFmtId="0" fontId="3" fillId="2" borderId="0" xfId="3" applyFont="1" applyFill="1" applyAlignment="1" applyProtection="1">
      <alignment vertical="center" shrinkToFit="1"/>
    </xf>
    <xf numFmtId="0" fontId="3" fillId="2" borderId="0" xfId="3" applyFont="1" applyFill="1" applyAlignment="1" applyProtection="1">
      <alignment horizontal="left" vertical="center" shrinkToFit="1"/>
    </xf>
    <xf numFmtId="0" fontId="8" fillId="5" borderId="2" xfId="3" applyFont="1" applyFill="1" applyBorder="1" applyAlignment="1" applyProtection="1">
      <alignment horizontal="left" vertical="top" wrapText="1"/>
    </xf>
    <xf numFmtId="0" fontId="1" fillId="2" borderId="0" xfId="3" applyFont="1" applyFill="1" applyAlignment="1" applyProtection="1">
      <alignment horizontal="center" vertical="center"/>
    </xf>
    <xf numFmtId="179" fontId="1" fillId="2" borderId="2" xfId="3" applyNumberFormat="1" applyFont="1" applyFill="1" applyBorder="1" applyAlignment="1" applyProtection="1">
      <alignment horizontal="right" vertical="center" shrinkToFit="1"/>
    </xf>
    <xf numFmtId="179" fontId="1" fillId="6" borderId="0" xfId="3" applyNumberFormat="1" applyFont="1" applyFill="1" applyAlignment="1" applyProtection="1">
      <alignment horizontal="right" vertical="center" shrinkToFit="1"/>
    </xf>
    <xf numFmtId="180" fontId="1" fillId="6" borderId="0" xfId="3" applyNumberFormat="1" applyFont="1" applyFill="1" applyAlignment="1" applyProtection="1">
      <alignment horizontal="right" vertical="center" shrinkToFit="1"/>
    </xf>
    <xf numFmtId="179" fontId="1" fillId="2" borderId="1" xfId="3" applyNumberFormat="1" applyFont="1" applyFill="1" applyBorder="1" applyAlignment="1" applyProtection="1">
      <alignment horizontal="right" vertical="center" shrinkToFit="1"/>
    </xf>
    <xf numFmtId="180" fontId="1" fillId="2" borderId="1" xfId="3" applyNumberFormat="1" applyFont="1" applyFill="1" applyBorder="1" applyAlignment="1" applyProtection="1">
      <alignment horizontal="right" vertical="center" shrinkToFit="1"/>
    </xf>
    <xf numFmtId="0" fontId="10" fillId="2" borderId="0" xfId="3" applyFont="1" applyFill="1" applyAlignment="1" applyProtection="1">
      <alignment horizontal="right" vertical="center"/>
    </xf>
    <xf numFmtId="0" fontId="1" fillId="3" borderId="1" xfId="3" applyFont="1" applyFill="1" applyBorder="1" applyAlignment="1" applyProtection="1">
      <alignment horizontal="center" vertical="center" wrapText="1"/>
    </xf>
    <xf numFmtId="0" fontId="3" fillId="6" borderId="7" xfId="3" applyFont="1" applyFill="1" applyBorder="1" applyAlignment="1" applyProtection="1">
      <alignment vertical="center"/>
    </xf>
    <xf numFmtId="179" fontId="1" fillId="7" borderId="14" xfId="3" applyNumberFormat="1" applyFont="1" applyFill="1" applyBorder="1" applyAlignment="1" applyProtection="1">
      <alignment horizontal="center" vertical="center" shrinkToFit="1"/>
    </xf>
    <xf numFmtId="180" fontId="1" fillId="7" borderId="14" xfId="3" applyNumberFormat="1" applyFont="1" applyFill="1" applyBorder="1" applyAlignment="1" applyProtection="1">
      <alignment horizontal="center" vertical="center" shrinkToFit="1"/>
    </xf>
    <xf numFmtId="179" fontId="1" fillId="6" borderId="14" xfId="3" applyNumberFormat="1" applyFont="1" applyFill="1" applyBorder="1" applyAlignment="1" applyProtection="1">
      <alignment horizontal="center" vertical="center" shrinkToFit="1"/>
    </xf>
    <xf numFmtId="0" fontId="3" fillId="6" borderId="9" xfId="3" applyFont="1" applyFill="1" applyBorder="1" applyAlignment="1" applyProtection="1">
      <alignment vertical="center"/>
    </xf>
    <xf numFmtId="180" fontId="1" fillId="6" borderId="10" xfId="3" applyNumberFormat="1" applyFont="1" applyFill="1" applyBorder="1" applyAlignment="1" applyProtection="1">
      <alignment horizontal="center" vertical="center" shrinkToFit="1"/>
    </xf>
    <xf numFmtId="0" fontId="2" fillId="2" borderId="0" xfId="3" applyFont="1" applyFill="1" applyAlignment="1" applyProtection="1">
      <alignment vertical="center" shrinkToFit="1"/>
    </xf>
    <xf numFmtId="0" fontId="3" fillId="2" borderId="0" xfId="3" applyFont="1" applyFill="1" applyAlignment="1" applyProtection="1">
      <alignment horizontal="center" vertical="center" wrapText="1"/>
    </xf>
    <xf numFmtId="0" fontId="12" fillId="0" borderId="0" xfId="1" applyFont="1" applyAlignment="1" applyProtection="1">
      <alignment horizontal="right" vertical="center"/>
    </xf>
    <xf numFmtId="0" fontId="19" fillId="2" borderId="0" xfId="0" applyFont="1" applyFill="1" applyAlignment="1" applyProtection="1">
      <alignment vertical="center"/>
    </xf>
    <xf numFmtId="0" fontId="0" fillId="2" borderId="0" xfId="0" applyFill="1" applyAlignment="1" applyProtection="1">
      <alignment vertical="center"/>
    </xf>
    <xf numFmtId="0" fontId="1" fillId="3" borderId="7" xfId="3" applyFont="1" applyFill="1" applyBorder="1" applyAlignment="1" applyProtection="1">
      <alignment horizontal="right" vertical="center" wrapText="1"/>
    </xf>
    <xf numFmtId="177" fontId="1" fillId="7" borderId="12" xfId="3" applyNumberFormat="1" applyFont="1" applyFill="1" applyBorder="1" applyAlignment="1" applyProtection="1">
      <alignment vertical="center"/>
    </xf>
    <xf numFmtId="0" fontId="2" fillId="2" borderId="0" xfId="3" applyFont="1" applyFill="1" applyAlignment="1" applyProtection="1">
      <alignment vertical="center" shrinkToFit="1"/>
    </xf>
    <xf numFmtId="177" fontId="1" fillId="7" borderId="7" xfId="3" applyNumberFormat="1" applyFont="1" applyFill="1" applyBorder="1" applyAlignment="1" applyProtection="1">
      <alignment vertical="center"/>
    </xf>
    <xf numFmtId="182" fontId="10" fillId="2" borderId="15" xfId="3" applyNumberFormat="1" applyFont="1" applyFill="1" applyBorder="1" applyAlignment="1" applyProtection="1">
      <alignment horizontal="center" vertical="center" shrinkToFit="1"/>
    </xf>
    <xf numFmtId="179" fontId="10" fillId="2" borderId="15" xfId="3" applyNumberFormat="1" applyFont="1" applyFill="1" applyBorder="1" applyAlignment="1" applyProtection="1">
      <alignment horizontal="center" vertical="center" shrinkToFit="1"/>
    </xf>
    <xf numFmtId="177" fontId="1" fillId="7" borderId="9" xfId="3" applyNumberFormat="1" applyFont="1" applyFill="1" applyBorder="1" applyAlignment="1" applyProtection="1">
      <alignment vertical="center"/>
    </xf>
    <xf numFmtId="182" fontId="10" fillId="2" borderId="5" xfId="3" applyNumberFormat="1" applyFont="1" applyFill="1" applyBorder="1" applyAlignment="1" applyProtection="1">
      <alignment horizontal="center" vertical="center" shrinkToFit="1"/>
    </xf>
    <xf numFmtId="0" fontId="17" fillId="2" borderId="6" xfId="0" applyFont="1" applyFill="1" applyBorder="1" applyAlignment="1" applyProtection="1">
      <alignment vertical="center"/>
    </xf>
    <xf numFmtId="0" fontId="3" fillId="2" borderId="6" xfId="3" applyFont="1" applyFill="1" applyBorder="1" applyAlignment="1" applyProtection="1">
      <alignment horizontal="center" vertical="center"/>
    </xf>
    <xf numFmtId="0" fontId="1" fillId="2" borderId="6" xfId="3" applyFont="1" applyFill="1" applyBorder="1" applyAlignment="1" applyProtection="1">
      <alignment horizontal="center" vertical="center"/>
    </xf>
    <xf numFmtId="0" fontId="3" fillId="2" borderId="0" xfId="3" applyFont="1" applyFill="1" applyAlignment="1" applyProtection="1">
      <alignment horizontal="center" vertical="center" textRotation="255"/>
    </xf>
    <xf numFmtId="0" fontId="3" fillId="2" borderId="0" xfId="3" applyFont="1" applyFill="1" applyAlignment="1" applyProtection="1">
      <alignment horizontal="center" vertical="top" textRotation="255"/>
    </xf>
    <xf numFmtId="0" fontId="1" fillId="3" borderId="8" xfId="3" applyFont="1" applyFill="1" applyBorder="1" applyAlignment="1" applyProtection="1">
      <alignment horizontal="center" vertical="center" wrapText="1"/>
    </xf>
    <xf numFmtId="0" fontId="1" fillId="3" borderId="10" xfId="3" applyFont="1" applyFill="1" applyBorder="1" applyAlignment="1" applyProtection="1">
      <alignment horizontal="center" vertical="center" wrapText="1"/>
    </xf>
    <xf numFmtId="179" fontId="1" fillId="2" borderId="4" xfId="3" applyNumberFormat="1" applyFont="1" applyFill="1" applyBorder="1" applyAlignment="1" applyProtection="1">
      <alignment horizontal="center" vertical="center" shrinkToFit="1"/>
    </xf>
    <xf numFmtId="0" fontId="3" fillId="4" borderId="7" xfId="3" applyFont="1" applyFill="1" applyBorder="1" applyAlignment="1" applyProtection="1">
      <alignment vertical="center"/>
    </xf>
    <xf numFmtId="0" fontId="3" fillId="4" borderId="0" xfId="3" applyFont="1" applyFill="1" applyAlignment="1" applyProtection="1">
      <alignment vertical="center"/>
    </xf>
    <xf numFmtId="0" fontId="3" fillId="4" borderId="9" xfId="3" applyFont="1" applyFill="1" applyBorder="1" applyAlignment="1" applyProtection="1">
      <alignment vertical="center"/>
    </xf>
    <xf numFmtId="0" fontId="3" fillId="4" borderId="6" xfId="3" applyFont="1" applyFill="1" applyBorder="1" applyAlignment="1" applyProtection="1">
      <alignment vertical="center"/>
    </xf>
    <xf numFmtId="179" fontId="1" fillId="2" borderId="9" xfId="3" applyNumberFormat="1" applyFont="1" applyFill="1" applyBorder="1" applyAlignment="1" applyProtection="1">
      <alignment horizontal="right" vertical="center" shrinkToFit="1"/>
    </xf>
    <xf numFmtId="179" fontId="1" fillId="2" borderId="10" xfId="3" applyNumberFormat="1" applyFont="1" applyFill="1" applyBorder="1" applyAlignment="1" applyProtection="1">
      <alignment horizontal="center" vertical="center" shrinkToFit="1"/>
    </xf>
    <xf numFmtId="0" fontId="3" fillId="2" borderId="0" xfId="0" applyFont="1" applyFill="1" applyAlignment="1" applyProtection="1">
      <alignment vertical="center"/>
    </xf>
    <xf numFmtId="0" fontId="8" fillId="2" borderId="0" xfId="3" applyFont="1" applyFill="1" applyAlignment="1" applyProtection="1">
      <alignment vertical="top" wrapText="1"/>
    </xf>
    <xf numFmtId="0" fontId="3" fillId="4" borderId="14" xfId="3" applyFont="1" applyFill="1" applyBorder="1" applyAlignment="1" applyProtection="1">
      <alignment vertical="center"/>
    </xf>
    <xf numFmtId="0" fontId="3" fillId="4" borderId="10" xfId="3" applyFont="1" applyFill="1" applyBorder="1" applyAlignment="1" applyProtection="1">
      <alignment vertical="center"/>
    </xf>
    <xf numFmtId="0" fontId="20" fillId="2" borderId="0" xfId="3" applyFont="1" applyFill="1" applyAlignment="1" applyProtection="1">
      <alignment vertical="center"/>
    </xf>
    <xf numFmtId="0" fontId="0" fillId="2" borderId="6" xfId="0" applyFill="1" applyBorder="1" applyAlignment="1" applyProtection="1">
      <alignment vertical="center"/>
    </xf>
    <xf numFmtId="0" fontId="0" fillId="2" borderId="0" xfId="0" applyFill="1" applyAlignment="1" applyProtection="1">
      <alignment vertical="center"/>
    </xf>
    <xf numFmtId="177" fontId="1" fillId="2" borderId="4" xfId="3" applyNumberFormat="1" applyFont="1" applyFill="1" applyBorder="1" applyAlignment="1" applyProtection="1">
      <alignment horizontal="center" vertical="center" shrinkToFit="1"/>
    </xf>
    <xf numFmtId="0" fontId="3" fillId="4" borderId="15" xfId="3" applyFont="1" applyFill="1" applyBorder="1" applyAlignment="1" applyProtection="1">
      <alignment vertical="center"/>
    </xf>
    <xf numFmtId="0" fontId="2" fillId="2" borderId="0" xfId="3" applyFont="1" applyFill="1" applyAlignment="1" applyProtection="1">
      <alignment horizontal="center" vertical="center" shrinkToFit="1"/>
    </xf>
    <xf numFmtId="0" fontId="2" fillId="2" borderId="0" xfId="3" applyFont="1" applyFill="1" applyAlignment="1" applyProtection="1">
      <alignment vertical="center" wrapText="1" shrinkToFit="1"/>
    </xf>
    <xf numFmtId="177" fontId="1" fillId="0" borderId="2" xfId="3" applyNumberFormat="1" applyFont="1" applyBorder="1" applyAlignment="1" applyProtection="1">
      <alignment horizontal="right" vertical="center" shrinkToFit="1"/>
    </xf>
    <xf numFmtId="0" fontId="3" fillId="4" borderId="7" xfId="3" applyFont="1" applyFill="1" applyBorder="1" applyAlignment="1" applyProtection="1">
      <alignment vertical="center" wrapText="1"/>
    </xf>
    <xf numFmtId="183" fontId="1" fillId="2" borderId="1" xfId="3" applyNumberFormat="1" applyFont="1" applyFill="1" applyBorder="1" applyAlignment="1" applyProtection="1">
      <alignment horizontal="right" vertical="center" shrinkToFit="1"/>
    </xf>
    <xf numFmtId="0" fontId="1" fillId="6" borderId="1" xfId="3" applyFont="1" applyFill="1" applyBorder="1" applyAlignment="1" applyProtection="1">
      <alignment horizontal="right" vertical="center" shrinkToFit="1"/>
    </xf>
    <xf numFmtId="0" fontId="21" fillId="5" borderId="2" xfId="0" applyFont="1" applyFill="1" applyBorder="1" applyAlignment="1" applyProtection="1">
      <alignment horizontal="left" vertical="top" wrapText="1"/>
    </xf>
    <xf numFmtId="0" fontId="1" fillId="3" borderId="8" xfId="3" applyFont="1" applyFill="1" applyBorder="1" applyAlignment="1" applyProtection="1">
      <alignment horizontal="center" vertical="center" shrinkToFit="1"/>
    </xf>
    <xf numFmtId="0" fontId="1" fillId="3" borderId="10" xfId="3" applyFont="1" applyFill="1" applyBorder="1" applyAlignment="1" applyProtection="1">
      <alignment horizontal="center" vertical="center" shrinkToFit="1"/>
    </xf>
    <xf numFmtId="0" fontId="3" fillId="4" borderId="0" xfId="3" applyFont="1" applyFill="1" applyAlignment="1" applyProtection="1">
      <alignment vertical="center"/>
    </xf>
    <xf numFmtId="0" fontId="3" fillId="4" borderId="6" xfId="3" applyFont="1" applyFill="1" applyBorder="1" applyAlignment="1" applyProtection="1">
      <alignment vertical="center"/>
    </xf>
    <xf numFmtId="0" fontId="1" fillId="6" borderId="2" xfId="3" applyFont="1" applyFill="1" applyBorder="1" applyAlignment="1" applyProtection="1">
      <alignment horizontal="right" vertical="center"/>
    </xf>
    <xf numFmtId="177" fontId="1" fillId="7" borderId="4" xfId="3" applyNumberFormat="1" applyFont="1" applyFill="1" applyBorder="1" applyAlignment="1" applyProtection="1">
      <alignment horizontal="center" vertical="center" shrinkToFit="1"/>
    </xf>
    <xf numFmtId="183" fontId="1" fillId="2" borderId="1" xfId="3" applyNumberFormat="1" applyFont="1" applyFill="1" applyBorder="1" applyAlignment="1" applyProtection="1">
      <alignment horizontal="center" vertical="center" wrapText="1"/>
    </xf>
    <xf numFmtId="0" fontId="8" fillId="4" borderId="7" xfId="3" applyFont="1" applyFill="1" applyBorder="1" applyAlignment="1" applyProtection="1">
      <alignment vertical="center"/>
    </xf>
    <xf numFmtId="0" fontId="8" fillId="4" borderId="0" xfId="3" applyFont="1" applyFill="1" applyAlignment="1" applyProtection="1">
      <alignment vertical="center"/>
    </xf>
    <xf numFmtId="0" fontId="8" fillId="4" borderId="9" xfId="3" applyFont="1" applyFill="1" applyBorder="1" applyAlignment="1" applyProtection="1">
      <alignment vertical="center"/>
    </xf>
    <xf numFmtId="0" fontId="19" fillId="2" borderId="0" xfId="3" applyFont="1" applyFill="1" applyAlignment="1" applyProtection="1">
      <alignment vertical="center"/>
    </xf>
    <xf numFmtId="0" fontId="22" fillId="2" borderId="4" xfId="3" applyFont="1" applyFill="1" applyBorder="1" applyAlignment="1" applyProtection="1">
      <alignment horizontal="center" vertical="center" shrinkToFit="1"/>
    </xf>
    <xf numFmtId="49" fontId="23" fillId="2" borderId="0" xfId="3" applyNumberFormat="1" applyFont="1" applyFill="1" applyAlignment="1" applyProtection="1">
      <alignment vertical="center"/>
    </xf>
    <xf numFmtId="0" fontId="23" fillId="2" borderId="0" xfId="3" applyFont="1" applyFill="1" applyAlignment="1" applyProtection="1">
      <alignment vertical="center"/>
    </xf>
    <xf numFmtId="0" fontId="24" fillId="2" borderId="0" xfId="3" applyFont="1" applyFill="1" applyAlignment="1" applyProtection="1">
      <alignment vertical="center"/>
    </xf>
    <xf numFmtId="0" fontId="25" fillId="2" borderId="0" xfId="3" applyFont="1" applyFill="1" applyAlignment="1" applyProtection="1">
      <alignment horizontal="left" vertical="center"/>
    </xf>
    <xf numFmtId="0" fontId="1" fillId="6" borderId="4" xfId="3" applyFont="1" applyFill="1" applyBorder="1" applyAlignment="1" applyProtection="1">
      <alignment horizontal="center" vertical="center" shrinkToFit="1"/>
    </xf>
    <xf numFmtId="0" fontId="3" fillId="0" borderId="0" xfId="3" applyFont="1" applyAlignment="1" applyProtection="1">
      <alignment vertical="center"/>
    </xf>
    <xf numFmtId="0" fontId="3" fillId="9" borderId="0" xfId="3" applyFont="1" applyFill="1" applyAlignment="1" applyProtection="1">
      <alignment vertical="center"/>
    </xf>
    <xf numFmtId="0" fontId="4" fillId="0" borderId="0" xfId="3" applyFont="1" applyAlignment="1" applyProtection="1">
      <alignment vertical="center"/>
    </xf>
    <xf numFmtId="0" fontId="14" fillId="0" borderId="0" xfId="3" applyFont="1" applyAlignment="1" applyProtection="1">
      <alignment vertical="center"/>
    </xf>
    <xf numFmtId="0" fontId="14" fillId="9" borderId="0" xfId="3" applyFont="1" applyFill="1" applyAlignment="1" applyProtection="1">
      <alignment vertical="center"/>
    </xf>
    <xf numFmtId="0" fontId="3" fillId="9" borderId="0" xfId="3" applyFont="1" applyFill="1" applyAlignment="1" applyProtection="1">
      <alignment vertical="center" wrapText="1"/>
    </xf>
    <xf numFmtId="0" fontId="14" fillId="9" borderId="0" xfId="3" applyFont="1" applyFill="1" applyAlignment="1" applyProtection="1">
      <alignment vertical="center" wrapText="1"/>
    </xf>
    <xf numFmtId="0" fontId="8" fillId="9" borderId="0" xfId="3" applyFont="1" applyFill="1" applyAlignment="1" applyProtection="1">
      <alignment vertical="center" wrapText="1"/>
    </xf>
    <xf numFmtId="0" fontId="8" fillId="8" borderId="0" xfId="3" applyFont="1" applyFill="1" applyAlignment="1" applyProtection="1">
      <alignment vertical="center" wrapText="1"/>
    </xf>
    <xf numFmtId="0" fontId="3" fillId="0" borderId="0" xfId="3" applyFont="1" applyAlignment="1" applyProtection="1">
      <alignment horizontal="center" vertical="center"/>
    </xf>
    <xf numFmtId="0" fontId="3" fillId="0" borderId="0" xfId="3" applyFont="1" applyAlignment="1" applyProtection="1">
      <alignment vertical="center"/>
    </xf>
    <xf numFmtId="0" fontId="1" fillId="6" borderId="2" xfId="3" applyFont="1" applyFill="1" applyBorder="1" applyAlignment="1" applyProtection="1">
      <alignment horizontal="center" vertical="center"/>
    </xf>
    <xf numFmtId="176" fontId="10" fillId="2" borderId="2" xfId="3" applyNumberFormat="1" applyFont="1" applyFill="1" applyBorder="1" applyAlignment="1" applyProtection="1">
      <alignment horizontal="right" vertical="center" shrinkToFit="1"/>
    </xf>
    <xf numFmtId="0" fontId="26" fillId="2" borderId="1" xfId="3" applyFont="1" applyFill="1" applyBorder="1" applyAlignment="1" applyProtection="1">
      <alignment horizontal="left" vertical="center" wrapText="1"/>
    </xf>
    <xf numFmtId="176" fontId="10" fillId="2" borderId="1" xfId="3" applyNumberFormat="1" applyFont="1" applyFill="1" applyBorder="1" applyAlignment="1" applyProtection="1">
      <alignment horizontal="right" vertical="center" shrinkToFit="1"/>
    </xf>
    <xf numFmtId="0" fontId="10" fillId="2" borderId="2" xfId="3" applyFont="1" applyFill="1" applyBorder="1" applyAlignment="1" applyProtection="1">
      <alignment horizontal="center" vertical="center" wrapText="1"/>
    </xf>
    <xf numFmtId="49" fontId="10" fillId="3" borderId="1" xfId="3" applyNumberFormat="1" applyFont="1" applyFill="1" applyBorder="1" applyAlignment="1" applyProtection="1">
      <alignment horizontal="center" vertical="center" wrapText="1"/>
    </xf>
    <xf numFmtId="177" fontId="10" fillId="2" borderId="2" xfId="3" applyNumberFormat="1" applyFont="1" applyFill="1" applyBorder="1" applyAlignment="1" applyProtection="1">
      <alignment horizontal="right" vertical="center" shrinkToFit="1"/>
    </xf>
    <xf numFmtId="0" fontId="10" fillId="2" borderId="4" xfId="3" applyFont="1" applyFill="1" applyBorder="1" applyAlignment="1" applyProtection="1">
      <alignment horizontal="center" vertical="center" shrinkToFit="1"/>
    </xf>
    <xf numFmtId="0" fontId="1" fillId="6" borderId="2" xfId="3" applyFont="1" applyFill="1" applyBorder="1" applyAlignment="1" applyProtection="1">
      <alignment horizontal="right" vertical="center" shrinkToFit="1"/>
    </xf>
    <xf numFmtId="179" fontId="10" fillId="2" borderId="2" xfId="3" applyNumberFormat="1" applyFont="1" applyFill="1" applyBorder="1" applyAlignment="1" applyProtection="1">
      <alignment horizontal="right" vertical="center" shrinkToFit="1"/>
    </xf>
    <xf numFmtId="180" fontId="10" fillId="2" borderId="2" xfId="3" applyNumberFormat="1" applyFont="1" applyFill="1" applyBorder="1" applyAlignment="1" applyProtection="1">
      <alignment horizontal="right" vertical="center" shrinkToFit="1"/>
    </xf>
    <xf numFmtId="0" fontId="1" fillId="6" borderId="12" xfId="3" applyFont="1" applyFill="1" applyBorder="1" applyAlignment="1" applyProtection="1">
      <alignment horizontal="center" vertical="center" shrinkToFit="1"/>
    </xf>
    <xf numFmtId="0" fontId="1" fillId="6" borderId="7" xfId="3" applyFont="1" applyFill="1" applyBorder="1" applyAlignment="1" applyProtection="1">
      <alignment horizontal="center" vertical="center" shrinkToFit="1"/>
    </xf>
    <xf numFmtId="0" fontId="1" fillId="6" borderId="9" xfId="3" applyFont="1" applyFill="1" applyBorder="1" applyAlignment="1" applyProtection="1">
      <alignment horizontal="center" vertical="center" shrinkToFit="1"/>
    </xf>
    <xf numFmtId="181" fontId="10" fillId="2" borderId="2" xfId="3" applyNumberFormat="1" applyFont="1" applyFill="1" applyBorder="1" applyAlignment="1" applyProtection="1">
      <alignment horizontal="right" vertical="center" shrinkToFit="1"/>
    </xf>
    <xf numFmtId="0" fontId="28" fillId="2" borderId="0" xfId="3" applyFont="1" applyFill="1" applyAlignment="1" applyProtection="1">
      <alignment vertical="center"/>
    </xf>
    <xf numFmtId="0" fontId="19" fillId="2" borderId="0" xfId="3" applyFont="1" applyFill="1" applyAlignment="1" applyProtection="1">
      <alignment vertical="center"/>
    </xf>
    <xf numFmtId="0" fontId="29" fillId="2" borderId="0" xfId="3" applyFont="1" applyFill="1" applyAlignment="1" applyProtection="1">
      <alignment horizontal="left" vertical="center"/>
    </xf>
    <xf numFmtId="0" fontId="29" fillId="0" borderId="0" xfId="3" applyFont="1" applyAlignment="1" applyProtection="1">
      <alignment vertical="center"/>
    </xf>
    <xf numFmtId="0" fontId="8" fillId="9" borderId="0" xfId="3" applyFont="1" applyFill="1" applyAlignment="1" applyProtection="1">
      <alignment vertical="center"/>
    </xf>
    <xf numFmtId="0" fontId="30" fillId="0" borderId="0" xfId="3" applyFont="1" applyAlignment="1" applyProtection="1">
      <alignment vertical="center"/>
    </xf>
    <xf numFmtId="0" fontId="8" fillId="4" borderId="7" xfId="3" applyFont="1" applyFill="1" applyBorder="1" applyAlignment="1" applyProtection="1">
      <alignment vertical="center" wrapText="1"/>
    </xf>
    <xf numFmtId="0" fontId="1" fillId="3" borderId="1" xfId="3" applyFont="1" applyFill="1" applyBorder="1" applyAlignment="1" applyProtection="1">
      <alignment horizontal="center" vertical="center" wrapText="1"/>
    </xf>
    <xf numFmtId="0" fontId="16" fillId="2" borderId="0" xfId="1" applyFont="1" applyFill="1" applyAlignment="1" applyProtection="1">
      <alignment vertical="center"/>
    </xf>
    <xf numFmtId="0" fontId="3" fillId="5" borderId="11" xfId="3" applyFont="1" applyFill="1" applyBorder="1" applyAlignment="1" applyProtection="1">
      <alignment horizontal="left" vertical="top" wrapText="1"/>
    </xf>
    <xf numFmtId="0" fontId="3" fillId="2" borderId="0" xfId="3" applyFont="1" applyFill="1" applyAlignment="1" applyProtection="1">
      <alignment horizontal="left" vertical="center"/>
    </xf>
    <xf numFmtId="0" fontId="3" fillId="4" borderId="1" xfId="3" applyFont="1" applyFill="1" applyBorder="1" applyAlignment="1" applyProtection="1">
      <alignment horizontal="left" vertical="center" wrapText="1"/>
    </xf>
    <xf numFmtId="0" fontId="3" fillId="4" borderId="9" xfId="3" applyFont="1" applyFill="1" applyBorder="1" applyAlignment="1" applyProtection="1">
      <alignment horizontal="left" vertical="center" wrapText="1"/>
    </xf>
    <xf numFmtId="0" fontId="3" fillId="4" borderId="6" xfId="3" applyFont="1" applyFill="1" applyBorder="1" applyAlignment="1" applyProtection="1">
      <alignment horizontal="left" vertical="center" wrapText="1"/>
    </xf>
    <xf numFmtId="0" fontId="8" fillId="4" borderId="9" xfId="3" applyFont="1" applyFill="1" applyBorder="1" applyAlignment="1" applyProtection="1">
      <alignment horizontal="left" vertical="center" wrapText="1"/>
    </xf>
    <xf numFmtId="0" fontId="8" fillId="4" borderId="10" xfId="3" applyFont="1" applyFill="1" applyBorder="1" applyAlignment="1" applyProtection="1">
      <alignment horizontal="left" vertical="center" wrapText="1"/>
    </xf>
    <xf numFmtId="0" fontId="8" fillId="5" borderId="1" xfId="3" applyFont="1" applyFill="1" applyBorder="1" applyAlignment="1" applyProtection="1">
      <alignment horizontal="left" vertical="top" wrapText="1"/>
    </xf>
    <xf numFmtId="0" fontId="3" fillId="4" borderId="7" xfId="3" applyFont="1" applyFill="1" applyBorder="1" applyAlignment="1" applyProtection="1">
      <alignment horizontal="left" vertical="center" wrapText="1"/>
    </xf>
    <xf numFmtId="0" fontId="3" fillId="4" borderId="0" xfId="3" applyFont="1" applyFill="1" applyAlignment="1" applyProtection="1">
      <alignment horizontal="left" vertical="center" wrapText="1"/>
    </xf>
    <xf numFmtId="0" fontId="12" fillId="2" borderId="0" xfId="1" applyFont="1" applyFill="1" applyAlignment="1" applyProtection="1">
      <alignment horizontal="left" vertical="center"/>
    </xf>
    <xf numFmtId="184" fontId="1" fillId="2" borderId="1" xfId="3" applyNumberFormat="1" applyFont="1" applyFill="1" applyBorder="1" applyAlignment="1" applyProtection="1">
      <alignment horizontal="center" vertical="center" wrapText="1"/>
    </xf>
    <xf numFmtId="179" fontId="1" fillId="2" borderId="1" xfId="3" applyNumberFormat="1" applyFont="1" applyFill="1" applyBorder="1" applyAlignment="1" applyProtection="1">
      <alignment horizontal="center" vertical="center" wrapText="1"/>
    </xf>
    <xf numFmtId="0" fontId="12" fillId="0" borderId="0" xfId="1" applyFont="1" applyAlignment="1" applyProtection="1">
      <alignment vertical="center"/>
    </xf>
    <xf numFmtId="0" fontId="27" fillId="0" borderId="0" xfId="0" applyFont="1" applyAlignment="1" applyProtection="1">
      <alignment vertical="center"/>
    </xf>
    <xf numFmtId="0" fontId="3" fillId="3" borderId="1" xfId="3" applyFont="1" applyFill="1" applyBorder="1" applyAlignment="1" applyProtection="1">
      <alignment horizontal="center" vertical="center"/>
    </xf>
    <xf numFmtId="185" fontId="1" fillId="2" borderId="1" xfId="3" applyNumberFormat="1" applyFont="1" applyFill="1" applyBorder="1" applyAlignment="1" applyProtection="1">
      <alignment horizontal="center" vertical="center" wrapText="1"/>
    </xf>
    <xf numFmtId="186" fontId="10" fillId="2" borderId="15" xfId="3" applyNumberFormat="1" applyFont="1" applyFill="1" applyBorder="1" applyAlignment="1" applyProtection="1">
      <alignment horizontal="center" vertical="center" shrinkToFit="1"/>
    </xf>
    <xf numFmtId="186" fontId="10" fillId="2" borderId="11" xfId="3" applyNumberFormat="1" applyFont="1" applyFill="1" applyBorder="1" applyAlignment="1" applyProtection="1">
      <alignment horizontal="center" vertical="center" shrinkToFit="1"/>
    </xf>
    <xf numFmtId="0" fontId="3" fillId="2" borderId="0" xfId="3" applyFont="1" applyFill="1" applyAlignment="1" applyProtection="1">
      <alignment horizontal="left" vertical="center"/>
    </xf>
    <xf numFmtId="0" fontId="17" fillId="2" borderId="0" xfId="0" applyFont="1" applyFill="1" applyAlignment="1" applyProtection="1">
      <alignment vertical="center"/>
    </xf>
    <xf numFmtId="0" fontId="12" fillId="0" borderId="0" xfId="1" applyFont="1" applyAlignment="1" applyProtection="1">
      <alignment vertical="center"/>
    </xf>
    <xf numFmtId="0" fontId="8" fillId="4" borderId="1" xfId="3" applyFont="1" applyFill="1" applyBorder="1" applyAlignment="1" applyProtection="1">
      <alignment vertical="center" wrapText="1"/>
    </xf>
    <xf numFmtId="0" fontId="1" fillId="6" borderId="3" xfId="3" applyFont="1" applyFill="1" applyBorder="1" applyAlignment="1" applyProtection="1">
      <alignment horizontal="right" vertical="center"/>
    </xf>
    <xf numFmtId="0" fontId="3" fillId="4" borderId="5" xfId="3" applyFont="1" applyFill="1" applyBorder="1" applyAlignment="1" applyProtection="1">
      <alignment vertical="center" wrapText="1"/>
    </xf>
    <xf numFmtId="49" fontId="1" fillId="3" borderId="5" xfId="3" applyNumberFormat="1" applyFont="1" applyFill="1" applyBorder="1" applyAlignment="1" applyProtection="1">
      <alignment horizontal="center" vertical="center" wrapText="1"/>
    </xf>
    <xf numFmtId="0" fontId="1" fillId="3" borderId="1" xfId="3" applyFont="1" applyFill="1" applyBorder="1" applyAlignment="1" applyProtection="1">
      <alignment horizontal="center" vertical="center" wrapText="1"/>
    </xf>
    <xf numFmtId="0" fontId="2" fillId="2" borderId="0" xfId="3" applyFont="1" applyFill="1" applyAlignment="1" applyProtection="1">
      <alignment vertical="center"/>
    </xf>
    <xf numFmtId="0" fontId="2" fillId="2" borderId="0" xfId="3" applyFont="1" applyFill="1" applyAlignment="1" applyProtection="1">
      <alignment horizontal="center" vertical="center"/>
    </xf>
    <xf numFmtId="0" fontId="3" fillId="2" borderId="0" xfId="3" applyFont="1" applyFill="1" applyAlignment="1" applyProtection="1">
      <alignment vertical="center"/>
    </xf>
    <xf numFmtId="0" fontId="2" fillId="2" borderId="0" xfId="3" applyFont="1" applyFill="1" applyAlignment="1" applyProtection="1">
      <alignment vertical="center"/>
    </xf>
    <xf numFmtId="0" fontId="3" fillId="2" borderId="0" xfId="3" applyFont="1" applyFill="1" applyAlignment="1" applyProtection="1">
      <alignment horizontal="left" vertical="center"/>
    </xf>
    <xf numFmtId="0" fontId="3" fillId="3" borderId="1" xfId="3" applyFont="1" applyFill="1" applyBorder="1" applyAlignment="1" applyProtection="1">
      <alignment horizontal="center" vertical="center"/>
    </xf>
    <xf numFmtId="0" fontId="3" fillId="3" borderId="4" xfId="3" applyFont="1" applyFill="1" applyBorder="1" applyAlignment="1" applyProtection="1">
      <alignment horizontal="center" vertical="center"/>
    </xf>
    <xf numFmtId="0" fontId="3" fillId="3" borderId="1" xfId="3" applyFont="1" applyFill="1" applyBorder="1" applyAlignment="1" applyProtection="1">
      <alignment horizontal="center" vertical="center"/>
    </xf>
    <xf numFmtId="176" fontId="10" fillId="2" borderId="5" xfId="3" applyNumberFormat="1" applyFont="1" applyFill="1" applyBorder="1" applyAlignment="1" applyProtection="1">
      <alignment horizontal="right" vertical="center" shrinkToFit="1"/>
    </xf>
    <xf numFmtId="0" fontId="3" fillId="3" borderId="7" xfId="3" applyFont="1" applyFill="1" applyBorder="1" applyAlignment="1" applyProtection="1">
      <alignment horizontal="center" vertical="center"/>
    </xf>
    <xf numFmtId="0" fontId="1" fillId="3" borderId="7" xfId="3" applyFont="1" applyFill="1" applyBorder="1" applyAlignment="1" applyProtection="1">
      <alignment horizontal="center" vertical="center" wrapText="1"/>
    </xf>
    <xf numFmtId="0" fontId="3" fillId="3" borderId="1" xfId="3" applyFont="1" applyFill="1" applyBorder="1" applyAlignment="1" applyProtection="1">
      <alignment horizontal="center" vertical="center"/>
    </xf>
    <xf numFmtId="0" fontId="3" fillId="3" borderId="1" xfId="3" applyFont="1" applyFill="1" applyBorder="1" applyAlignment="1" applyProtection="1">
      <alignment horizontal="center" vertical="center"/>
    </xf>
    <xf numFmtId="0" fontId="10" fillId="2" borderId="1" xfId="3" applyFont="1" applyFill="1" applyBorder="1" applyAlignment="1" applyProtection="1">
      <alignment horizontal="center" vertical="center" wrapText="1"/>
    </xf>
    <xf numFmtId="180" fontId="10" fillId="2" borderId="1" xfId="3" applyNumberFormat="1" applyFont="1" applyFill="1" applyBorder="1" applyAlignment="1" applyProtection="1">
      <alignment horizontal="right" vertical="center"/>
    </xf>
    <xf numFmtId="179" fontId="10" fillId="2" borderId="1" xfId="3" applyNumberFormat="1" applyFont="1" applyFill="1" applyBorder="1" applyAlignment="1" applyProtection="1">
      <alignment horizontal="right" vertical="center"/>
    </xf>
    <xf numFmtId="176" fontId="10" fillId="2" borderId="5" xfId="3" applyNumberFormat="1" applyFont="1" applyFill="1" applyBorder="1" applyAlignment="1" applyProtection="1">
      <alignment horizontal="center" vertical="center" shrinkToFit="1"/>
    </xf>
    <xf numFmtId="186" fontId="10" fillId="2" borderId="1" xfId="3" applyNumberFormat="1" applyFont="1" applyFill="1" applyBorder="1" applyAlignment="1" applyProtection="1">
      <alignment horizontal="center" vertical="center"/>
    </xf>
    <xf numFmtId="0" fontId="10" fillId="2" borderId="5" xfId="3" applyFont="1" applyFill="1" applyBorder="1" applyAlignment="1" applyProtection="1">
      <alignment horizontal="center" vertical="center" shrinkToFit="1"/>
    </xf>
    <xf numFmtId="177" fontId="10" fillId="2" borderId="1" xfId="3" applyNumberFormat="1" applyFont="1" applyFill="1" applyBorder="1" applyAlignment="1" applyProtection="1">
      <alignment horizontal="right" vertical="center"/>
    </xf>
    <xf numFmtId="183" fontId="10" fillId="2" borderId="1" xfId="3" applyNumberFormat="1" applyFont="1" applyFill="1" applyBorder="1" applyAlignment="1" applyProtection="1">
      <alignment horizontal="right" vertical="center"/>
    </xf>
    <xf numFmtId="0" fontId="26" fillId="2" borderId="1" xfId="3" applyFont="1" applyFill="1" applyBorder="1" applyAlignment="1" applyProtection="1">
      <alignment horizontal="right" vertical="center"/>
    </xf>
    <xf numFmtId="0" fontId="8" fillId="4" borderId="7" xfId="3" applyFont="1" applyFill="1" applyBorder="1" applyAlignment="1" applyProtection="1">
      <alignment horizontal="left" vertical="center" wrapText="1"/>
    </xf>
    <xf numFmtId="0" fontId="8" fillId="4" borderId="0" xfId="3" applyFont="1" applyFill="1" applyAlignment="1" applyProtection="1">
      <alignment horizontal="left" vertical="center" wrapText="1"/>
    </xf>
    <xf numFmtId="0" fontId="8" fillId="4" borderId="9" xfId="3" applyFont="1" applyFill="1" applyBorder="1" applyAlignment="1" applyProtection="1">
      <alignment horizontal="left" vertical="center" wrapText="1"/>
    </xf>
    <xf numFmtId="0" fontId="8" fillId="4" borderId="6" xfId="3" applyFont="1" applyFill="1" applyBorder="1" applyAlignment="1" applyProtection="1">
      <alignment horizontal="left" vertical="center" wrapText="1"/>
    </xf>
    <xf numFmtId="0" fontId="8" fillId="4" borderId="10" xfId="3" applyFont="1" applyFill="1" applyBorder="1" applyAlignment="1" applyProtection="1">
      <alignment horizontal="left" vertical="center" wrapText="1"/>
    </xf>
    <xf numFmtId="0" fontId="8" fillId="4" borderId="3" xfId="3" applyFont="1" applyFill="1" applyBorder="1" applyAlignment="1" applyProtection="1">
      <alignment vertical="center" wrapText="1"/>
    </xf>
    <xf numFmtId="0" fontId="8" fillId="4" borderId="6" xfId="3" applyFont="1" applyFill="1" applyBorder="1" applyAlignment="1" applyProtection="1">
      <alignment vertical="center" wrapText="1"/>
    </xf>
    <xf numFmtId="0" fontId="8" fillId="5" borderId="12" xfId="3" applyFont="1" applyFill="1" applyBorder="1" applyAlignment="1" applyProtection="1">
      <alignment horizontal="left" vertical="top" wrapText="1"/>
    </xf>
    <xf numFmtId="183" fontId="1" fillId="2" borderId="1" xfId="3" applyNumberFormat="1" applyFont="1" applyFill="1" applyBorder="1" applyAlignment="1" applyProtection="1">
      <alignment horizontal="right" vertical="center" wrapText="1" shrinkToFit="1"/>
    </xf>
    <xf numFmtId="183" fontId="10" fillId="2" borderId="1" xfId="3" applyNumberFormat="1" applyFont="1" applyFill="1" applyBorder="1" applyAlignment="1" applyProtection="1">
      <alignment horizontal="right" vertical="center" wrapText="1"/>
    </xf>
    <xf numFmtId="0" fontId="1" fillId="2" borderId="2" xfId="3" applyFont="1" applyFill="1" applyBorder="1" applyAlignment="1" applyProtection="1">
      <alignment horizontal="center" vertical="center"/>
    </xf>
    <xf numFmtId="180" fontId="1" fillId="2" borderId="4" xfId="3" applyNumberFormat="1" applyFont="1" applyFill="1" applyBorder="1" applyAlignment="1" applyProtection="1">
      <alignment horizontal="center" vertical="center" shrinkToFit="1"/>
    </xf>
    <xf numFmtId="0" fontId="3" fillId="4" borderId="2" xfId="3" applyFont="1" applyFill="1" applyBorder="1" applyAlignment="1" applyProtection="1">
      <alignment horizontal="left" vertical="center" wrapText="1"/>
    </xf>
    <xf numFmtId="0" fontId="3" fillId="4" borderId="3" xfId="3" applyFont="1" applyFill="1" applyBorder="1" applyAlignment="1" applyProtection="1">
      <alignment horizontal="left" vertical="center" wrapText="1"/>
    </xf>
    <xf numFmtId="0" fontId="3" fillId="4" borderId="4" xfId="3" applyFont="1" applyFill="1" applyBorder="1" applyAlignment="1" applyProtection="1">
      <alignment horizontal="left" vertical="center" wrapText="1"/>
    </xf>
    <xf numFmtId="0" fontId="12" fillId="0" borderId="0" xfId="1" applyFont="1" applyAlignment="1" applyProtection="1">
      <alignment vertical="center"/>
    </xf>
    <xf numFmtId="0" fontId="3" fillId="4" borderId="2" xfId="3" applyFont="1" applyFill="1" applyBorder="1" applyAlignment="1" applyProtection="1">
      <alignment horizontal="center" vertical="center"/>
    </xf>
    <xf numFmtId="0" fontId="3" fillId="4" borderId="3" xfId="3" applyFont="1" applyFill="1" applyBorder="1" applyAlignment="1" applyProtection="1">
      <alignment horizontal="center" vertical="center"/>
    </xf>
    <xf numFmtId="0" fontId="3" fillId="4" borderId="4" xfId="3" applyFont="1" applyFill="1" applyBorder="1" applyAlignment="1" applyProtection="1">
      <alignment horizontal="center" vertical="center"/>
    </xf>
    <xf numFmtId="0" fontId="14" fillId="2" borderId="0" xfId="3" applyFont="1" applyFill="1" applyAlignment="1" applyProtection="1">
      <alignment horizontal="left" vertical="top" wrapText="1"/>
    </xf>
    <xf numFmtId="0" fontId="14" fillId="2" borderId="0" xfId="3" applyFont="1" applyFill="1" applyAlignment="1" applyProtection="1">
      <alignment horizontal="left" vertical="center" wrapText="1"/>
    </xf>
    <xf numFmtId="0" fontId="12" fillId="0" borderId="0" xfId="1" applyFont="1" applyAlignment="1" applyProtection="1">
      <alignment horizontal="left" vertical="center"/>
    </xf>
    <xf numFmtId="0" fontId="8" fillId="4" borderId="7" xfId="3" applyFont="1" applyFill="1" applyBorder="1" applyAlignment="1" applyProtection="1">
      <alignment horizontal="center" vertical="center" wrapText="1"/>
    </xf>
    <xf numFmtId="0" fontId="8" fillId="4" borderId="14" xfId="3" applyFont="1" applyFill="1" applyBorder="1" applyAlignment="1" applyProtection="1">
      <alignment horizontal="center" vertical="center" wrapText="1"/>
    </xf>
    <xf numFmtId="0" fontId="3" fillId="4" borderId="12" xfId="3" applyFont="1" applyFill="1" applyBorder="1" applyAlignment="1" applyProtection="1">
      <alignment vertical="center" wrapText="1"/>
    </xf>
    <xf numFmtId="0" fontId="3" fillId="4" borderId="13" xfId="3" applyFont="1" applyFill="1" applyBorder="1" applyAlignment="1" applyProtection="1">
      <alignment vertical="center" wrapText="1"/>
    </xf>
    <xf numFmtId="0" fontId="3" fillId="4" borderId="8" xfId="3" applyFont="1" applyFill="1" applyBorder="1" applyAlignment="1" applyProtection="1">
      <alignment vertical="center" wrapText="1"/>
    </xf>
    <xf numFmtId="0" fontId="3" fillId="4" borderId="12" xfId="3" applyFont="1" applyFill="1" applyBorder="1" applyAlignment="1" applyProtection="1">
      <alignment horizontal="left" vertical="center" wrapText="1"/>
    </xf>
    <xf numFmtId="0" fontId="3" fillId="4" borderId="8" xfId="3" applyFont="1" applyFill="1" applyBorder="1" applyAlignment="1" applyProtection="1">
      <alignment horizontal="left" vertical="center" wrapText="1"/>
    </xf>
    <xf numFmtId="0" fontId="3" fillId="4" borderId="7" xfId="3" applyFont="1" applyFill="1" applyBorder="1" applyAlignment="1" applyProtection="1">
      <alignment horizontal="left" vertical="center" wrapText="1"/>
    </xf>
    <xf numFmtId="0" fontId="3" fillId="4" borderId="14" xfId="3" applyFont="1" applyFill="1" applyBorder="1" applyAlignment="1" applyProtection="1">
      <alignment horizontal="left" vertical="center" wrapText="1"/>
    </xf>
    <xf numFmtId="0" fontId="3" fillId="4" borderId="9" xfId="3" applyFont="1" applyFill="1" applyBorder="1" applyAlignment="1" applyProtection="1">
      <alignment horizontal="left" vertical="center" wrapText="1"/>
    </xf>
    <xf numFmtId="0" fontId="3" fillId="4" borderId="10" xfId="3" applyFont="1" applyFill="1" applyBorder="1" applyAlignment="1" applyProtection="1">
      <alignment horizontal="left" vertical="center" wrapText="1"/>
    </xf>
    <xf numFmtId="0" fontId="3" fillId="4" borderId="13" xfId="3" applyFont="1" applyFill="1" applyBorder="1" applyAlignment="1" applyProtection="1">
      <alignment horizontal="left" vertical="center" wrapText="1"/>
    </xf>
    <xf numFmtId="0" fontId="3" fillId="4" borderId="7" xfId="3" applyFont="1" applyFill="1" applyBorder="1" applyAlignment="1" applyProtection="1">
      <alignment horizontal="center" vertical="center" wrapText="1"/>
    </xf>
    <xf numFmtId="0" fontId="3" fillId="4" borderId="14" xfId="3" applyFont="1" applyFill="1" applyBorder="1" applyAlignment="1" applyProtection="1">
      <alignment horizontal="center" vertical="center" wrapText="1"/>
    </xf>
    <xf numFmtId="0" fontId="3" fillId="4" borderId="10" xfId="3" applyFont="1" applyFill="1" applyBorder="1" applyAlignment="1" applyProtection="1">
      <alignment horizontal="center" vertical="center" wrapText="1"/>
    </xf>
    <xf numFmtId="0" fontId="3" fillId="4" borderId="2" xfId="3" applyFont="1" applyFill="1" applyBorder="1" applyAlignment="1" applyProtection="1">
      <alignment vertical="center" wrapText="1"/>
    </xf>
    <xf numFmtId="0" fontId="3" fillId="4" borderId="4" xfId="3" applyFont="1" applyFill="1" applyBorder="1" applyAlignment="1" applyProtection="1">
      <alignment vertical="center" wrapText="1"/>
    </xf>
    <xf numFmtId="0" fontId="8" fillId="4" borderId="2" xfId="3" applyFont="1" applyFill="1" applyBorder="1" applyAlignment="1" applyProtection="1">
      <alignment horizontal="left" vertical="center" wrapText="1"/>
    </xf>
    <xf numFmtId="0" fontId="8" fillId="4" borderId="3" xfId="3" applyFont="1" applyFill="1" applyBorder="1" applyAlignment="1" applyProtection="1">
      <alignment horizontal="left" vertical="center" wrapText="1"/>
    </xf>
    <xf numFmtId="0" fontId="8" fillId="4" borderId="4" xfId="3" applyFont="1" applyFill="1" applyBorder="1" applyAlignment="1" applyProtection="1">
      <alignment horizontal="left" vertical="center" wrapText="1"/>
    </xf>
    <xf numFmtId="0" fontId="8" fillId="4" borderId="12" xfId="3" applyFont="1" applyFill="1" applyBorder="1" applyAlignment="1" applyProtection="1">
      <alignment horizontal="left" vertical="center" wrapText="1"/>
    </xf>
    <xf numFmtId="0" fontId="8" fillId="4" borderId="13" xfId="3" applyFont="1" applyFill="1" applyBorder="1" applyAlignment="1" applyProtection="1">
      <alignment horizontal="left" vertical="center" wrapText="1"/>
    </xf>
    <xf numFmtId="0" fontId="8" fillId="4" borderId="8" xfId="3" applyFont="1" applyFill="1" applyBorder="1" applyAlignment="1" applyProtection="1">
      <alignment horizontal="left" vertical="center" wrapText="1"/>
    </xf>
    <xf numFmtId="0" fontId="3" fillId="4" borderId="1" xfId="3" applyFont="1" applyFill="1" applyBorder="1" applyAlignment="1" applyProtection="1">
      <alignment horizontal="center" vertical="center"/>
    </xf>
    <xf numFmtId="0" fontId="3" fillId="3" borderId="2" xfId="3" applyFont="1" applyFill="1" applyBorder="1" applyAlignment="1" applyProtection="1">
      <alignment horizontal="center" vertical="center"/>
    </xf>
    <xf numFmtId="0" fontId="3" fillId="3" borderId="3" xfId="3" applyFont="1" applyFill="1" applyBorder="1" applyAlignment="1" applyProtection="1">
      <alignment horizontal="center" vertical="center"/>
    </xf>
    <xf numFmtId="0" fontId="3" fillId="3" borderId="4" xfId="3" applyFont="1" applyFill="1" applyBorder="1" applyAlignment="1" applyProtection="1">
      <alignment horizontal="center" vertical="center"/>
    </xf>
    <xf numFmtId="0" fontId="27" fillId="0" borderId="0" xfId="0" applyFont="1" applyAlignment="1" applyProtection="1">
      <alignment vertical="center"/>
    </xf>
    <xf numFmtId="0" fontId="3" fillId="3" borderId="1" xfId="3" applyFont="1" applyFill="1" applyBorder="1" applyAlignment="1" applyProtection="1">
      <alignment horizontal="center" vertical="center"/>
    </xf>
    <xf numFmtId="0" fontId="3" fillId="5" borderId="11" xfId="3" applyFont="1" applyFill="1" applyBorder="1" applyAlignment="1" applyProtection="1">
      <alignment horizontal="left" vertical="top" wrapText="1"/>
    </xf>
    <xf numFmtId="0" fontId="3" fillId="5" borderId="15" xfId="3" applyFont="1" applyFill="1" applyBorder="1" applyAlignment="1" applyProtection="1">
      <alignment horizontal="left" vertical="top" wrapText="1"/>
    </xf>
    <xf numFmtId="0" fontId="3" fillId="5" borderId="5" xfId="3" applyFont="1" applyFill="1" applyBorder="1" applyAlignment="1" applyProtection="1">
      <alignment horizontal="left" vertical="top" wrapText="1"/>
    </xf>
    <xf numFmtId="0" fontId="8" fillId="5" borderId="11" xfId="3" applyFont="1" applyFill="1" applyBorder="1" applyAlignment="1" applyProtection="1">
      <alignment horizontal="left" vertical="top" wrapText="1"/>
    </xf>
    <xf numFmtId="0" fontId="0" fillId="0" borderId="15" xfId="0" applyBorder="1" applyAlignment="1" applyProtection="1">
      <alignment horizontal="left" vertical="top" wrapText="1"/>
    </xf>
    <xf numFmtId="0" fontId="0" fillId="0" borderId="5" xfId="0" applyBorder="1" applyAlignment="1" applyProtection="1">
      <alignment horizontal="left" vertical="top" wrapText="1"/>
    </xf>
    <xf numFmtId="0" fontId="3" fillId="4" borderId="0" xfId="3" applyFont="1" applyFill="1" applyAlignment="1" applyProtection="1">
      <alignment horizontal="left" vertical="center" wrapText="1"/>
    </xf>
    <xf numFmtId="0" fontId="3" fillId="4" borderId="6" xfId="3" applyFont="1" applyFill="1" applyBorder="1" applyAlignment="1" applyProtection="1">
      <alignment horizontal="left" vertical="center" wrapText="1"/>
    </xf>
    <xf numFmtId="0" fontId="8" fillId="5" borderId="1" xfId="3" applyFont="1" applyFill="1" applyBorder="1" applyAlignment="1" applyProtection="1">
      <alignment horizontal="left" vertical="top" wrapText="1"/>
    </xf>
    <xf numFmtId="0" fontId="3" fillId="5" borderId="12" xfId="3" applyFont="1" applyFill="1" applyBorder="1" applyAlignment="1" applyProtection="1">
      <alignment horizontal="left" vertical="top" wrapText="1"/>
    </xf>
    <xf numFmtId="0" fontId="3" fillId="5" borderId="7" xfId="3" applyFont="1" applyFill="1" applyBorder="1" applyAlignment="1" applyProtection="1">
      <alignment horizontal="left" vertical="top" wrapText="1"/>
    </xf>
    <xf numFmtId="0" fontId="3" fillId="5" borderId="9" xfId="3" applyFont="1" applyFill="1" applyBorder="1" applyAlignment="1" applyProtection="1">
      <alignment horizontal="left" vertical="top" wrapText="1"/>
    </xf>
    <xf numFmtId="0" fontId="3" fillId="4" borderId="9" xfId="3" applyFont="1" applyFill="1" applyBorder="1" applyAlignment="1" applyProtection="1">
      <alignment horizontal="center" vertical="center" wrapText="1"/>
    </xf>
    <xf numFmtId="0" fontId="8" fillId="4" borderId="9" xfId="3" applyFont="1" applyFill="1" applyBorder="1" applyAlignment="1" applyProtection="1">
      <alignment horizontal="center" vertical="center" wrapText="1"/>
    </xf>
    <xf numFmtId="0" fontId="8" fillId="4" borderId="10" xfId="3" applyFont="1" applyFill="1" applyBorder="1" applyAlignment="1" applyProtection="1">
      <alignment horizontal="center" vertical="center" wrapText="1"/>
    </xf>
    <xf numFmtId="0" fontId="3" fillId="4" borderId="3" xfId="3" applyFont="1" applyFill="1" applyBorder="1" applyAlignment="1" applyProtection="1">
      <alignment vertical="center" wrapText="1"/>
    </xf>
    <xf numFmtId="0" fontId="3" fillId="4" borderId="1" xfId="3" applyFont="1" applyFill="1" applyBorder="1" applyAlignment="1" applyProtection="1">
      <alignment horizontal="left" vertical="center" wrapText="1"/>
    </xf>
    <xf numFmtId="0" fontId="0" fillId="0" borderId="1" xfId="0" applyBorder="1" applyAlignment="1" applyProtection="1">
      <alignment horizontal="left" vertical="center" wrapText="1"/>
    </xf>
    <xf numFmtId="0" fontId="0" fillId="4" borderId="1" xfId="0" applyFill="1" applyBorder="1" applyAlignment="1" applyProtection="1">
      <alignment horizontal="left" vertical="center" wrapText="1"/>
    </xf>
    <xf numFmtId="0" fontId="8" fillId="5" borderId="12" xfId="3" applyFont="1" applyFill="1" applyBorder="1" applyAlignment="1" applyProtection="1">
      <alignment horizontal="left" vertical="top" wrapText="1"/>
    </xf>
    <xf numFmtId="0" fontId="8" fillId="5" borderId="7" xfId="3" applyFont="1" applyFill="1" applyBorder="1" applyAlignment="1" applyProtection="1">
      <alignment horizontal="left" vertical="top" wrapText="1"/>
    </xf>
    <xf numFmtId="0" fontId="8" fillId="5" borderId="9" xfId="3" applyFont="1" applyFill="1" applyBorder="1" applyAlignment="1" applyProtection="1">
      <alignment horizontal="left" vertical="top" wrapText="1"/>
    </xf>
    <xf numFmtId="178" fontId="3" fillId="5" borderId="12" xfId="3" applyNumberFormat="1" applyFont="1" applyFill="1" applyBorder="1" applyAlignment="1" applyProtection="1">
      <alignment horizontal="left" vertical="top" wrapText="1"/>
    </xf>
    <xf numFmtId="178" fontId="3" fillId="5" borderId="7" xfId="3" applyNumberFormat="1" applyFont="1" applyFill="1" applyBorder="1" applyAlignment="1" applyProtection="1">
      <alignment horizontal="left" vertical="top" wrapText="1"/>
    </xf>
    <xf numFmtId="178" fontId="3" fillId="5" borderId="9" xfId="3" applyNumberFormat="1" applyFont="1" applyFill="1" applyBorder="1" applyAlignment="1" applyProtection="1">
      <alignment horizontal="left" vertical="top" wrapText="1"/>
    </xf>
    <xf numFmtId="178" fontId="3" fillId="5" borderId="11" xfId="3" applyNumberFormat="1" applyFont="1" applyFill="1" applyBorder="1" applyAlignment="1" applyProtection="1">
      <alignment horizontal="left" vertical="top" wrapText="1"/>
    </xf>
    <xf numFmtId="178" fontId="3" fillId="5" borderId="15" xfId="3" applyNumberFormat="1" applyFont="1" applyFill="1" applyBorder="1" applyAlignment="1" applyProtection="1">
      <alignment horizontal="left" vertical="top" wrapText="1"/>
    </xf>
    <xf numFmtId="178" fontId="3" fillId="5" borderId="5" xfId="3" applyNumberFormat="1" applyFont="1" applyFill="1" applyBorder="1" applyAlignment="1" applyProtection="1">
      <alignment horizontal="left" vertical="top" wrapText="1"/>
    </xf>
    <xf numFmtId="0" fontId="10" fillId="5" borderId="15" xfId="0" applyFont="1" applyFill="1" applyBorder="1" applyAlignment="1" applyProtection="1">
      <alignment horizontal="left" vertical="top" wrapText="1"/>
    </xf>
    <xf numFmtId="0" fontId="10" fillId="5" borderId="5" xfId="0" applyFont="1" applyFill="1" applyBorder="1" applyAlignment="1" applyProtection="1">
      <alignment horizontal="left" vertical="top" wrapText="1"/>
    </xf>
    <xf numFmtId="0" fontId="3" fillId="4" borderId="5" xfId="3" applyFont="1" applyFill="1" applyBorder="1" applyAlignment="1" applyProtection="1">
      <alignment horizontal="center" vertical="center" wrapText="1"/>
    </xf>
    <xf numFmtId="0" fontId="3" fillId="4" borderId="1" xfId="3" applyFont="1" applyFill="1" applyBorder="1" applyAlignment="1" applyProtection="1">
      <alignment horizontal="center" vertical="center" wrapText="1"/>
    </xf>
    <xf numFmtId="0" fontId="3" fillId="4" borderId="11" xfId="3" applyFont="1" applyFill="1" applyBorder="1" applyAlignment="1" applyProtection="1">
      <alignment horizontal="center" vertical="center" wrapText="1"/>
    </xf>
    <xf numFmtId="0" fontId="0" fillId="0" borderId="8" xfId="0" applyBorder="1" applyAlignment="1" applyProtection="1">
      <alignment horizontal="left" vertical="center" wrapText="1"/>
    </xf>
    <xf numFmtId="0" fontId="0" fillId="0" borderId="7" xfId="0" applyBorder="1" applyAlignment="1" applyProtection="1">
      <alignment horizontal="left" vertical="center" wrapText="1"/>
    </xf>
    <xf numFmtId="0" fontId="0" fillId="0" borderId="14" xfId="0" applyBorder="1" applyAlignment="1" applyProtection="1">
      <alignment horizontal="left" vertical="center" wrapText="1"/>
    </xf>
    <xf numFmtId="0" fontId="0" fillId="0" borderId="9" xfId="0" applyBorder="1" applyAlignment="1" applyProtection="1">
      <alignment horizontal="left" vertical="center" wrapText="1"/>
    </xf>
    <xf numFmtId="0" fontId="0" fillId="0" borderId="10" xfId="0" applyBorder="1" applyAlignment="1" applyProtection="1">
      <alignment horizontal="left" vertical="center" wrapText="1"/>
    </xf>
    <xf numFmtId="0" fontId="8" fillId="5" borderId="5" xfId="3" applyFont="1" applyFill="1" applyBorder="1" applyAlignment="1" applyProtection="1">
      <alignment horizontal="left" vertical="top" wrapText="1"/>
    </xf>
    <xf numFmtId="0" fontId="3" fillId="4" borderId="5" xfId="3" applyFont="1" applyFill="1" applyBorder="1" applyAlignment="1" applyProtection="1">
      <alignment horizontal="left" vertical="center" wrapText="1"/>
    </xf>
    <xf numFmtId="0" fontId="0" fillId="0" borderId="5" xfId="0" applyBorder="1" applyAlignment="1" applyProtection="1">
      <alignment horizontal="left" vertical="center" wrapText="1"/>
    </xf>
    <xf numFmtId="0" fontId="8" fillId="5" borderId="15" xfId="3" applyFont="1" applyFill="1" applyBorder="1" applyAlignment="1" applyProtection="1">
      <alignment horizontal="left" vertical="top" wrapText="1"/>
    </xf>
    <xf numFmtId="0" fontId="1" fillId="4" borderId="5" xfId="3" applyFont="1" applyFill="1" applyBorder="1" applyAlignment="1" applyProtection="1">
      <alignment horizontal="center" vertical="center" textRotation="255" wrapText="1"/>
    </xf>
    <xf numFmtId="0" fontId="1" fillId="4" borderId="1" xfId="3" applyFont="1" applyFill="1" applyBorder="1" applyAlignment="1" applyProtection="1">
      <alignment horizontal="center" vertical="center" textRotation="255" wrapText="1"/>
    </xf>
    <xf numFmtId="0" fontId="1" fillId="4" borderId="11" xfId="3" applyFont="1" applyFill="1" applyBorder="1" applyAlignment="1" applyProtection="1">
      <alignment horizontal="center" vertical="center" textRotation="255" wrapText="1"/>
    </xf>
    <xf numFmtId="0" fontId="1" fillId="4" borderId="1" xfId="3" applyFont="1" applyFill="1" applyBorder="1" applyAlignment="1" applyProtection="1">
      <alignment horizontal="left" vertical="center" wrapText="1"/>
    </xf>
    <xf numFmtId="0" fontId="8" fillId="4" borderId="7" xfId="3" applyFont="1" applyFill="1" applyBorder="1" applyAlignment="1" applyProtection="1">
      <alignment horizontal="left" vertical="center" wrapText="1"/>
    </xf>
    <xf numFmtId="0" fontId="8" fillId="4" borderId="0" xfId="3" applyFont="1" applyFill="1" applyAlignment="1" applyProtection="1">
      <alignment horizontal="left" vertical="center" wrapText="1"/>
    </xf>
    <xf numFmtId="0" fontId="8" fillId="4" borderId="14" xfId="3" applyFont="1" applyFill="1" applyBorder="1" applyAlignment="1" applyProtection="1">
      <alignment horizontal="left" vertical="center" wrapText="1"/>
    </xf>
    <xf numFmtId="0" fontId="8" fillId="4" borderId="9" xfId="3" applyFont="1" applyFill="1" applyBorder="1" applyAlignment="1" applyProtection="1">
      <alignment horizontal="left" vertical="center" wrapText="1"/>
    </xf>
    <xf numFmtId="0" fontId="8" fillId="4" borderId="6" xfId="3" applyFont="1" applyFill="1" applyBorder="1" applyAlignment="1" applyProtection="1">
      <alignment horizontal="left" vertical="center" wrapText="1"/>
    </xf>
    <xf numFmtId="0" fontId="8" fillId="4" borderId="10" xfId="3" applyFont="1" applyFill="1" applyBorder="1" applyAlignment="1" applyProtection="1">
      <alignment horizontal="left" vertical="center" wrapText="1"/>
    </xf>
    <xf numFmtId="0" fontId="3" fillId="4" borderId="1" xfId="3" applyFont="1" applyFill="1" applyBorder="1" applyAlignment="1" applyProtection="1">
      <alignment horizontal="center" vertical="center" textRotation="255" wrapText="1"/>
    </xf>
    <xf numFmtId="0" fontId="3" fillId="0" borderId="1" xfId="0" applyFont="1" applyBorder="1" applyAlignment="1" applyProtection="1">
      <alignment horizontal="center" vertical="center" textRotation="255" wrapText="1"/>
    </xf>
    <xf numFmtId="0" fontId="1" fillId="4" borderId="12" xfId="3" applyFont="1" applyFill="1" applyBorder="1" applyAlignment="1" applyProtection="1">
      <alignment horizontal="left" vertical="center" shrinkToFit="1"/>
    </xf>
    <xf numFmtId="0" fontId="1" fillId="4" borderId="13" xfId="3" applyFont="1" applyFill="1" applyBorder="1" applyAlignment="1" applyProtection="1">
      <alignment horizontal="left" vertical="center" shrinkToFit="1"/>
    </xf>
    <xf numFmtId="0" fontId="1" fillId="4" borderId="8" xfId="3" applyFont="1" applyFill="1" applyBorder="1" applyAlignment="1" applyProtection="1">
      <alignment horizontal="left" vertical="center" shrinkToFit="1"/>
    </xf>
    <xf numFmtId="0" fontId="1" fillId="4" borderId="2" xfId="3" applyFont="1" applyFill="1" applyBorder="1" applyAlignment="1" applyProtection="1">
      <alignment horizontal="left" vertical="center" wrapText="1"/>
    </xf>
    <xf numFmtId="0" fontId="1" fillId="4" borderId="3" xfId="3" applyFont="1" applyFill="1" applyBorder="1" applyAlignment="1" applyProtection="1">
      <alignment horizontal="left" vertical="center" wrapText="1"/>
    </xf>
    <xf numFmtId="0" fontId="1" fillId="4" borderId="4" xfId="3" applyFont="1" applyFill="1" applyBorder="1" applyAlignment="1" applyProtection="1">
      <alignment horizontal="left" vertical="center" wrapText="1"/>
    </xf>
    <xf numFmtId="0" fontId="0" fillId="0" borderId="1" xfId="0" applyBorder="1" applyAlignment="1" applyProtection="1">
      <alignment horizontal="center" vertical="center" wrapText="1"/>
    </xf>
    <xf numFmtId="0" fontId="10" fillId="0" borderId="15" xfId="0" applyFont="1" applyBorder="1" applyAlignment="1" applyProtection="1">
      <alignment horizontal="left" vertical="top" wrapText="1"/>
    </xf>
    <xf numFmtId="0" fontId="10" fillId="0" borderId="5" xfId="0" applyFont="1" applyBorder="1" applyAlignment="1" applyProtection="1">
      <alignment horizontal="left" vertical="top" wrapText="1"/>
    </xf>
    <xf numFmtId="0" fontId="1" fillId="4" borderId="7" xfId="3" applyFont="1" applyFill="1" applyBorder="1" applyAlignment="1" applyProtection="1">
      <alignment horizontal="left" vertical="center" wrapText="1"/>
    </xf>
    <xf numFmtId="0" fontId="1" fillId="4" borderId="0" xfId="3" applyFont="1" applyFill="1" applyAlignment="1" applyProtection="1">
      <alignment horizontal="left" vertical="center" wrapText="1"/>
    </xf>
    <xf numFmtId="0" fontId="1" fillId="4" borderId="14" xfId="3" applyFont="1" applyFill="1" applyBorder="1" applyAlignment="1" applyProtection="1">
      <alignment horizontal="left" vertical="center" wrapText="1"/>
    </xf>
    <xf numFmtId="0" fontId="3" fillId="4" borderId="11" xfId="3" applyFont="1" applyFill="1" applyBorder="1" applyAlignment="1" applyProtection="1">
      <alignment horizontal="left" vertical="center" wrapText="1"/>
    </xf>
    <xf numFmtId="0" fontId="0" fillId="0" borderId="15" xfId="0" applyBorder="1" applyAlignment="1" applyProtection="1">
      <alignment horizontal="left" vertical="center" wrapText="1"/>
    </xf>
    <xf numFmtId="0" fontId="3" fillId="2" borderId="6" xfId="3" applyFont="1" applyFill="1" applyBorder="1" applyAlignment="1" applyProtection="1">
      <alignment horizontal="left" vertical="center" wrapText="1"/>
    </xf>
    <xf numFmtId="0" fontId="1" fillId="0" borderId="6" xfId="0" applyFont="1" applyBorder="1" applyAlignment="1" applyProtection="1">
      <alignment horizontal="left" vertical="center"/>
    </xf>
    <xf numFmtId="0" fontId="3" fillId="4" borderId="2" xfId="3" applyFont="1" applyFill="1" applyBorder="1" applyAlignment="1" applyProtection="1">
      <alignment horizontal="left" vertical="center"/>
    </xf>
    <xf numFmtId="0" fontId="3" fillId="4" borderId="3" xfId="3" applyFont="1" applyFill="1" applyBorder="1" applyAlignment="1" applyProtection="1">
      <alignment horizontal="left" vertical="center"/>
    </xf>
    <xf numFmtId="0" fontId="3" fillId="4" borderId="4" xfId="3" applyFont="1" applyFill="1" applyBorder="1" applyAlignment="1" applyProtection="1">
      <alignment horizontal="left" vertical="center"/>
    </xf>
    <xf numFmtId="0" fontId="3" fillId="2" borderId="0" xfId="3" applyFont="1" applyFill="1" applyAlignment="1" applyProtection="1">
      <alignment horizontal="left" vertical="center"/>
    </xf>
    <xf numFmtId="0" fontId="1" fillId="0" borderId="0" xfId="0" applyFont="1" applyAlignment="1" applyProtection="1">
      <alignment horizontal="left" vertical="center"/>
    </xf>
    <xf numFmtId="0" fontId="8" fillId="4" borderId="2" xfId="3" applyFont="1" applyFill="1" applyBorder="1" applyAlignment="1" applyProtection="1">
      <alignment vertical="center" wrapText="1"/>
    </xf>
    <xf numFmtId="0" fontId="8" fillId="4" borderId="3" xfId="3" applyFont="1" applyFill="1" applyBorder="1" applyAlignment="1" applyProtection="1">
      <alignment vertical="center" wrapText="1"/>
    </xf>
    <xf numFmtId="0" fontId="8" fillId="4" borderId="4" xfId="3" applyFont="1" applyFill="1" applyBorder="1" applyAlignment="1" applyProtection="1">
      <alignment vertical="center" wrapText="1"/>
    </xf>
    <xf numFmtId="0" fontId="8" fillId="4" borderId="1" xfId="3" applyFont="1" applyFill="1" applyBorder="1" applyAlignment="1" applyProtection="1">
      <alignment horizontal="center" vertical="center"/>
    </xf>
    <xf numFmtId="0" fontId="3" fillId="5" borderId="11" xfId="3" applyFont="1" applyFill="1" applyBorder="1" applyAlignment="1" applyProtection="1">
      <alignment vertical="top" wrapText="1"/>
    </xf>
    <xf numFmtId="0" fontId="3" fillId="5" borderId="15" xfId="3" applyFont="1" applyFill="1" applyBorder="1" applyAlignment="1" applyProtection="1">
      <alignment vertical="top" wrapText="1"/>
    </xf>
    <xf numFmtId="0" fontId="3" fillId="5" borderId="5" xfId="3" applyFont="1" applyFill="1" applyBorder="1" applyAlignment="1" applyProtection="1">
      <alignment vertical="top" wrapText="1"/>
    </xf>
    <xf numFmtId="0" fontId="8" fillId="5" borderId="11" xfId="3" applyFont="1" applyFill="1" applyBorder="1" applyAlignment="1" applyProtection="1">
      <alignment horizontal="center" vertical="top" wrapText="1"/>
    </xf>
    <xf numFmtId="0" fontId="8" fillId="5" borderId="5" xfId="3" applyFont="1" applyFill="1" applyBorder="1" applyAlignment="1" applyProtection="1">
      <alignment horizontal="center" vertical="top" wrapText="1"/>
    </xf>
    <xf numFmtId="0" fontId="8" fillId="3" borderId="12" xfId="3" applyFont="1" applyFill="1" applyBorder="1" applyAlignment="1" applyProtection="1">
      <alignment horizontal="center" vertical="center"/>
    </xf>
    <xf numFmtId="0" fontId="8" fillId="3" borderId="13" xfId="3" applyFont="1" applyFill="1" applyBorder="1" applyAlignment="1" applyProtection="1">
      <alignment horizontal="center" vertical="center"/>
    </xf>
    <xf numFmtId="0" fontId="8" fillId="3" borderId="8" xfId="3" applyFont="1" applyFill="1" applyBorder="1" applyAlignment="1" applyProtection="1">
      <alignment horizontal="center" vertical="center"/>
    </xf>
    <xf numFmtId="0" fontId="8" fillId="4" borderId="2" xfId="3" applyFont="1" applyFill="1" applyBorder="1" applyAlignment="1" applyProtection="1">
      <alignment horizontal="center" vertical="center"/>
    </xf>
    <xf numFmtId="0" fontId="8" fillId="4" borderId="3" xfId="3" applyFont="1" applyFill="1" applyBorder="1" applyAlignment="1" applyProtection="1">
      <alignment horizontal="center" vertical="center"/>
    </xf>
    <xf numFmtId="0" fontId="8" fillId="4" borderId="4" xfId="3" applyFont="1" applyFill="1" applyBorder="1" applyAlignment="1" applyProtection="1">
      <alignment horizontal="center" vertical="center"/>
    </xf>
    <xf numFmtId="0" fontId="8" fillId="4" borderId="9" xfId="3" applyFont="1" applyFill="1" applyBorder="1" applyAlignment="1" applyProtection="1">
      <alignment vertical="center" wrapText="1"/>
    </xf>
    <xf numFmtId="0" fontId="8" fillId="4" borderId="6" xfId="3" applyFont="1" applyFill="1" applyBorder="1" applyAlignment="1" applyProtection="1">
      <alignment vertical="center" wrapText="1"/>
    </xf>
    <xf numFmtId="0" fontId="8" fillId="4" borderId="1" xfId="3" applyFont="1" applyFill="1" applyBorder="1" applyAlignment="1" applyProtection="1">
      <alignment horizontal="center" vertical="center" wrapText="1"/>
    </xf>
    <xf numFmtId="0" fontId="1" fillId="6" borderId="2" xfId="3" applyFont="1" applyFill="1" applyBorder="1" applyAlignment="1" applyProtection="1">
      <alignment horizontal="center" vertical="center"/>
    </xf>
    <xf numFmtId="0" fontId="1" fillId="6" borderId="4" xfId="3" applyFont="1" applyFill="1" applyBorder="1" applyAlignment="1" applyProtection="1">
      <alignment horizontal="center" vertical="center"/>
    </xf>
    <xf numFmtId="176" fontId="10" fillId="0" borderId="2" xfId="3" applyNumberFormat="1" applyFont="1" applyFill="1" applyBorder="1" applyAlignment="1" applyProtection="1">
      <alignment horizontal="right" vertical="center" shrinkToFit="1"/>
    </xf>
    <xf numFmtId="0" fontId="22" fillId="0" borderId="4" xfId="3" applyFont="1" applyFill="1" applyBorder="1" applyAlignment="1" applyProtection="1">
      <alignment horizontal="center" vertical="center" shrinkToFit="1"/>
    </xf>
    <xf numFmtId="176" fontId="10" fillId="0" borderId="1" xfId="3" applyNumberFormat="1" applyFont="1" applyFill="1" applyBorder="1" applyAlignment="1" applyProtection="1">
      <alignment horizontal="right" vertical="center" shrinkToFit="1"/>
    </xf>
    <xf numFmtId="176" fontId="10" fillId="0" borderId="5" xfId="3" applyNumberFormat="1" applyFont="1" applyFill="1" applyBorder="1" applyAlignment="1" applyProtection="1">
      <alignment horizontal="right" vertical="center" shrinkToFit="1"/>
    </xf>
  </cellXfs>
  <cellStyles count="4">
    <cellStyle name="ハイパーリンク" xfId="1" builtinId="8"/>
    <cellStyle name="標準" xfId="0" builtinId="0"/>
    <cellStyle name="標準 2" xfId="2"/>
    <cellStyle name="標準 2 2" xfId="3"/>
  </cellStyles>
  <dxfs count="12167">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bottom style="thin">
          <color auto="1"/>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bottom/>
        <vertical/>
        <horizontal/>
      </border>
    </dxf>
    <dxf>
      <fill>
        <patternFill>
          <bgColor theme="0" tint="-0.24994659260841701"/>
        </patternFill>
      </fill>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fill>
        <patternFill>
          <bgColor theme="0" tint="-0.24994659260841701"/>
        </patternFill>
      </fill>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border>
        <left style="thin">
          <color auto="1"/>
        </left>
        <right style="thin">
          <color auto="1"/>
        </right>
        <top/>
        <bottom style="thin">
          <color auto="1"/>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bottom/>
        <vertical/>
        <horizontal/>
      </border>
    </dxf>
    <dxf>
      <border>
        <left style="thin">
          <color auto="1"/>
        </left>
        <right style="thin">
          <color auto="1"/>
        </right>
        <top style="thin">
          <color auto="1"/>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font>
        <color theme="0"/>
      </font>
      <fill>
        <patternFill>
          <bgColor theme="0"/>
        </patternFill>
      </fill>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border>
        <left style="thin">
          <color auto="1"/>
        </left>
        <right/>
        <top/>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right/>
        <top/>
        <bottom/>
        <vertical/>
        <horizontal/>
      </border>
    </dxf>
    <dxf>
      <border>
        <left style="thin">
          <color auto="1"/>
        </left>
        <right style="thin">
          <color auto="1"/>
        </right>
        <top style="thin">
          <color auto="1"/>
        </top>
        <bottom style="thin">
          <color auto="1"/>
        </bottom>
        <vertical/>
        <horizontal/>
      </border>
    </dxf>
    <dxf>
      <font>
        <color theme="0"/>
      </font>
      <fill>
        <patternFill>
          <bgColor theme="0"/>
        </patternFill>
      </fill>
      <border>
        <left style="thin">
          <color auto="1"/>
        </left>
        <right/>
        <top/>
        <bottom/>
        <vertical/>
        <horizontal/>
      </border>
    </dxf>
    <dxf>
      <border>
        <left style="thin">
          <color auto="1"/>
        </left>
        <right style="thin">
          <color auto="1"/>
        </right>
        <top style="thin">
          <color auto="1"/>
        </top>
        <bottom style="thin">
          <color auto="1"/>
        </bottom>
        <vertical/>
        <horizontal/>
      </border>
    </dxf>
  </dxfs>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2.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XFD742"/>
  <sheetViews>
    <sheetView showGridLines="0" tabSelected="1" topLeftCell="B91" zoomScale="70" zoomScaleNormal="70" workbookViewId="0">
      <selection activeCell="T104" sqref="T104"/>
    </sheetView>
  </sheetViews>
  <sheetFormatPr defaultColWidth="9" defaultRowHeight="17.25"/>
  <cols>
    <col min="1" max="1" width="33.875" style="188"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23" width="9" style="8" customWidth="1"/>
    <col min="24" max="16384" width="9" style="8"/>
  </cols>
  <sheetData>
    <row r="1" spans="1:72">
      <c r="A1" s="178"/>
      <c r="B1" s="1"/>
      <c r="I1" s="9"/>
    </row>
    <row r="2" spans="1:72" ht="18.75">
      <c r="A2" s="178"/>
      <c r="B2" s="204" t="s">
        <v>0</v>
      </c>
      <c r="C2" s="173"/>
      <c r="D2" s="173"/>
      <c r="E2" s="173"/>
      <c r="F2" s="173"/>
      <c r="G2" s="173"/>
      <c r="H2" s="9"/>
    </row>
    <row r="3" spans="1:72">
      <c r="A3" s="178"/>
      <c r="B3" s="205" t="s">
        <v>1</v>
      </c>
      <c r="C3" s="174"/>
      <c r="D3" s="174"/>
      <c r="E3" s="174"/>
      <c r="F3" s="174"/>
      <c r="G3" s="174"/>
      <c r="H3" s="10"/>
      <c r="I3" s="10"/>
    </row>
    <row r="4" spans="1:72">
      <c r="A4" s="178"/>
      <c r="B4" s="277"/>
      <c r="C4" s="311"/>
      <c r="D4" s="311"/>
      <c r="E4" s="11"/>
      <c r="F4" s="11"/>
      <c r="G4" s="11"/>
      <c r="H4" s="12"/>
      <c r="I4" s="12"/>
    </row>
    <row r="5" spans="1:72">
      <c r="A5" s="178"/>
      <c r="B5" s="226"/>
      <c r="C5" s="227"/>
      <c r="D5" s="227"/>
      <c r="E5" s="11"/>
      <c r="F5" s="11"/>
      <c r="G5" s="11"/>
      <c r="H5" s="12"/>
      <c r="I5" s="12"/>
    </row>
    <row r="6" spans="1:72">
      <c r="A6" s="178"/>
      <c r="B6" s="226"/>
      <c r="C6" s="227"/>
      <c r="D6" s="227"/>
      <c r="E6" s="11"/>
      <c r="F6" s="11"/>
      <c r="G6" s="11"/>
      <c r="H6" s="12"/>
      <c r="I6" s="12"/>
    </row>
    <row r="7" spans="1:72">
      <c r="A7" s="178"/>
      <c r="B7" s="14" t="s">
        <v>2</v>
      </c>
    </row>
    <row r="8" spans="1:72">
      <c r="A8" s="178"/>
      <c r="B8" s="14"/>
    </row>
    <row r="9" spans="1:72" s="17" customFormat="1">
      <c r="A9" s="178"/>
      <c r="B9" s="18"/>
      <c r="C9" s="15"/>
      <c r="D9" s="15"/>
      <c r="E9" s="15"/>
      <c r="F9" s="15"/>
      <c r="G9" s="15"/>
      <c r="H9" s="16"/>
      <c r="I9" s="312" t="s">
        <v>3</v>
      </c>
      <c r="J9" s="312"/>
      <c r="K9" s="312"/>
      <c r="L9" s="228" t="s">
        <v>4</v>
      </c>
      <c r="M9" s="245" t="s">
        <v>5</v>
      </c>
      <c r="N9" s="245" t="s">
        <v>6</v>
      </c>
      <c r="O9" s="251" t="s">
        <v>7</v>
      </c>
      <c r="P9" s="251" t="s">
        <v>8</v>
      </c>
      <c r="Q9" s="251" t="s">
        <v>9</v>
      </c>
      <c r="R9" s="251"/>
      <c r="S9" s="251"/>
      <c r="T9" s="251"/>
      <c r="U9" s="251"/>
      <c r="V9" s="251"/>
      <c r="W9" s="251"/>
      <c r="X9" s="251"/>
      <c r="Y9" s="251"/>
      <c r="Z9" s="251"/>
      <c r="AA9" s="251"/>
      <c r="AB9" s="251"/>
      <c r="AC9" s="251"/>
      <c r="AD9" s="251"/>
      <c r="AE9" s="251"/>
      <c r="AF9" s="251"/>
      <c r="AG9" s="251"/>
      <c r="AH9" s="251"/>
      <c r="AI9" s="251"/>
      <c r="AJ9" s="251"/>
      <c r="AK9" s="251"/>
      <c r="AL9" s="251"/>
      <c r="AM9" s="251"/>
      <c r="AN9" s="251"/>
      <c r="AO9" s="251"/>
      <c r="AP9" s="251"/>
      <c r="AQ9" s="251"/>
      <c r="AR9" s="251"/>
      <c r="AS9" s="251"/>
      <c r="AT9" s="251"/>
      <c r="AU9" s="251"/>
      <c r="AV9" s="251"/>
      <c r="AW9" s="251"/>
      <c r="AX9" s="251"/>
      <c r="AY9" s="251"/>
      <c r="AZ9" s="251"/>
      <c r="BA9" s="251"/>
      <c r="BB9" s="251"/>
      <c r="BC9" s="251"/>
      <c r="BD9" s="251"/>
      <c r="BE9" s="251"/>
      <c r="BF9" s="251"/>
      <c r="BG9" s="251"/>
      <c r="BH9" s="251"/>
      <c r="BI9" s="251"/>
      <c r="BJ9" s="251"/>
      <c r="BK9" s="251"/>
      <c r="BL9" s="251"/>
      <c r="BM9" s="251"/>
      <c r="BN9" s="251"/>
      <c r="BO9" s="251"/>
      <c r="BP9" s="251"/>
      <c r="BQ9" s="251"/>
      <c r="BR9" s="251"/>
      <c r="BS9" s="251"/>
      <c r="BT9" s="8"/>
    </row>
    <row r="10" spans="1:72" s="17" customFormat="1" ht="34.5" customHeight="1">
      <c r="A10" s="179" t="s">
        <v>10</v>
      </c>
      <c r="B10" s="13"/>
      <c r="C10" s="15"/>
      <c r="D10" s="15"/>
      <c r="E10" s="15"/>
      <c r="F10" s="15"/>
      <c r="G10" s="15"/>
      <c r="H10" s="16"/>
      <c r="I10" s="307" t="s">
        <v>11</v>
      </c>
      <c r="J10" s="307"/>
      <c r="K10" s="307"/>
      <c r="L10" s="20" t="s">
        <v>12</v>
      </c>
      <c r="M10" s="20" t="s">
        <v>13</v>
      </c>
      <c r="N10" s="20" t="s">
        <v>12</v>
      </c>
      <c r="O10" s="20" t="s">
        <v>12</v>
      </c>
      <c r="P10" s="20" t="s">
        <v>13</v>
      </c>
      <c r="Q10" s="20" t="s">
        <v>14</v>
      </c>
      <c r="R10" s="20"/>
      <c r="S10" s="20"/>
      <c r="T10" s="20"/>
      <c r="U10" s="20"/>
      <c r="V10" s="20"/>
      <c r="W10" s="20"/>
      <c r="X10" s="20"/>
      <c r="Y10" s="20"/>
      <c r="Z10" s="20"/>
      <c r="AA10" s="20"/>
      <c r="AB10" s="20"/>
      <c r="AC10" s="20"/>
      <c r="AD10" s="20"/>
      <c r="AE10" s="20"/>
      <c r="AF10" s="20"/>
      <c r="AG10" s="20"/>
      <c r="AH10" s="20"/>
      <c r="AI10" s="20"/>
      <c r="AJ10" s="20"/>
      <c r="AK10" s="20"/>
      <c r="AL10" s="20"/>
      <c r="AM10" s="20"/>
      <c r="AN10" s="20"/>
      <c r="AO10" s="20"/>
      <c r="AP10" s="20"/>
      <c r="AQ10" s="20"/>
      <c r="AR10" s="20"/>
      <c r="AS10" s="20"/>
      <c r="AT10" s="20"/>
      <c r="AU10" s="20"/>
      <c r="AV10" s="20"/>
      <c r="AW10" s="20"/>
      <c r="AX10" s="20"/>
      <c r="AY10" s="20"/>
      <c r="AZ10" s="20"/>
      <c r="BA10" s="20"/>
      <c r="BB10" s="20"/>
      <c r="BC10" s="20"/>
      <c r="BD10" s="20"/>
      <c r="BE10" s="20"/>
      <c r="BF10" s="20"/>
      <c r="BG10" s="20"/>
      <c r="BH10" s="20"/>
      <c r="BI10" s="20"/>
      <c r="BJ10" s="20"/>
      <c r="BK10" s="20"/>
      <c r="BL10" s="20"/>
      <c r="BM10" s="20"/>
      <c r="BN10" s="20"/>
      <c r="BO10" s="20"/>
      <c r="BP10" s="20"/>
      <c r="BQ10" s="20"/>
      <c r="BR10" s="20"/>
      <c r="BS10" s="20"/>
    </row>
    <row r="11" spans="1:72" s="17" customFormat="1" ht="34.5" customHeight="1">
      <c r="A11" s="179" t="s">
        <v>10</v>
      </c>
      <c r="B11" s="19"/>
      <c r="C11" s="15"/>
      <c r="D11" s="15"/>
      <c r="E11" s="15"/>
      <c r="F11" s="15"/>
      <c r="G11" s="15"/>
      <c r="H11" s="16"/>
      <c r="I11" s="307" t="s">
        <v>15</v>
      </c>
      <c r="J11" s="307"/>
      <c r="K11" s="307"/>
      <c r="L11" s="20" t="s">
        <v>16</v>
      </c>
      <c r="M11" s="20" t="s">
        <v>17</v>
      </c>
      <c r="N11" s="20" t="s">
        <v>16</v>
      </c>
      <c r="O11" s="20" t="s">
        <v>16</v>
      </c>
      <c r="P11" s="20" t="s">
        <v>17</v>
      </c>
      <c r="Q11" s="20" t="s">
        <v>16</v>
      </c>
      <c r="R11" s="20"/>
      <c r="S11" s="20"/>
      <c r="T11" s="20"/>
      <c r="U11" s="20"/>
      <c r="V11" s="20"/>
      <c r="W11" s="20"/>
      <c r="X11" s="20"/>
      <c r="Y11" s="20"/>
      <c r="Z11" s="20"/>
      <c r="AA11" s="20"/>
      <c r="AB11" s="20"/>
      <c r="AC11" s="20"/>
      <c r="AD11" s="20"/>
      <c r="AE11" s="20"/>
      <c r="AF11" s="20"/>
      <c r="AG11" s="20"/>
      <c r="AH11" s="20"/>
      <c r="AI11" s="20"/>
      <c r="AJ11" s="20"/>
      <c r="AK11" s="20"/>
      <c r="AL11" s="20"/>
      <c r="AM11" s="20"/>
      <c r="AN11" s="20"/>
      <c r="AO11" s="20"/>
      <c r="AP11" s="20"/>
      <c r="AQ11" s="20"/>
      <c r="AR11" s="20"/>
      <c r="AS11" s="20"/>
      <c r="AT11" s="20"/>
      <c r="AU11" s="20"/>
      <c r="AV11" s="20"/>
      <c r="AW11" s="20"/>
      <c r="AX11" s="20"/>
      <c r="AY11" s="20"/>
      <c r="AZ11" s="20"/>
      <c r="BA11" s="20"/>
      <c r="BB11" s="20"/>
      <c r="BC11" s="20"/>
      <c r="BD11" s="20"/>
      <c r="BE11" s="20"/>
      <c r="BF11" s="20"/>
      <c r="BG11" s="20"/>
      <c r="BH11" s="20"/>
      <c r="BI11" s="20"/>
      <c r="BJ11" s="20"/>
      <c r="BK11" s="20"/>
      <c r="BL11" s="20"/>
      <c r="BM11" s="20"/>
      <c r="BN11" s="20"/>
      <c r="BO11" s="20"/>
      <c r="BP11" s="20"/>
      <c r="BQ11" s="20"/>
      <c r="BR11" s="20"/>
      <c r="BS11" s="20"/>
    </row>
    <row r="12" spans="1:72">
      <c r="A12" s="178"/>
      <c r="B12" s="14"/>
    </row>
    <row r="13" spans="1:72">
      <c r="A13" s="178"/>
      <c r="B13" s="13"/>
    </row>
    <row r="14" spans="1:72" s="17" customFormat="1">
      <c r="A14" s="178"/>
      <c r="B14" s="14" t="s">
        <v>18</v>
      </c>
      <c r="C14" s="15"/>
      <c r="D14" s="15"/>
      <c r="E14" s="15"/>
      <c r="F14" s="15"/>
      <c r="G14" s="15"/>
      <c r="H14" s="16"/>
      <c r="I14" s="16"/>
      <c r="J14" s="5"/>
      <c r="K14" s="6"/>
      <c r="L14" s="5"/>
      <c r="M14" s="5"/>
      <c r="N14" s="7"/>
      <c r="O14" s="7"/>
      <c r="P14" s="7"/>
      <c r="Q14" s="7"/>
      <c r="R14" s="7"/>
      <c r="S14" s="7"/>
      <c r="T14" s="7"/>
      <c r="U14" s="7"/>
      <c r="V14" s="7"/>
      <c r="W14" s="8"/>
    </row>
    <row r="15" spans="1:72" s="17" customFormat="1">
      <c r="A15" s="178"/>
      <c r="B15" s="14"/>
      <c r="C15" s="14"/>
      <c r="D15" s="14"/>
      <c r="E15" s="14"/>
      <c r="F15" s="14"/>
      <c r="G15" s="14"/>
      <c r="H15" s="10"/>
      <c r="I15" s="10"/>
      <c r="J15" s="5"/>
      <c r="K15" s="6"/>
      <c r="L15" s="175"/>
      <c r="M15" s="175"/>
      <c r="N15" s="175"/>
      <c r="O15" s="175"/>
      <c r="P15" s="175"/>
      <c r="Q15" s="175"/>
      <c r="R15" s="7"/>
      <c r="S15" s="7"/>
      <c r="T15" s="7"/>
      <c r="U15" s="7"/>
      <c r="V15" s="7"/>
      <c r="W15" s="8"/>
    </row>
    <row r="16" spans="1:72" s="17" customFormat="1">
      <c r="A16" s="178"/>
      <c r="B16" s="18"/>
      <c r="C16" s="15"/>
      <c r="D16" s="15"/>
      <c r="E16" s="15"/>
      <c r="F16" s="15"/>
      <c r="G16" s="15"/>
      <c r="H16" s="16"/>
      <c r="I16" s="312" t="s">
        <v>19</v>
      </c>
      <c r="J16" s="312"/>
      <c r="K16" s="312"/>
      <c r="L16" s="247" t="str">
        <f>IF(ISBLANK(L$9),"",L$9)</f>
        <v>4階病棟</v>
      </c>
      <c r="M16" s="252" t="str">
        <f>IF(ISBLANK(M$9),"",M$9)</f>
        <v>回復期リハビリテーション病棟</v>
      </c>
      <c r="N16" s="252" t="str">
        <f t="shared" ref="N16:BS16" si="0">IF(ISBLANK(N$9),"",N$9)</f>
        <v>地域包括ケア病棟</v>
      </c>
      <c r="O16" s="252" t="str">
        <f t="shared" si="0"/>
        <v>地域包括ケア病棟サテライト</v>
      </c>
      <c r="P16" s="252" t="str">
        <f t="shared" si="0"/>
        <v>特殊疾患病棟</v>
      </c>
      <c r="Q16" s="252" t="str">
        <f t="shared" si="0"/>
        <v>療養病棟2階</v>
      </c>
      <c r="R16" s="252" t="str">
        <f t="shared" si="0"/>
        <v/>
      </c>
      <c r="S16" s="252" t="str">
        <f t="shared" si="0"/>
        <v/>
      </c>
      <c r="T16" s="252" t="str">
        <f t="shared" si="0"/>
        <v/>
      </c>
      <c r="U16" s="252" t="str">
        <f t="shared" si="0"/>
        <v/>
      </c>
      <c r="V16" s="252" t="str">
        <f t="shared" si="0"/>
        <v/>
      </c>
      <c r="W16" s="252" t="str">
        <f t="shared" si="0"/>
        <v/>
      </c>
      <c r="X16" s="252" t="str">
        <f t="shared" si="0"/>
        <v/>
      </c>
      <c r="Y16" s="252" t="str">
        <f t="shared" si="0"/>
        <v/>
      </c>
      <c r="Z16" s="252" t="str">
        <f t="shared" si="0"/>
        <v/>
      </c>
      <c r="AA16" s="252" t="str">
        <f t="shared" si="0"/>
        <v/>
      </c>
      <c r="AB16" s="252" t="str">
        <f t="shared" si="0"/>
        <v/>
      </c>
      <c r="AC16" s="252" t="str">
        <f t="shared" si="0"/>
        <v/>
      </c>
      <c r="AD16" s="252" t="str">
        <f t="shared" si="0"/>
        <v/>
      </c>
      <c r="AE16" s="252" t="str">
        <f t="shared" si="0"/>
        <v/>
      </c>
      <c r="AF16" s="252" t="str">
        <f t="shared" si="0"/>
        <v/>
      </c>
      <c r="AG16" s="252" t="str">
        <f t="shared" si="0"/>
        <v/>
      </c>
      <c r="AH16" s="252" t="str">
        <f t="shared" si="0"/>
        <v/>
      </c>
      <c r="AI16" s="252" t="str">
        <f t="shared" si="0"/>
        <v/>
      </c>
      <c r="AJ16" s="252" t="str">
        <f t="shared" si="0"/>
        <v/>
      </c>
      <c r="AK16" s="252" t="str">
        <f t="shared" si="0"/>
        <v/>
      </c>
      <c r="AL16" s="252" t="str">
        <f t="shared" si="0"/>
        <v/>
      </c>
      <c r="AM16" s="252" t="str">
        <f t="shared" si="0"/>
        <v/>
      </c>
      <c r="AN16" s="252" t="str">
        <f t="shared" si="0"/>
        <v/>
      </c>
      <c r="AO16" s="252" t="str">
        <f t="shared" si="0"/>
        <v/>
      </c>
      <c r="AP16" s="252" t="str">
        <f t="shared" si="0"/>
        <v/>
      </c>
      <c r="AQ16" s="252" t="str">
        <f t="shared" si="0"/>
        <v/>
      </c>
      <c r="AR16" s="252" t="str">
        <f t="shared" si="0"/>
        <v/>
      </c>
      <c r="AS16" s="252" t="str">
        <f t="shared" si="0"/>
        <v/>
      </c>
      <c r="AT16" s="252" t="str">
        <f t="shared" si="0"/>
        <v/>
      </c>
      <c r="AU16" s="252" t="str">
        <f t="shared" si="0"/>
        <v/>
      </c>
      <c r="AV16" s="252" t="str">
        <f t="shared" si="0"/>
        <v/>
      </c>
      <c r="AW16" s="252" t="str">
        <f t="shared" si="0"/>
        <v/>
      </c>
      <c r="AX16" s="252" t="str">
        <f t="shared" si="0"/>
        <v/>
      </c>
      <c r="AY16" s="252" t="str">
        <f t="shared" si="0"/>
        <v/>
      </c>
      <c r="AZ16" s="252" t="str">
        <f t="shared" si="0"/>
        <v/>
      </c>
      <c r="BA16" s="252" t="str">
        <f t="shared" si="0"/>
        <v/>
      </c>
      <c r="BB16" s="252" t="str">
        <f t="shared" si="0"/>
        <v/>
      </c>
      <c r="BC16" s="252" t="str">
        <f t="shared" si="0"/>
        <v/>
      </c>
      <c r="BD16" s="252" t="str">
        <f t="shared" si="0"/>
        <v/>
      </c>
      <c r="BE16" s="252" t="str">
        <f t="shared" si="0"/>
        <v/>
      </c>
      <c r="BF16" s="252" t="str">
        <f t="shared" si="0"/>
        <v/>
      </c>
      <c r="BG16" s="252" t="str">
        <f t="shared" si="0"/>
        <v/>
      </c>
      <c r="BH16" s="252" t="str">
        <f t="shared" si="0"/>
        <v/>
      </c>
      <c r="BI16" s="252" t="str">
        <f t="shared" si="0"/>
        <v/>
      </c>
      <c r="BJ16" s="252" t="str">
        <f t="shared" si="0"/>
        <v/>
      </c>
      <c r="BK16" s="252" t="str">
        <f t="shared" si="0"/>
        <v/>
      </c>
      <c r="BL16" s="252" t="str">
        <f t="shared" si="0"/>
        <v/>
      </c>
      <c r="BM16" s="252" t="str">
        <f t="shared" si="0"/>
        <v/>
      </c>
      <c r="BN16" s="252" t="str">
        <f t="shared" si="0"/>
        <v/>
      </c>
      <c r="BO16" s="252" t="str">
        <f t="shared" si="0"/>
        <v/>
      </c>
      <c r="BP16" s="252" t="str">
        <f t="shared" si="0"/>
        <v/>
      </c>
      <c r="BQ16" s="252" t="str">
        <f t="shared" si="0"/>
        <v/>
      </c>
      <c r="BR16" s="252" t="str">
        <f t="shared" si="0"/>
        <v/>
      </c>
      <c r="BS16" s="252" t="str">
        <f t="shared" si="0"/>
        <v/>
      </c>
      <c r="BT16" s="247"/>
    </row>
    <row r="17" spans="1:71 16384:16384" s="17" customFormat="1" ht="34.5" customHeight="1">
      <c r="A17" s="179" t="s">
        <v>10</v>
      </c>
      <c r="B17" s="13"/>
      <c r="C17" s="15"/>
      <c r="D17" s="15"/>
      <c r="E17" s="15"/>
      <c r="F17" s="15"/>
      <c r="G17" s="15"/>
      <c r="H17" s="16"/>
      <c r="I17" s="307" t="s">
        <v>20</v>
      </c>
      <c r="J17" s="307"/>
      <c r="K17" s="307"/>
      <c r="L17" s="20"/>
      <c r="M17" s="20"/>
      <c r="N17" s="20"/>
      <c r="O17" s="20"/>
      <c r="P17" s="20"/>
      <c r="Q17" s="20"/>
      <c r="R17" s="20"/>
      <c r="S17" s="20"/>
      <c r="T17" s="20"/>
      <c r="U17" s="20"/>
      <c r="V17" s="20"/>
      <c r="W17" s="20"/>
      <c r="X17" s="20"/>
      <c r="Y17" s="20"/>
      <c r="Z17" s="20"/>
      <c r="AA17" s="20"/>
      <c r="AB17" s="20"/>
      <c r="AC17" s="20"/>
      <c r="AD17" s="20"/>
      <c r="AE17" s="20"/>
      <c r="AF17" s="20"/>
      <c r="AG17" s="20"/>
      <c r="AH17" s="20"/>
      <c r="AI17" s="20"/>
      <c r="AJ17" s="20"/>
      <c r="AK17" s="20"/>
      <c r="AL17" s="20"/>
      <c r="AM17" s="20"/>
      <c r="AN17" s="20"/>
      <c r="AO17" s="20"/>
      <c r="AP17" s="20"/>
      <c r="AQ17" s="20"/>
      <c r="AR17" s="20"/>
      <c r="AS17" s="20"/>
      <c r="AT17" s="20"/>
      <c r="AU17" s="20"/>
      <c r="AV17" s="20"/>
      <c r="AW17" s="20"/>
      <c r="AX17" s="20"/>
      <c r="AY17" s="20"/>
      <c r="AZ17" s="20"/>
      <c r="BA17" s="20"/>
      <c r="BB17" s="20"/>
      <c r="BC17" s="20"/>
      <c r="BD17" s="20"/>
      <c r="BE17" s="20"/>
      <c r="BF17" s="20"/>
      <c r="BG17" s="20"/>
      <c r="BH17" s="20"/>
      <c r="BI17" s="20"/>
      <c r="BJ17" s="20"/>
      <c r="BK17" s="20"/>
      <c r="BL17" s="20"/>
      <c r="BM17" s="20"/>
      <c r="BN17" s="20"/>
      <c r="BO17" s="20"/>
      <c r="BP17" s="20"/>
      <c r="BQ17" s="20"/>
      <c r="BR17" s="20"/>
      <c r="BS17" s="20"/>
    </row>
    <row r="18" spans="1:71 16384:16384" s="17" customFormat="1" ht="34.5" customHeight="1">
      <c r="A18" s="179" t="s">
        <v>10</v>
      </c>
      <c r="B18" s="19"/>
      <c r="C18" s="15"/>
      <c r="D18" s="15"/>
      <c r="E18" s="15"/>
      <c r="F18" s="15"/>
      <c r="G18" s="15"/>
      <c r="H18" s="16"/>
      <c r="I18" s="307" t="s">
        <v>21</v>
      </c>
      <c r="J18" s="307"/>
      <c r="K18" s="307"/>
      <c r="L18" s="20" t="s">
        <v>22</v>
      </c>
      <c r="M18" s="20"/>
      <c r="N18" s="20"/>
      <c r="O18" s="20"/>
      <c r="P18" s="20"/>
      <c r="Q18" s="20"/>
      <c r="R18" s="20"/>
      <c r="S18" s="20"/>
      <c r="T18" s="20"/>
      <c r="U18" s="20"/>
      <c r="V18" s="20"/>
      <c r="W18" s="20"/>
      <c r="X18" s="20"/>
      <c r="Y18" s="20"/>
      <c r="Z18" s="20"/>
      <c r="AA18" s="20"/>
      <c r="AB18" s="20"/>
      <c r="AC18" s="20"/>
      <c r="AD18" s="20"/>
      <c r="AE18" s="20"/>
      <c r="AF18" s="20"/>
      <c r="AG18" s="20"/>
      <c r="AH18" s="20"/>
      <c r="AI18" s="20"/>
      <c r="AJ18" s="20"/>
      <c r="AK18" s="20"/>
      <c r="AL18" s="20"/>
      <c r="AM18" s="20"/>
      <c r="AN18" s="20"/>
      <c r="AO18" s="20"/>
      <c r="AP18" s="20"/>
      <c r="AQ18" s="20"/>
      <c r="AR18" s="20"/>
      <c r="AS18" s="20"/>
      <c r="AT18" s="20"/>
      <c r="AU18" s="20"/>
      <c r="AV18" s="20"/>
      <c r="AW18" s="20"/>
      <c r="AX18" s="20"/>
      <c r="AY18" s="20"/>
      <c r="AZ18" s="20"/>
      <c r="BA18" s="20"/>
      <c r="BB18" s="20"/>
      <c r="BC18" s="20"/>
      <c r="BD18" s="20"/>
      <c r="BE18" s="20"/>
      <c r="BF18" s="20"/>
      <c r="BG18" s="20"/>
      <c r="BH18" s="20"/>
      <c r="BI18" s="20"/>
      <c r="BJ18" s="20"/>
      <c r="BK18" s="20"/>
      <c r="BL18" s="20"/>
      <c r="BM18" s="20"/>
      <c r="BN18" s="20"/>
      <c r="BO18" s="20"/>
      <c r="BP18" s="20"/>
      <c r="BQ18" s="20"/>
      <c r="BR18" s="20"/>
      <c r="BS18" s="20"/>
    </row>
    <row r="19" spans="1:71 16384:16384" s="17" customFormat="1" ht="34.5" customHeight="1">
      <c r="A19" s="179" t="s">
        <v>10</v>
      </c>
      <c r="B19" s="19"/>
      <c r="C19" s="15"/>
      <c r="D19" s="15"/>
      <c r="E19" s="15"/>
      <c r="F19" s="15"/>
      <c r="G19" s="15"/>
      <c r="H19" s="16"/>
      <c r="I19" s="307" t="s">
        <v>23</v>
      </c>
      <c r="J19" s="307"/>
      <c r="K19" s="307"/>
      <c r="L19" s="22"/>
      <c r="M19" s="21" t="s">
        <v>22</v>
      </c>
      <c r="N19" s="21" t="s">
        <v>22</v>
      </c>
      <c r="O19" s="21"/>
      <c r="P19" s="21"/>
      <c r="Q19" s="21"/>
      <c r="R19" s="21"/>
      <c r="S19" s="21"/>
      <c r="T19" s="21"/>
      <c r="U19" s="21"/>
      <c r="V19" s="21"/>
      <c r="W19" s="21"/>
      <c r="X19" s="21"/>
      <c r="Y19" s="21"/>
      <c r="Z19" s="21"/>
      <c r="AA19" s="21"/>
      <c r="AB19" s="21"/>
      <c r="AC19" s="21"/>
      <c r="AD19" s="21"/>
      <c r="AE19" s="21"/>
      <c r="AF19" s="21"/>
      <c r="AG19" s="21"/>
      <c r="AH19" s="21"/>
      <c r="AI19" s="21"/>
      <c r="AJ19" s="21"/>
      <c r="AK19" s="21"/>
      <c r="AL19" s="21"/>
      <c r="AM19" s="21"/>
      <c r="AN19" s="21"/>
      <c r="AO19" s="21"/>
      <c r="AP19" s="21"/>
      <c r="AQ19" s="21"/>
      <c r="AR19" s="21"/>
      <c r="AS19" s="21"/>
      <c r="AT19" s="21"/>
      <c r="AU19" s="21"/>
      <c r="AV19" s="21"/>
      <c r="AW19" s="21"/>
      <c r="AX19" s="21"/>
      <c r="AY19" s="21"/>
      <c r="AZ19" s="21"/>
      <c r="BA19" s="21"/>
      <c r="BB19" s="21"/>
      <c r="BC19" s="21"/>
      <c r="BD19" s="21"/>
      <c r="BE19" s="21"/>
      <c r="BF19" s="21"/>
      <c r="BG19" s="21"/>
      <c r="BH19" s="21"/>
      <c r="BI19" s="21"/>
      <c r="BJ19" s="21"/>
      <c r="BK19" s="21"/>
      <c r="BL19" s="21"/>
      <c r="BM19" s="21"/>
      <c r="BN19" s="21"/>
      <c r="BO19" s="21"/>
      <c r="BP19" s="21"/>
      <c r="BQ19" s="21"/>
      <c r="BR19" s="21"/>
      <c r="BS19" s="21"/>
    </row>
    <row r="20" spans="1:71 16384:16384" s="17" customFormat="1" ht="34.5" customHeight="1">
      <c r="A20" s="179" t="s">
        <v>10</v>
      </c>
      <c r="B20" s="13"/>
      <c r="C20" s="15"/>
      <c r="D20" s="15"/>
      <c r="E20" s="15"/>
      <c r="F20" s="15"/>
      <c r="G20" s="15"/>
      <c r="H20" s="16"/>
      <c r="I20" s="307" t="s">
        <v>24</v>
      </c>
      <c r="J20" s="307"/>
      <c r="K20" s="307"/>
      <c r="L20" s="21"/>
      <c r="M20" s="21"/>
      <c r="N20" s="21"/>
      <c r="O20" s="21"/>
      <c r="P20" s="21" t="s">
        <v>22</v>
      </c>
      <c r="Q20" s="21" t="s">
        <v>22</v>
      </c>
      <c r="R20" s="21"/>
      <c r="S20" s="21"/>
      <c r="T20" s="21"/>
      <c r="U20" s="21"/>
      <c r="V20" s="21"/>
      <c r="W20" s="21"/>
      <c r="X20" s="21"/>
      <c r="Y20" s="21"/>
      <c r="Z20" s="21"/>
      <c r="AA20" s="21"/>
      <c r="AB20" s="21"/>
      <c r="AC20" s="21"/>
      <c r="AD20" s="21"/>
      <c r="AE20" s="21"/>
      <c r="AF20" s="21"/>
      <c r="AG20" s="21"/>
      <c r="AH20" s="21"/>
      <c r="AI20" s="21"/>
      <c r="AJ20" s="21"/>
      <c r="AK20" s="21"/>
      <c r="AL20" s="21"/>
      <c r="AM20" s="21"/>
      <c r="AN20" s="21"/>
      <c r="AO20" s="21"/>
      <c r="AP20" s="21"/>
      <c r="AQ20" s="21"/>
      <c r="AR20" s="21"/>
      <c r="AS20" s="21"/>
      <c r="AT20" s="21"/>
      <c r="AU20" s="21"/>
      <c r="AV20" s="21"/>
      <c r="AW20" s="21"/>
      <c r="AX20" s="21"/>
      <c r="AY20" s="21"/>
      <c r="AZ20" s="21"/>
      <c r="BA20" s="21"/>
      <c r="BB20" s="21"/>
      <c r="BC20" s="21"/>
      <c r="BD20" s="21"/>
      <c r="BE20" s="21"/>
      <c r="BF20" s="21"/>
      <c r="BG20" s="21"/>
      <c r="BH20" s="21"/>
      <c r="BI20" s="21"/>
      <c r="BJ20" s="21"/>
      <c r="BK20" s="21"/>
      <c r="BL20" s="21"/>
      <c r="BM20" s="21"/>
      <c r="BN20" s="21"/>
      <c r="BO20" s="21"/>
      <c r="BP20" s="21"/>
      <c r="BQ20" s="21"/>
      <c r="BR20" s="21"/>
      <c r="BS20" s="21"/>
    </row>
    <row r="21" spans="1:71 16384:16384" s="17" customFormat="1" ht="34.15" customHeight="1">
      <c r="A21" s="179" t="s">
        <v>10</v>
      </c>
      <c r="B21" s="13"/>
      <c r="C21" s="15"/>
      <c r="D21" s="15"/>
      <c r="E21" s="15"/>
      <c r="F21" s="15"/>
      <c r="G21" s="15"/>
      <c r="H21" s="16"/>
      <c r="I21" s="307" t="s">
        <v>25</v>
      </c>
      <c r="J21" s="307"/>
      <c r="K21" s="307"/>
      <c r="L21" s="22"/>
      <c r="M21" s="21"/>
      <c r="N21" s="21"/>
      <c r="O21" s="21" t="s">
        <v>22</v>
      </c>
      <c r="P21" s="21"/>
      <c r="Q21" s="21"/>
      <c r="R21" s="21"/>
      <c r="S21" s="21"/>
      <c r="T21" s="21"/>
      <c r="U21" s="21"/>
      <c r="V21" s="21"/>
      <c r="W21" s="21"/>
      <c r="X21" s="21"/>
      <c r="Y21" s="21"/>
      <c r="Z21" s="21"/>
      <c r="AA21" s="21"/>
      <c r="AB21" s="21"/>
      <c r="AC21" s="21"/>
      <c r="AD21" s="21"/>
      <c r="AE21" s="21"/>
      <c r="AF21" s="21"/>
      <c r="AG21" s="21"/>
      <c r="AH21" s="21"/>
      <c r="AI21" s="21"/>
      <c r="AJ21" s="21"/>
      <c r="AK21" s="21"/>
      <c r="AL21" s="21"/>
      <c r="AM21" s="21"/>
      <c r="AN21" s="21"/>
      <c r="AO21" s="21"/>
      <c r="AP21" s="21"/>
      <c r="AQ21" s="21"/>
      <c r="AR21" s="21"/>
      <c r="AS21" s="21"/>
      <c r="AT21" s="21"/>
      <c r="AU21" s="21"/>
      <c r="AV21" s="21"/>
      <c r="AW21" s="21"/>
      <c r="AX21" s="21"/>
      <c r="AY21" s="21"/>
      <c r="AZ21" s="21"/>
      <c r="BA21" s="21"/>
      <c r="BB21" s="21"/>
      <c r="BC21" s="21"/>
      <c r="BD21" s="21"/>
      <c r="BE21" s="21"/>
      <c r="BF21" s="21"/>
      <c r="BG21" s="21"/>
      <c r="BH21" s="21"/>
      <c r="BI21" s="21"/>
      <c r="BJ21" s="21"/>
      <c r="BK21" s="21"/>
      <c r="BL21" s="21"/>
      <c r="BM21" s="21"/>
      <c r="BN21" s="21"/>
      <c r="BO21" s="21"/>
      <c r="BP21" s="21"/>
      <c r="BQ21" s="21"/>
      <c r="BR21" s="21"/>
      <c r="BS21" s="21"/>
    </row>
    <row r="22" spans="1:71 16384:16384" s="17" customFormat="1" ht="34.15" customHeight="1">
      <c r="A22" s="179" t="s">
        <v>10</v>
      </c>
      <c r="B22" s="13"/>
      <c r="C22" s="15"/>
      <c r="D22" s="15"/>
      <c r="E22" s="15"/>
      <c r="F22" s="15"/>
      <c r="G22" s="15"/>
      <c r="H22" s="16"/>
      <c r="I22" s="307" t="s">
        <v>26</v>
      </c>
      <c r="J22" s="307"/>
      <c r="K22" s="307"/>
      <c r="L22" s="22"/>
      <c r="M22" s="21"/>
      <c r="N22" s="21"/>
      <c r="O22" s="21"/>
      <c r="P22" s="21"/>
      <c r="Q22" s="21"/>
      <c r="R22" s="21"/>
      <c r="S22" s="21"/>
      <c r="T22" s="21"/>
      <c r="U22" s="21"/>
      <c r="V22" s="21"/>
      <c r="W22" s="21"/>
      <c r="X22" s="21"/>
      <c r="Y22" s="21"/>
      <c r="Z22" s="21"/>
      <c r="AA22" s="21"/>
      <c r="AB22" s="21"/>
      <c r="AC22" s="21"/>
      <c r="AD22" s="21"/>
      <c r="AE22" s="21"/>
      <c r="AF22" s="21"/>
      <c r="AG22" s="21"/>
      <c r="AH22" s="21"/>
      <c r="AI22" s="21"/>
      <c r="AJ22" s="21"/>
      <c r="AK22" s="21"/>
      <c r="AL22" s="21"/>
      <c r="AM22" s="21"/>
      <c r="AN22" s="21"/>
      <c r="AO22" s="21"/>
      <c r="AP22" s="21"/>
      <c r="AQ22" s="21"/>
      <c r="AR22" s="21"/>
      <c r="AS22" s="21"/>
      <c r="AT22" s="21"/>
      <c r="AU22" s="21"/>
      <c r="AV22" s="21"/>
      <c r="AW22" s="21"/>
      <c r="AX22" s="21"/>
      <c r="AY22" s="21"/>
      <c r="AZ22" s="21"/>
      <c r="BA22" s="21"/>
      <c r="BB22" s="21"/>
      <c r="BC22" s="21"/>
      <c r="BD22" s="21"/>
      <c r="BE22" s="21"/>
      <c r="BF22" s="21"/>
      <c r="BG22" s="21"/>
      <c r="BH22" s="21"/>
      <c r="BI22" s="21"/>
      <c r="BJ22" s="21"/>
      <c r="BK22" s="21"/>
      <c r="BL22" s="21"/>
      <c r="BM22" s="21"/>
      <c r="BN22" s="21"/>
      <c r="BO22" s="21"/>
      <c r="BP22" s="21"/>
      <c r="BQ22" s="21"/>
      <c r="BR22" s="21"/>
      <c r="BS22" s="21"/>
    </row>
    <row r="23" spans="1:71 16384:16384" s="17" customFormat="1">
      <c r="A23" s="178"/>
      <c r="B23" s="13"/>
      <c r="C23" s="2"/>
      <c r="D23" s="2"/>
      <c r="E23" s="3"/>
      <c r="F23" s="2"/>
      <c r="G23" s="23"/>
      <c r="H23" s="4"/>
      <c r="I23" s="4"/>
      <c r="J23" s="5"/>
      <c r="K23" s="24"/>
      <c r="L23" s="7"/>
      <c r="M23" s="7"/>
      <c r="N23" s="7"/>
      <c r="O23" s="7"/>
      <c r="P23" s="7"/>
      <c r="Q23" s="7"/>
      <c r="R23" s="8"/>
    </row>
    <row r="24" spans="1:71 16384:16384">
      <c r="A24" s="178"/>
      <c r="B24" s="13"/>
      <c r="K24" s="24"/>
      <c r="L24" s="7"/>
      <c r="M24" s="7"/>
      <c r="R24" s="8"/>
      <c r="S24" s="8"/>
      <c r="T24" s="8"/>
      <c r="U24" s="8"/>
      <c r="V24" s="8"/>
    </row>
    <row r="25" spans="1:71 16384:16384" s="17" customFormat="1">
      <c r="A25" s="178"/>
      <c r="B25" s="171" t="s">
        <v>27</v>
      </c>
      <c r="C25" s="15"/>
      <c r="D25" s="15"/>
      <c r="E25" s="15"/>
      <c r="F25" s="15"/>
      <c r="G25" s="15"/>
      <c r="H25" s="16"/>
      <c r="I25" s="16"/>
      <c r="J25" s="5"/>
      <c r="K25" s="24"/>
      <c r="L25" s="7"/>
      <c r="M25" s="7"/>
      <c r="N25" s="7"/>
      <c r="O25" s="7"/>
      <c r="P25" s="7"/>
      <c r="Q25" s="7"/>
      <c r="R25" s="8"/>
    </row>
    <row r="26" spans="1:71 16384:16384" s="17" customFormat="1">
      <c r="A26" s="178"/>
      <c r="B26" s="14"/>
      <c r="C26" s="14"/>
      <c r="D26" s="14"/>
      <c r="E26" s="14"/>
      <c r="F26" s="14"/>
      <c r="G26" s="14"/>
      <c r="H26" s="10"/>
      <c r="I26" s="10"/>
      <c r="J26" s="5"/>
      <c r="K26" s="24"/>
      <c r="L26" s="175"/>
      <c r="M26" s="175"/>
      <c r="N26" s="175"/>
      <c r="O26" s="175"/>
      <c r="P26" s="175"/>
      <c r="Q26" s="175"/>
      <c r="R26" s="8"/>
    </row>
    <row r="27" spans="1:71 16384:16384" s="17" customFormat="1">
      <c r="A27" s="178"/>
      <c r="B27" s="18"/>
      <c r="C27" s="15"/>
      <c r="D27" s="15"/>
      <c r="E27" s="15"/>
      <c r="F27" s="15"/>
      <c r="G27" s="15"/>
      <c r="H27" s="16"/>
      <c r="I27" s="308" t="s">
        <v>19</v>
      </c>
      <c r="J27" s="309"/>
      <c r="K27" s="310"/>
      <c r="L27" s="252" t="str">
        <f>IF(ISBLANK(L$9),"",L$9)</f>
        <v>4階病棟</v>
      </c>
      <c r="M27" s="252" t="str">
        <f>IF(ISBLANK(M$9),"",M$9)</f>
        <v>回復期リハビリテーション病棟</v>
      </c>
      <c r="N27" s="252" t="str">
        <f t="shared" ref="N27:BR27" si="1">IF(ISBLANK(N$9),"",N$9)</f>
        <v>地域包括ケア病棟</v>
      </c>
      <c r="O27" s="252" t="str">
        <f t="shared" si="1"/>
        <v>地域包括ケア病棟サテライト</v>
      </c>
      <c r="P27" s="252" t="str">
        <f t="shared" si="1"/>
        <v>特殊疾患病棟</v>
      </c>
      <c r="Q27" s="252" t="str">
        <f t="shared" si="1"/>
        <v>療養病棟2階</v>
      </c>
      <c r="R27" s="252" t="str">
        <f t="shared" si="1"/>
        <v/>
      </c>
      <c r="S27" s="252" t="str">
        <f t="shared" si="1"/>
        <v/>
      </c>
      <c r="T27" s="252" t="str">
        <f t="shared" si="1"/>
        <v/>
      </c>
      <c r="U27" s="252" t="str">
        <f t="shared" si="1"/>
        <v/>
      </c>
      <c r="V27" s="252" t="str">
        <f t="shared" si="1"/>
        <v/>
      </c>
      <c r="W27" s="252" t="str">
        <f t="shared" si="1"/>
        <v/>
      </c>
      <c r="X27" s="252" t="str">
        <f t="shared" si="1"/>
        <v/>
      </c>
      <c r="Y27" s="252" t="str">
        <f t="shared" si="1"/>
        <v/>
      </c>
      <c r="Z27" s="252" t="str">
        <f t="shared" si="1"/>
        <v/>
      </c>
      <c r="AA27" s="252" t="str">
        <f t="shared" si="1"/>
        <v/>
      </c>
      <c r="AB27" s="252" t="str">
        <f t="shared" si="1"/>
        <v/>
      </c>
      <c r="AC27" s="252" t="str">
        <f t="shared" si="1"/>
        <v/>
      </c>
      <c r="AD27" s="252" t="str">
        <f t="shared" si="1"/>
        <v/>
      </c>
      <c r="AE27" s="252" t="str">
        <f t="shared" si="1"/>
        <v/>
      </c>
      <c r="AF27" s="252" t="str">
        <f t="shared" si="1"/>
        <v/>
      </c>
      <c r="AG27" s="252" t="str">
        <f t="shared" si="1"/>
        <v/>
      </c>
      <c r="AH27" s="252" t="str">
        <f t="shared" si="1"/>
        <v/>
      </c>
      <c r="AI27" s="252" t="str">
        <f t="shared" si="1"/>
        <v/>
      </c>
      <c r="AJ27" s="252" t="str">
        <f t="shared" si="1"/>
        <v/>
      </c>
      <c r="AK27" s="252" t="str">
        <f t="shared" si="1"/>
        <v/>
      </c>
      <c r="AL27" s="252" t="str">
        <f t="shared" si="1"/>
        <v/>
      </c>
      <c r="AM27" s="252" t="str">
        <f t="shared" si="1"/>
        <v/>
      </c>
      <c r="AN27" s="252" t="str">
        <f t="shared" si="1"/>
        <v/>
      </c>
      <c r="AO27" s="252" t="str">
        <f t="shared" si="1"/>
        <v/>
      </c>
      <c r="AP27" s="252" t="str">
        <f t="shared" si="1"/>
        <v/>
      </c>
      <c r="AQ27" s="252" t="str">
        <f t="shared" si="1"/>
        <v/>
      </c>
      <c r="AR27" s="252" t="str">
        <f t="shared" si="1"/>
        <v/>
      </c>
      <c r="AS27" s="252" t="str">
        <f t="shared" si="1"/>
        <v/>
      </c>
      <c r="AT27" s="252" t="str">
        <f t="shared" si="1"/>
        <v/>
      </c>
      <c r="AU27" s="252" t="str">
        <f t="shared" si="1"/>
        <v/>
      </c>
      <c r="AV27" s="252" t="str">
        <f t="shared" si="1"/>
        <v/>
      </c>
      <c r="AW27" s="252" t="str">
        <f t="shared" si="1"/>
        <v/>
      </c>
      <c r="AX27" s="252" t="str">
        <f t="shared" si="1"/>
        <v/>
      </c>
      <c r="AY27" s="252" t="str">
        <f t="shared" si="1"/>
        <v/>
      </c>
      <c r="AZ27" s="252" t="str">
        <f t="shared" si="1"/>
        <v/>
      </c>
      <c r="BA27" s="252" t="str">
        <f t="shared" si="1"/>
        <v/>
      </c>
      <c r="BB27" s="252" t="str">
        <f t="shared" si="1"/>
        <v/>
      </c>
      <c r="BC27" s="252" t="str">
        <f t="shared" si="1"/>
        <v/>
      </c>
      <c r="BD27" s="252" t="str">
        <f t="shared" si="1"/>
        <v/>
      </c>
      <c r="BE27" s="252" t="str">
        <f t="shared" si="1"/>
        <v/>
      </c>
      <c r="BF27" s="252" t="str">
        <f t="shared" si="1"/>
        <v/>
      </c>
      <c r="BG27" s="252" t="str">
        <f t="shared" si="1"/>
        <v/>
      </c>
      <c r="BH27" s="252" t="str">
        <f t="shared" si="1"/>
        <v/>
      </c>
      <c r="BI27" s="252" t="str">
        <f t="shared" si="1"/>
        <v/>
      </c>
      <c r="BJ27" s="252" t="str">
        <f t="shared" si="1"/>
        <v/>
      </c>
      <c r="BK27" s="252" t="str">
        <f t="shared" si="1"/>
        <v/>
      </c>
      <c r="BL27" s="252" t="str">
        <f t="shared" si="1"/>
        <v/>
      </c>
      <c r="BM27" s="252" t="str">
        <f t="shared" si="1"/>
        <v/>
      </c>
      <c r="BN27" s="252" t="str">
        <f t="shared" si="1"/>
        <v/>
      </c>
      <c r="BO27" s="252" t="str">
        <f t="shared" si="1"/>
        <v/>
      </c>
      <c r="BP27" s="252" t="str">
        <f t="shared" si="1"/>
        <v/>
      </c>
      <c r="BQ27" s="252" t="str">
        <f t="shared" si="1"/>
        <v/>
      </c>
      <c r="BR27" s="252" t="str">
        <f t="shared" si="1"/>
        <v/>
      </c>
      <c r="BS27" s="252" t="str">
        <f>IF(ISBLANK(BS$9),"",BS$9)</f>
        <v/>
      </c>
      <c r="XFD27" s="247"/>
    </row>
    <row r="28" spans="1:71 16384:16384" s="17" customFormat="1" ht="34.5" customHeight="1">
      <c r="A28" s="179" t="s">
        <v>28</v>
      </c>
      <c r="B28" s="13"/>
      <c r="C28" s="15"/>
      <c r="D28" s="15"/>
      <c r="E28" s="15"/>
      <c r="F28" s="15"/>
      <c r="G28" s="15"/>
      <c r="H28" s="16"/>
      <c r="I28" s="278" t="s">
        <v>20</v>
      </c>
      <c r="J28" s="279"/>
      <c r="K28" s="280"/>
      <c r="L28" s="20"/>
      <c r="M28" s="20"/>
      <c r="N28" s="20"/>
      <c r="O28" s="20"/>
      <c r="P28" s="20"/>
      <c r="Q28" s="20"/>
      <c r="R28" s="20"/>
      <c r="S28" s="20"/>
      <c r="T28" s="20"/>
      <c r="U28" s="20"/>
      <c r="V28" s="20"/>
      <c r="W28" s="20"/>
      <c r="X28" s="20"/>
      <c r="Y28" s="20"/>
      <c r="Z28" s="20"/>
      <c r="AA28" s="20"/>
      <c r="AB28" s="20"/>
      <c r="AC28" s="20"/>
      <c r="AD28" s="20"/>
      <c r="AE28" s="20"/>
      <c r="AF28" s="20"/>
      <c r="AG28" s="20"/>
      <c r="AH28" s="20"/>
      <c r="AI28" s="20"/>
      <c r="AJ28" s="20"/>
      <c r="AK28" s="20"/>
      <c r="AL28" s="20"/>
      <c r="AM28" s="20"/>
      <c r="AN28" s="20"/>
      <c r="AO28" s="20"/>
      <c r="AP28" s="20"/>
      <c r="AQ28" s="20"/>
      <c r="AR28" s="20"/>
      <c r="AS28" s="20"/>
      <c r="AT28" s="20"/>
      <c r="AU28" s="20"/>
      <c r="AV28" s="20"/>
      <c r="AW28" s="20"/>
      <c r="AX28" s="20"/>
      <c r="AY28" s="20"/>
      <c r="AZ28" s="20"/>
      <c r="BA28" s="20"/>
      <c r="BB28" s="20"/>
      <c r="BC28" s="20"/>
      <c r="BD28" s="20"/>
      <c r="BE28" s="20"/>
      <c r="BF28" s="20"/>
      <c r="BG28" s="20"/>
      <c r="BH28" s="20"/>
      <c r="BI28" s="20"/>
      <c r="BJ28" s="20"/>
      <c r="BK28" s="20"/>
      <c r="BL28" s="20"/>
      <c r="BM28" s="20"/>
      <c r="BN28" s="20"/>
      <c r="BO28" s="20"/>
      <c r="BP28" s="20"/>
      <c r="BQ28" s="20"/>
      <c r="BR28" s="20"/>
      <c r="BS28" s="20"/>
    </row>
    <row r="29" spans="1:71 16384:16384" s="17" customFormat="1" ht="34.5" customHeight="1">
      <c r="A29" s="179" t="s">
        <v>28</v>
      </c>
      <c r="B29" s="19"/>
      <c r="C29" s="15"/>
      <c r="D29" s="15"/>
      <c r="E29" s="15"/>
      <c r="F29" s="15"/>
      <c r="G29" s="15"/>
      <c r="H29" s="16"/>
      <c r="I29" s="278" t="s">
        <v>21</v>
      </c>
      <c r="J29" s="279"/>
      <c r="K29" s="280"/>
      <c r="L29" s="20" t="s">
        <v>22</v>
      </c>
      <c r="M29" s="20"/>
      <c r="N29" s="20"/>
      <c r="O29" s="20"/>
      <c r="P29" s="20"/>
      <c r="Q29" s="20"/>
      <c r="R29" s="20"/>
      <c r="S29" s="20"/>
      <c r="T29" s="20"/>
      <c r="U29" s="20"/>
      <c r="V29" s="20"/>
      <c r="W29" s="20"/>
      <c r="X29" s="20"/>
      <c r="Y29" s="20"/>
      <c r="Z29" s="20"/>
      <c r="AA29" s="20"/>
      <c r="AB29" s="20"/>
      <c r="AC29" s="20"/>
      <c r="AD29" s="20"/>
      <c r="AE29" s="20"/>
      <c r="AF29" s="20"/>
      <c r="AG29" s="20"/>
      <c r="AH29" s="20"/>
      <c r="AI29" s="20"/>
      <c r="AJ29" s="20"/>
      <c r="AK29" s="20"/>
      <c r="AL29" s="20"/>
      <c r="AM29" s="20"/>
      <c r="AN29" s="20"/>
      <c r="AO29" s="20"/>
      <c r="AP29" s="20"/>
      <c r="AQ29" s="20"/>
      <c r="AR29" s="20"/>
      <c r="AS29" s="20"/>
      <c r="AT29" s="20"/>
      <c r="AU29" s="20"/>
      <c r="AV29" s="20"/>
      <c r="AW29" s="20"/>
      <c r="AX29" s="20"/>
      <c r="AY29" s="20"/>
      <c r="AZ29" s="20"/>
      <c r="BA29" s="20"/>
      <c r="BB29" s="20"/>
      <c r="BC29" s="20"/>
      <c r="BD29" s="20"/>
      <c r="BE29" s="20"/>
      <c r="BF29" s="20"/>
      <c r="BG29" s="20"/>
      <c r="BH29" s="20"/>
      <c r="BI29" s="20"/>
      <c r="BJ29" s="20"/>
      <c r="BK29" s="20"/>
      <c r="BL29" s="20"/>
      <c r="BM29" s="20"/>
      <c r="BN29" s="20"/>
      <c r="BO29" s="20"/>
      <c r="BP29" s="20"/>
      <c r="BQ29" s="20"/>
      <c r="BR29" s="20"/>
      <c r="BS29" s="20"/>
    </row>
    <row r="30" spans="1:71 16384:16384" s="17" customFormat="1" ht="34.5" customHeight="1">
      <c r="A30" s="179" t="s">
        <v>28</v>
      </c>
      <c r="B30" s="19"/>
      <c r="C30" s="15"/>
      <c r="D30" s="15"/>
      <c r="E30" s="15"/>
      <c r="F30" s="15"/>
      <c r="G30" s="15"/>
      <c r="H30" s="16"/>
      <c r="I30" s="278" t="s">
        <v>23</v>
      </c>
      <c r="J30" s="279"/>
      <c r="K30" s="280"/>
      <c r="L30" s="21"/>
      <c r="M30" s="21" t="s">
        <v>22</v>
      </c>
      <c r="N30" s="21" t="s">
        <v>22</v>
      </c>
      <c r="O30" s="21"/>
      <c r="P30" s="21"/>
      <c r="Q30" s="21"/>
      <c r="R30" s="21"/>
      <c r="S30" s="21"/>
      <c r="T30" s="21"/>
      <c r="U30" s="21"/>
      <c r="V30" s="21"/>
      <c r="W30" s="21"/>
      <c r="X30" s="21"/>
      <c r="Y30" s="21"/>
      <c r="Z30" s="21"/>
      <c r="AA30" s="21"/>
      <c r="AB30" s="21"/>
      <c r="AC30" s="21"/>
      <c r="AD30" s="21"/>
      <c r="AE30" s="21"/>
      <c r="AF30" s="21"/>
      <c r="AG30" s="21"/>
      <c r="AH30" s="21"/>
      <c r="AI30" s="21"/>
      <c r="AJ30" s="21"/>
      <c r="AK30" s="21"/>
      <c r="AL30" s="21"/>
      <c r="AM30" s="21"/>
      <c r="AN30" s="21"/>
      <c r="AO30" s="21"/>
      <c r="AP30" s="21"/>
      <c r="AQ30" s="21"/>
      <c r="AR30" s="21"/>
      <c r="AS30" s="21"/>
      <c r="AT30" s="21"/>
      <c r="AU30" s="21"/>
      <c r="AV30" s="21"/>
      <c r="AW30" s="21"/>
      <c r="AX30" s="21"/>
      <c r="AY30" s="21"/>
      <c r="AZ30" s="21"/>
      <c r="BA30" s="21"/>
      <c r="BB30" s="21"/>
      <c r="BC30" s="21"/>
      <c r="BD30" s="21"/>
      <c r="BE30" s="21"/>
      <c r="BF30" s="21"/>
      <c r="BG30" s="21"/>
      <c r="BH30" s="21"/>
      <c r="BI30" s="21"/>
      <c r="BJ30" s="21"/>
      <c r="BK30" s="21"/>
      <c r="BL30" s="21"/>
      <c r="BM30" s="21"/>
      <c r="BN30" s="21"/>
      <c r="BO30" s="21"/>
      <c r="BP30" s="21"/>
      <c r="BQ30" s="21"/>
      <c r="BR30" s="21"/>
      <c r="BS30" s="21"/>
    </row>
    <row r="31" spans="1:71 16384:16384" s="17" customFormat="1" ht="34.5" customHeight="1">
      <c r="A31" s="179" t="s">
        <v>28</v>
      </c>
      <c r="B31" s="13"/>
      <c r="C31" s="15"/>
      <c r="D31" s="15"/>
      <c r="E31" s="15"/>
      <c r="F31" s="15"/>
      <c r="G31" s="15"/>
      <c r="H31" s="16"/>
      <c r="I31" s="278" t="s">
        <v>24</v>
      </c>
      <c r="J31" s="279"/>
      <c r="K31" s="280"/>
      <c r="L31" s="21"/>
      <c r="M31" s="21"/>
      <c r="N31" s="21"/>
      <c r="O31" s="21"/>
      <c r="P31" s="21" t="s">
        <v>22</v>
      </c>
      <c r="Q31" s="21" t="s">
        <v>22</v>
      </c>
      <c r="R31" s="21"/>
      <c r="S31" s="21"/>
      <c r="T31" s="21"/>
      <c r="U31" s="21"/>
      <c r="V31" s="21"/>
      <c r="W31" s="21"/>
      <c r="X31" s="21"/>
      <c r="Y31" s="21"/>
      <c r="Z31" s="21"/>
      <c r="AA31" s="21"/>
      <c r="AB31" s="21"/>
      <c r="AC31" s="21"/>
      <c r="AD31" s="21"/>
      <c r="AE31" s="21"/>
      <c r="AF31" s="21"/>
      <c r="AG31" s="21"/>
      <c r="AH31" s="21"/>
      <c r="AI31" s="21"/>
      <c r="AJ31" s="21"/>
      <c r="AK31" s="21"/>
      <c r="AL31" s="21"/>
      <c r="AM31" s="21"/>
      <c r="AN31" s="21"/>
      <c r="AO31" s="21"/>
      <c r="AP31" s="21"/>
      <c r="AQ31" s="21"/>
      <c r="AR31" s="21"/>
      <c r="AS31" s="21"/>
      <c r="AT31" s="21"/>
      <c r="AU31" s="21"/>
      <c r="AV31" s="21"/>
      <c r="AW31" s="21"/>
      <c r="AX31" s="21"/>
      <c r="AY31" s="21"/>
      <c r="AZ31" s="21"/>
      <c r="BA31" s="21"/>
      <c r="BB31" s="21"/>
      <c r="BC31" s="21"/>
      <c r="BD31" s="21"/>
      <c r="BE31" s="21"/>
      <c r="BF31" s="21"/>
      <c r="BG31" s="21"/>
      <c r="BH31" s="21"/>
      <c r="BI31" s="21"/>
      <c r="BJ31" s="21"/>
      <c r="BK31" s="21"/>
      <c r="BL31" s="21"/>
      <c r="BM31" s="21"/>
      <c r="BN31" s="21"/>
      <c r="BO31" s="21"/>
      <c r="BP31" s="21"/>
      <c r="BQ31" s="21"/>
      <c r="BR31" s="21"/>
      <c r="BS31" s="21"/>
    </row>
    <row r="32" spans="1:71 16384:16384" s="17" customFormat="1" ht="34.5" customHeight="1">
      <c r="A32" s="179" t="s">
        <v>28</v>
      </c>
      <c r="B32" s="13"/>
      <c r="C32" s="15"/>
      <c r="D32" s="15"/>
      <c r="E32" s="15"/>
      <c r="F32" s="15"/>
      <c r="G32" s="15"/>
      <c r="H32" s="16"/>
      <c r="I32" s="400" t="s">
        <v>29</v>
      </c>
      <c r="J32" s="401"/>
      <c r="K32" s="402"/>
      <c r="L32" s="21"/>
      <c r="M32" s="21"/>
      <c r="N32" s="21"/>
      <c r="O32" s="21"/>
      <c r="P32" s="21"/>
      <c r="Q32" s="21"/>
      <c r="R32" s="21"/>
      <c r="S32" s="21"/>
      <c r="T32" s="21"/>
      <c r="U32" s="21"/>
      <c r="V32" s="21"/>
      <c r="W32" s="21"/>
      <c r="X32" s="21"/>
      <c r="Y32" s="21"/>
      <c r="Z32" s="21"/>
      <c r="AA32" s="21"/>
      <c r="AB32" s="21"/>
      <c r="AC32" s="21"/>
      <c r="AD32" s="21"/>
      <c r="AE32" s="21"/>
      <c r="AF32" s="21"/>
      <c r="AG32" s="21"/>
      <c r="AH32" s="21"/>
      <c r="AI32" s="21"/>
      <c r="AJ32" s="21"/>
      <c r="AK32" s="21"/>
      <c r="AL32" s="21"/>
      <c r="AM32" s="21"/>
      <c r="AN32" s="21"/>
      <c r="AO32" s="21"/>
      <c r="AP32" s="21"/>
      <c r="AQ32" s="21"/>
      <c r="AR32" s="21"/>
      <c r="AS32" s="21"/>
      <c r="AT32" s="21"/>
      <c r="AU32" s="21"/>
      <c r="AV32" s="21"/>
      <c r="AW32" s="21"/>
      <c r="AX32" s="21"/>
      <c r="AY32" s="21"/>
      <c r="AZ32" s="21"/>
      <c r="BA32" s="21"/>
      <c r="BB32" s="21"/>
      <c r="BC32" s="21"/>
      <c r="BD32" s="21"/>
      <c r="BE32" s="21"/>
      <c r="BF32" s="21"/>
      <c r="BG32" s="21"/>
      <c r="BH32" s="21"/>
      <c r="BI32" s="21"/>
      <c r="BJ32" s="21"/>
      <c r="BK32" s="21"/>
      <c r="BL32" s="21"/>
      <c r="BM32" s="21"/>
      <c r="BN32" s="21"/>
      <c r="BO32" s="21"/>
      <c r="BP32" s="21"/>
      <c r="BQ32" s="21"/>
      <c r="BR32" s="21"/>
      <c r="BS32" s="21"/>
    </row>
    <row r="33" spans="1:72" s="17" customFormat="1" ht="34.5" customHeight="1">
      <c r="A33" s="179" t="s">
        <v>28</v>
      </c>
      <c r="B33" s="13"/>
      <c r="C33" s="15"/>
      <c r="D33" s="15"/>
      <c r="E33" s="15"/>
      <c r="F33" s="15"/>
      <c r="G33" s="15"/>
      <c r="H33" s="16"/>
      <c r="I33" s="400" t="s">
        <v>30</v>
      </c>
      <c r="J33" s="401"/>
      <c r="K33" s="402"/>
      <c r="L33" s="21"/>
      <c r="M33" s="21"/>
      <c r="N33" s="21"/>
      <c r="O33" s="21" t="s">
        <v>22</v>
      </c>
      <c r="P33" s="21"/>
      <c r="Q33" s="21"/>
      <c r="R33" s="21"/>
      <c r="S33" s="21"/>
      <c r="T33" s="21"/>
      <c r="U33" s="21"/>
      <c r="V33" s="21"/>
      <c r="W33" s="21"/>
      <c r="X33" s="21"/>
      <c r="Y33" s="21"/>
      <c r="Z33" s="21"/>
      <c r="AA33" s="21"/>
      <c r="AB33" s="21"/>
      <c r="AC33" s="21"/>
      <c r="AD33" s="21"/>
      <c r="AE33" s="21"/>
      <c r="AF33" s="21"/>
      <c r="AG33" s="21"/>
      <c r="AH33" s="21"/>
      <c r="AI33" s="21"/>
      <c r="AJ33" s="21"/>
      <c r="AK33" s="21"/>
      <c r="AL33" s="21"/>
      <c r="AM33" s="21"/>
      <c r="AN33" s="21"/>
      <c r="AO33" s="21"/>
      <c r="AP33" s="21"/>
      <c r="AQ33" s="21"/>
      <c r="AR33" s="21"/>
      <c r="AS33" s="21"/>
      <c r="AT33" s="21"/>
      <c r="AU33" s="21"/>
      <c r="AV33" s="21"/>
      <c r="AW33" s="21"/>
      <c r="AX33" s="21"/>
      <c r="AY33" s="21"/>
      <c r="AZ33" s="21"/>
      <c r="BA33" s="21"/>
      <c r="BB33" s="21"/>
      <c r="BC33" s="21"/>
      <c r="BD33" s="21"/>
      <c r="BE33" s="21"/>
      <c r="BF33" s="21"/>
      <c r="BG33" s="21"/>
      <c r="BH33" s="21"/>
      <c r="BI33" s="21"/>
      <c r="BJ33" s="21"/>
      <c r="BK33" s="21"/>
      <c r="BL33" s="21"/>
      <c r="BM33" s="21"/>
      <c r="BN33" s="21"/>
      <c r="BO33" s="21"/>
      <c r="BP33" s="21"/>
      <c r="BQ33" s="21"/>
      <c r="BR33" s="21"/>
      <c r="BS33" s="21"/>
    </row>
    <row r="34" spans="1:72" s="25" customFormat="1" ht="34.5" customHeight="1">
      <c r="A34" s="179" t="s">
        <v>28</v>
      </c>
      <c r="B34" s="13"/>
      <c r="C34" s="15"/>
      <c r="D34" s="15"/>
      <c r="E34" s="15"/>
      <c r="F34" s="15"/>
      <c r="G34" s="15"/>
      <c r="H34" s="16"/>
      <c r="I34" s="400" t="s">
        <v>31</v>
      </c>
      <c r="J34" s="401"/>
      <c r="K34" s="402"/>
      <c r="L34" s="21"/>
      <c r="M34" s="21"/>
      <c r="N34" s="21"/>
      <c r="O34" s="21"/>
      <c r="P34" s="21"/>
      <c r="Q34" s="21"/>
      <c r="R34" s="21"/>
      <c r="S34" s="21"/>
      <c r="T34" s="21"/>
      <c r="U34" s="21"/>
      <c r="V34" s="21"/>
      <c r="W34" s="21"/>
      <c r="X34" s="21"/>
      <c r="Y34" s="21"/>
      <c r="Z34" s="21"/>
      <c r="AA34" s="21"/>
      <c r="AB34" s="21"/>
      <c r="AC34" s="21"/>
      <c r="AD34" s="21"/>
      <c r="AE34" s="21"/>
      <c r="AF34" s="21"/>
      <c r="AG34" s="21"/>
      <c r="AH34" s="21"/>
      <c r="AI34" s="21"/>
      <c r="AJ34" s="21"/>
      <c r="AK34" s="21"/>
      <c r="AL34" s="21"/>
      <c r="AM34" s="21"/>
      <c r="AN34" s="21"/>
      <c r="AO34" s="21"/>
      <c r="AP34" s="21"/>
      <c r="AQ34" s="21"/>
      <c r="AR34" s="21"/>
      <c r="AS34" s="21"/>
      <c r="AT34" s="21"/>
      <c r="AU34" s="21"/>
      <c r="AV34" s="21"/>
      <c r="AW34" s="21"/>
      <c r="AX34" s="21"/>
      <c r="AY34" s="21"/>
      <c r="AZ34" s="21"/>
      <c r="BA34" s="21"/>
      <c r="BB34" s="21"/>
      <c r="BC34" s="21"/>
      <c r="BD34" s="21"/>
      <c r="BE34" s="21"/>
      <c r="BF34" s="21"/>
      <c r="BG34" s="21"/>
      <c r="BH34" s="21"/>
      <c r="BI34" s="21"/>
      <c r="BJ34" s="21"/>
      <c r="BK34" s="21"/>
      <c r="BL34" s="21"/>
      <c r="BM34" s="21"/>
      <c r="BN34" s="21"/>
      <c r="BO34" s="21"/>
      <c r="BP34" s="21"/>
      <c r="BQ34" s="21"/>
      <c r="BR34" s="21"/>
      <c r="BS34" s="21"/>
    </row>
    <row r="35" spans="1:72" s="17" customFormat="1" ht="34.5" customHeight="1">
      <c r="A35" s="179" t="s">
        <v>28</v>
      </c>
      <c r="B35" s="13"/>
      <c r="C35" s="15"/>
      <c r="D35" s="15"/>
      <c r="E35" s="15"/>
      <c r="F35" s="15"/>
      <c r="G35" s="15"/>
      <c r="H35" s="16"/>
      <c r="I35" s="391" t="s">
        <v>26</v>
      </c>
      <c r="J35" s="391"/>
      <c r="K35" s="391"/>
      <c r="L35" s="21"/>
      <c r="M35" s="21"/>
      <c r="N35" s="21"/>
      <c r="O35" s="21"/>
      <c r="P35" s="21"/>
      <c r="Q35" s="21"/>
      <c r="R35" s="21"/>
      <c r="S35" s="21"/>
      <c r="T35" s="21"/>
      <c r="U35" s="21"/>
      <c r="V35" s="21"/>
      <c r="W35" s="21"/>
      <c r="X35" s="21"/>
      <c r="Y35" s="21"/>
      <c r="Z35" s="21"/>
      <c r="AA35" s="21"/>
      <c r="AB35" s="21"/>
      <c r="AC35" s="21"/>
      <c r="AD35" s="21"/>
      <c r="AE35" s="21"/>
      <c r="AF35" s="21"/>
      <c r="AG35" s="21"/>
      <c r="AH35" s="21"/>
      <c r="AI35" s="21"/>
      <c r="AJ35" s="21"/>
      <c r="AK35" s="21"/>
      <c r="AL35" s="21"/>
      <c r="AM35" s="21"/>
      <c r="AN35" s="21"/>
      <c r="AO35" s="21"/>
      <c r="AP35" s="21"/>
      <c r="AQ35" s="21"/>
      <c r="AR35" s="21"/>
      <c r="AS35" s="21"/>
      <c r="AT35" s="21"/>
      <c r="AU35" s="21"/>
      <c r="AV35" s="21"/>
      <c r="AW35" s="21"/>
      <c r="AX35" s="21"/>
      <c r="AY35" s="21"/>
      <c r="AZ35" s="21"/>
      <c r="BA35" s="21"/>
      <c r="BB35" s="21"/>
      <c r="BC35" s="21"/>
      <c r="BD35" s="21"/>
      <c r="BE35" s="21"/>
      <c r="BF35" s="21"/>
      <c r="BG35" s="21"/>
      <c r="BH35" s="21"/>
      <c r="BI35" s="21"/>
      <c r="BJ35" s="21"/>
      <c r="BK35" s="21"/>
      <c r="BL35" s="21"/>
      <c r="BM35" s="21"/>
      <c r="BN35" s="21"/>
      <c r="BO35" s="21"/>
      <c r="BP35" s="21"/>
      <c r="BQ35" s="21"/>
      <c r="BR35" s="21"/>
      <c r="BS35" s="21"/>
    </row>
    <row r="36" spans="1:72" s="17" customFormat="1">
      <c r="A36" s="178"/>
      <c r="B36" s="13"/>
      <c r="C36" s="2"/>
      <c r="D36" s="2"/>
      <c r="E36" s="3"/>
      <c r="F36" s="2"/>
      <c r="G36" s="26"/>
      <c r="H36" s="4"/>
      <c r="I36" s="4"/>
      <c r="J36" s="5"/>
      <c r="K36" s="24"/>
      <c r="L36" s="7"/>
      <c r="M36" s="7"/>
      <c r="N36" s="7"/>
      <c r="O36" s="7"/>
      <c r="P36" s="7"/>
      <c r="Q36" s="7"/>
      <c r="R36" s="8"/>
    </row>
    <row r="37" spans="1:72" s="17" customFormat="1">
      <c r="A37" s="178"/>
      <c r="B37" s="13"/>
      <c r="C37" s="2"/>
      <c r="D37" s="2"/>
      <c r="E37" s="3"/>
      <c r="F37" s="2"/>
      <c r="G37" s="26"/>
      <c r="H37" s="4"/>
      <c r="I37" s="4"/>
      <c r="J37" s="5"/>
      <c r="K37" s="24"/>
      <c r="L37" s="7"/>
      <c r="M37" s="7"/>
      <c r="N37" s="7"/>
      <c r="O37" s="7"/>
      <c r="P37" s="7"/>
      <c r="Q37" s="7"/>
      <c r="R37" s="8"/>
    </row>
    <row r="38" spans="1:72" s="17" customFormat="1">
      <c r="A38" s="178"/>
      <c r="B38" s="171" t="s">
        <v>32</v>
      </c>
      <c r="C38" s="15"/>
      <c r="D38" s="15"/>
      <c r="E38" s="15"/>
      <c r="F38" s="15"/>
      <c r="G38" s="15"/>
      <c r="H38" s="16"/>
      <c r="I38" s="16"/>
      <c r="J38" s="5"/>
      <c r="K38" s="24"/>
      <c r="L38" s="7"/>
      <c r="M38" s="7"/>
      <c r="N38" s="7"/>
      <c r="O38" s="7"/>
      <c r="P38" s="7"/>
      <c r="Q38" s="7"/>
      <c r="R38" s="8"/>
    </row>
    <row r="39" spans="1:72" s="17" customFormat="1">
      <c r="A39" s="178"/>
      <c r="B39" s="14"/>
      <c r="C39" s="14"/>
      <c r="D39" s="14"/>
      <c r="E39" s="14"/>
      <c r="F39" s="14"/>
      <c r="G39" s="14"/>
      <c r="H39" s="10"/>
      <c r="I39" s="10"/>
      <c r="J39" s="5"/>
      <c r="K39" s="24"/>
      <c r="L39" s="175"/>
      <c r="M39" s="175"/>
      <c r="N39" s="175"/>
      <c r="O39" s="175"/>
      <c r="P39" s="175"/>
      <c r="Q39" s="175"/>
      <c r="R39" s="8"/>
    </row>
    <row r="40" spans="1:72" s="17" customFormat="1">
      <c r="A40" s="178"/>
      <c r="B40" s="18"/>
      <c r="C40" s="15"/>
      <c r="D40" s="15"/>
      <c r="E40" s="15"/>
      <c r="F40" s="15"/>
      <c r="G40" s="15"/>
      <c r="H40" s="16"/>
      <c r="I40" s="308" t="s">
        <v>33</v>
      </c>
      <c r="J40" s="309"/>
      <c r="K40" s="310"/>
      <c r="L40" s="252" t="str">
        <f>IF(ISBLANK(L$9),"",L$9)</f>
        <v>4階病棟</v>
      </c>
      <c r="M40" s="252" t="str">
        <f>IF(ISBLANK(M$9),"",M$9)</f>
        <v>回復期リハビリテーション病棟</v>
      </c>
      <c r="N40" s="252" t="str">
        <f t="shared" ref="N40:BS40" si="2">IF(ISBLANK(N$9),"",N$9)</f>
        <v>地域包括ケア病棟</v>
      </c>
      <c r="O40" s="252" t="str">
        <f t="shared" si="2"/>
        <v>地域包括ケア病棟サテライト</v>
      </c>
      <c r="P40" s="252" t="str">
        <f t="shared" si="2"/>
        <v>特殊疾患病棟</v>
      </c>
      <c r="Q40" s="252" t="str">
        <f t="shared" si="2"/>
        <v>療養病棟2階</v>
      </c>
      <c r="R40" s="252" t="str">
        <f t="shared" si="2"/>
        <v/>
      </c>
      <c r="S40" s="252" t="str">
        <f t="shared" si="2"/>
        <v/>
      </c>
      <c r="T40" s="252" t="str">
        <f t="shared" si="2"/>
        <v/>
      </c>
      <c r="U40" s="252" t="str">
        <f t="shared" si="2"/>
        <v/>
      </c>
      <c r="V40" s="252" t="str">
        <f t="shared" si="2"/>
        <v/>
      </c>
      <c r="W40" s="252" t="str">
        <f t="shared" si="2"/>
        <v/>
      </c>
      <c r="X40" s="252" t="str">
        <f t="shared" si="2"/>
        <v/>
      </c>
      <c r="Y40" s="252" t="str">
        <f t="shared" si="2"/>
        <v/>
      </c>
      <c r="Z40" s="252" t="str">
        <f t="shared" si="2"/>
        <v/>
      </c>
      <c r="AA40" s="252" t="str">
        <f t="shared" si="2"/>
        <v/>
      </c>
      <c r="AB40" s="252" t="str">
        <f t="shared" si="2"/>
        <v/>
      </c>
      <c r="AC40" s="252" t="str">
        <f t="shared" si="2"/>
        <v/>
      </c>
      <c r="AD40" s="252" t="str">
        <f t="shared" si="2"/>
        <v/>
      </c>
      <c r="AE40" s="252" t="str">
        <f t="shared" si="2"/>
        <v/>
      </c>
      <c r="AF40" s="252" t="str">
        <f t="shared" si="2"/>
        <v/>
      </c>
      <c r="AG40" s="252" t="str">
        <f t="shared" si="2"/>
        <v/>
      </c>
      <c r="AH40" s="252" t="str">
        <f t="shared" si="2"/>
        <v/>
      </c>
      <c r="AI40" s="252" t="str">
        <f t="shared" si="2"/>
        <v/>
      </c>
      <c r="AJ40" s="252" t="str">
        <f t="shared" si="2"/>
        <v/>
      </c>
      <c r="AK40" s="252" t="str">
        <f t="shared" si="2"/>
        <v/>
      </c>
      <c r="AL40" s="252" t="str">
        <f t="shared" si="2"/>
        <v/>
      </c>
      <c r="AM40" s="252" t="str">
        <f t="shared" si="2"/>
        <v/>
      </c>
      <c r="AN40" s="252" t="str">
        <f t="shared" si="2"/>
        <v/>
      </c>
      <c r="AO40" s="252" t="str">
        <f t="shared" si="2"/>
        <v/>
      </c>
      <c r="AP40" s="252" t="str">
        <f t="shared" si="2"/>
        <v/>
      </c>
      <c r="AQ40" s="252" t="str">
        <f t="shared" si="2"/>
        <v/>
      </c>
      <c r="AR40" s="252" t="str">
        <f t="shared" si="2"/>
        <v/>
      </c>
      <c r="AS40" s="252" t="str">
        <f t="shared" si="2"/>
        <v/>
      </c>
      <c r="AT40" s="252" t="str">
        <f t="shared" si="2"/>
        <v/>
      </c>
      <c r="AU40" s="252" t="str">
        <f t="shared" si="2"/>
        <v/>
      </c>
      <c r="AV40" s="252" t="str">
        <f t="shared" si="2"/>
        <v/>
      </c>
      <c r="AW40" s="252" t="str">
        <f t="shared" si="2"/>
        <v/>
      </c>
      <c r="AX40" s="252" t="str">
        <f t="shared" si="2"/>
        <v/>
      </c>
      <c r="AY40" s="252" t="str">
        <f t="shared" si="2"/>
        <v/>
      </c>
      <c r="AZ40" s="252" t="str">
        <f t="shared" si="2"/>
        <v/>
      </c>
      <c r="BA40" s="252" t="str">
        <f t="shared" si="2"/>
        <v/>
      </c>
      <c r="BB40" s="252" t="str">
        <f t="shared" si="2"/>
        <v/>
      </c>
      <c r="BC40" s="252" t="str">
        <f t="shared" si="2"/>
        <v/>
      </c>
      <c r="BD40" s="252" t="str">
        <f t="shared" si="2"/>
        <v/>
      </c>
      <c r="BE40" s="252" t="str">
        <f t="shared" si="2"/>
        <v/>
      </c>
      <c r="BF40" s="252" t="str">
        <f t="shared" si="2"/>
        <v/>
      </c>
      <c r="BG40" s="252" t="str">
        <f t="shared" si="2"/>
        <v/>
      </c>
      <c r="BH40" s="252" t="str">
        <f t="shared" si="2"/>
        <v/>
      </c>
      <c r="BI40" s="252" t="str">
        <f t="shared" si="2"/>
        <v/>
      </c>
      <c r="BJ40" s="252" t="str">
        <f t="shared" si="2"/>
        <v/>
      </c>
      <c r="BK40" s="252" t="str">
        <f t="shared" si="2"/>
        <v/>
      </c>
      <c r="BL40" s="252" t="str">
        <f t="shared" si="2"/>
        <v/>
      </c>
      <c r="BM40" s="252" t="str">
        <f t="shared" si="2"/>
        <v/>
      </c>
      <c r="BN40" s="252" t="str">
        <f t="shared" si="2"/>
        <v/>
      </c>
      <c r="BO40" s="252" t="str">
        <f t="shared" si="2"/>
        <v/>
      </c>
      <c r="BP40" s="252" t="str">
        <f t="shared" si="2"/>
        <v/>
      </c>
      <c r="BQ40" s="252" t="str">
        <f t="shared" si="2"/>
        <v/>
      </c>
      <c r="BR40" s="252" t="str">
        <f t="shared" si="2"/>
        <v/>
      </c>
      <c r="BS40" s="252" t="str">
        <f t="shared" si="2"/>
        <v/>
      </c>
      <c r="BT40" s="247"/>
    </row>
    <row r="41" spans="1:72" s="17" customFormat="1" ht="34.5" customHeight="1">
      <c r="A41" s="179" t="s">
        <v>34</v>
      </c>
      <c r="B41" s="13"/>
      <c r="C41" s="15"/>
      <c r="D41" s="15"/>
      <c r="E41" s="15"/>
      <c r="F41" s="15"/>
      <c r="G41" s="15"/>
      <c r="H41" s="16"/>
      <c r="I41" s="278" t="s">
        <v>35</v>
      </c>
      <c r="J41" s="279"/>
      <c r="K41" s="280"/>
      <c r="L41" s="20"/>
      <c r="M41" s="20"/>
      <c r="N41" s="20"/>
      <c r="O41" s="20"/>
      <c r="P41" s="20"/>
      <c r="Q41" s="20"/>
      <c r="R41" s="20"/>
      <c r="S41" s="20"/>
      <c r="T41" s="20"/>
      <c r="U41" s="20"/>
      <c r="V41" s="20"/>
      <c r="W41" s="20"/>
      <c r="X41" s="20"/>
      <c r="Y41" s="20"/>
      <c r="Z41" s="20"/>
      <c r="AA41" s="20"/>
      <c r="AB41" s="20"/>
      <c r="AC41" s="20"/>
      <c r="AD41" s="20"/>
      <c r="AE41" s="20"/>
      <c r="AF41" s="20"/>
      <c r="AG41" s="20"/>
      <c r="AH41" s="20"/>
      <c r="AI41" s="20"/>
      <c r="AJ41" s="20"/>
      <c r="AK41" s="20"/>
      <c r="AL41" s="20"/>
      <c r="AM41" s="20"/>
      <c r="AN41" s="20"/>
      <c r="AO41" s="20"/>
      <c r="AP41" s="20"/>
      <c r="AQ41" s="20"/>
      <c r="AR41" s="20"/>
      <c r="AS41" s="20"/>
      <c r="AT41" s="20"/>
      <c r="AU41" s="20"/>
      <c r="AV41" s="20"/>
      <c r="AW41" s="20"/>
      <c r="AX41" s="20"/>
      <c r="AY41" s="20"/>
      <c r="AZ41" s="20"/>
      <c r="BA41" s="20"/>
      <c r="BB41" s="20"/>
      <c r="BC41" s="20"/>
      <c r="BD41" s="20"/>
      <c r="BE41" s="20"/>
      <c r="BF41" s="20"/>
      <c r="BG41" s="20"/>
      <c r="BH41" s="20"/>
      <c r="BI41" s="20"/>
      <c r="BJ41" s="20"/>
      <c r="BK41" s="20"/>
      <c r="BL41" s="20"/>
      <c r="BM41" s="20"/>
      <c r="BN41" s="20"/>
      <c r="BO41" s="20"/>
      <c r="BP41" s="20"/>
      <c r="BQ41" s="20"/>
      <c r="BR41" s="20"/>
      <c r="BS41" s="20"/>
    </row>
    <row r="42" spans="1:72" s="17" customFormat="1" ht="34.5" customHeight="1">
      <c r="A42" s="179" t="s">
        <v>34</v>
      </c>
      <c r="B42" s="19"/>
      <c r="C42" s="15"/>
      <c r="D42" s="15"/>
      <c r="E42" s="15"/>
      <c r="F42" s="15"/>
      <c r="G42" s="15"/>
      <c r="H42" s="16"/>
      <c r="I42" s="278" t="s">
        <v>36</v>
      </c>
      <c r="J42" s="279"/>
      <c r="K42" s="280"/>
      <c r="L42" s="20"/>
      <c r="M42" s="20"/>
      <c r="N42" s="20"/>
      <c r="O42" s="20"/>
      <c r="P42" s="20"/>
      <c r="Q42" s="20"/>
      <c r="R42" s="20"/>
      <c r="S42" s="20"/>
      <c r="T42" s="20"/>
      <c r="U42" s="20"/>
      <c r="V42" s="20"/>
      <c r="W42" s="20"/>
      <c r="X42" s="20"/>
      <c r="Y42" s="20"/>
      <c r="Z42" s="20"/>
      <c r="AA42" s="20"/>
      <c r="AB42" s="20"/>
      <c r="AC42" s="20"/>
      <c r="AD42" s="20"/>
      <c r="AE42" s="20"/>
      <c r="AF42" s="20"/>
      <c r="AG42" s="20"/>
      <c r="AH42" s="20"/>
      <c r="AI42" s="20"/>
      <c r="AJ42" s="20"/>
      <c r="AK42" s="20"/>
      <c r="AL42" s="20"/>
      <c r="AM42" s="20"/>
      <c r="AN42" s="20"/>
      <c r="AO42" s="20"/>
      <c r="AP42" s="20"/>
      <c r="AQ42" s="20"/>
      <c r="AR42" s="20"/>
      <c r="AS42" s="20"/>
      <c r="AT42" s="20"/>
      <c r="AU42" s="20"/>
      <c r="AV42" s="20"/>
      <c r="AW42" s="20"/>
      <c r="AX42" s="20"/>
      <c r="AY42" s="20"/>
      <c r="AZ42" s="20"/>
      <c r="BA42" s="20"/>
      <c r="BB42" s="20"/>
      <c r="BC42" s="20"/>
      <c r="BD42" s="20"/>
      <c r="BE42" s="20"/>
      <c r="BF42" s="20"/>
      <c r="BG42" s="20"/>
      <c r="BH42" s="20"/>
      <c r="BI42" s="20"/>
      <c r="BJ42" s="20"/>
      <c r="BK42" s="20"/>
      <c r="BL42" s="20"/>
      <c r="BM42" s="20"/>
      <c r="BN42" s="20"/>
      <c r="BO42" s="20"/>
      <c r="BP42" s="20"/>
      <c r="BQ42" s="20"/>
      <c r="BR42" s="20"/>
      <c r="BS42" s="20"/>
    </row>
    <row r="43" spans="1:72" s="17" customFormat="1" ht="34.5" customHeight="1">
      <c r="A43" s="179" t="s">
        <v>34</v>
      </c>
      <c r="B43" s="19"/>
      <c r="C43" s="15"/>
      <c r="D43" s="15"/>
      <c r="E43" s="15"/>
      <c r="F43" s="15"/>
      <c r="G43" s="15"/>
      <c r="H43" s="16"/>
      <c r="I43" s="278" t="s">
        <v>37</v>
      </c>
      <c r="J43" s="279"/>
      <c r="K43" s="280"/>
      <c r="L43" s="20"/>
      <c r="M43" s="20"/>
      <c r="N43" s="20"/>
      <c r="O43" s="20"/>
      <c r="P43" s="20"/>
      <c r="Q43" s="20"/>
      <c r="R43" s="20"/>
      <c r="S43" s="20"/>
      <c r="T43" s="20"/>
      <c r="U43" s="20"/>
      <c r="V43" s="20"/>
      <c r="W43" s="20"/>
      <c r="X43" s="20"/>
      <c r="Y43" s="20"/>
      <c r="Z43" s="20"/>
      <c r="AA43" s="20"/>
      <c r="AB43" s="20"/>
      <c r="AC43" s="20"/>
      <c r="AD43" s="20"/>
      <c r="AE43" s="20"/>
      <c r="AF43" s="20"/>
      <c r="AG43" s="20"/>
      <c r="AH43" s="20"/>
      <c r="AI43" s="20"/>
      <c r="AJ43" s="20"/>
      <c r="AK43" s="20"/>
      <c r="AL43" s="20"/>
      <c r="AM43" s="20"/>
      <c r="AN43" s="20"/>
      <c r="AO43" s="20"/>
      <c r="AP43" s="20"/>
      <c r="AQ43" s="20"/>
      <c r="AR43" s="20"/>
      <c r="AS43" s="20"/>
      <c r="AT43" s="20"/>
      <c r="AU43" s="20"/>
      <c r="AV43" s="20"/>
      <c r="AW43" s="20"/>
      <c r="AX43" s="20"/>
      <c r="AY43" s="20"/>
      <c r="AZ43" s="20"/>
      <c r="BA43" s="20"/>
      <c r="BB43" s="20"/>
      <c r="BC43" s="20"/>
      <c r="BD43" s="20"/>
      <c r="BE43" s="20"/>
      <c r="BF43" s="20"/>
      <c r="BG43" s="20"/>
      <c r="BH43" s="20"/>
      <c r="BI43" s="20"/>
      <c r="BJ43" s="20"/>
      <c r="BK43" s="20"/>
      <c r="BL43" s="20"/>
      <c r="BM43" s="20"/>
      <c r="BN43" s="20"/>
      <c r="BO43" s="20"/>
      <c r="BP43" s="20"/>
      <c r="BQ43" s="20"/>
      <c r="BR43" s="20"/>
      <c r="BS43" s="20"/>
    </row>
    <row r="44" spans="1:72" s="17" customFormat="1" ht="34.5" customHeight="1">
      <c r="A44" s="179" t="s">
        <v>34</v>
      </c>
      <c r="B44" s="13"/>
      <c r="C44" s="15"/>
      <c r="D44" s="15"/>
      <c r="E44" s="15"/>
      <c r="F44" s="15"/>
      <c r="G44" s="15"/>
      <c r="H44" s="16"/>
      <c r="I44" s="278" t="s">
        <v>38</v>
      </c>
      <c r="J44" s="279"/>
      <c r="K44" s="280"/>
      <c r="L44" s="20"/>
      <c r="M44" s="20"/>
      <c r="N44" s="20"/>
      <c r="O44" s="20"/>
      <c r="P44" s="20"/>
      <c r="Q44" s="20"/>
      <c r="R44" s="20"/>
      <c r="S44" s="20"/>
      <c r="T44" s="20"/>
      <c r="U44" s="20"/>
      <c r="V44" s="20"/>
      <c r="W44" s="20"/>
      <c r="X44" s="20"/>
      <c r="Y44" s="20"/>
      <c r="Z44" s="20"/>
      <c r="AA44" s="20"/>
      <c r="AB44" s="20"/>
      <c r="AC44" s="20"/>
      <c r="AD44" s="20"/>
      <c r="AE44" s="20"/>
      <c r="AF44" s="20"/>
      <c r="AG44" s="20"/>
      <c r="AH44" s="20"/>
      <c r="AI44" s="20"/>
      <c r="AJ44" s="20"/>
      <c r="AK44" s="20"/>
      <c r="AL44" s="20"/>
      <c r="AM44" s="20"/>
      <c r="AN44" s="20"/>
      <c r="AO44" s="20"/>
      <c r="AP44" s="20"/>
      <c r="AQ44" s="20"/>
      <c r="AR44" s="20"/>
      <c r="AS44" s="20"/>
      <c r="AT44" s="20"/>
      <c r="AU44" s="20"/>
      <c r="AV44" s="20"/>
      <c r="AW44" s="20"/>
      <c r="AX44" s="20"/>
      <c r="AY44" s="20"/>
      <c r="AZ44" s="20"/>
      <c r="BA44" s="20"/>
      <c r="BB44" s="20"/>
      <c r="BC44" s="20"/>
      <c r="BD44" s="20"/>
      <c r="BE44" s="20"/>
      <c r="BF44" s="20"/>
      <c r="BG44" s="20"/>
      <c r="BH44" s="20"/>
      <c r="BI44" s="20"/>
      <c r="BJ44" s="20"/>
      <c r="BK44" s="20"/>
      <c r="BL44" s="20"/>
      <c r="BM44" s="20"/>
      <c r="BN44" s="20"/>
      <c r="BO44" s="20"/>
      <c r="BP44" s="20"/>
      <c r="BQ44" s="20"/>
      <c r="BR44" s="20"/>
      <c r="BS44" s="20"/>
    </row>
    <row r="45" spans="1:72" s="17" customFormat="1">
      <c r="A45" s="178"/>
      <c r="B45" s="13"/>
      <c r="C45" s="2"/>
      <c r="D45" s="2"/>
      <c r="E45" s="3"/>
      <c r="F45" s="2"/>
      <c r="G45" s="23"/>
      <c r="H45" s="4"/>
      <c r="I45" s="4"/>
      <c r="J45" s="5"/>
      <c r="K45" s="24"/>
      <c r="L45" s="7"/>
      <c r="M45" s="7"/>
      <c r="N45" s="7"/>
      <c r="O45" s="7"/>
      <c r="P45" s="7"/>
      <c r="Q45" s="7"/>
      <c r="R45" s="8"/>
    </row>
    <row r="46" spans="1:72">
      <c r="A46" s="178"/>
      <c r="B46" s="13"/>
      <c r="K46" s="24"/>
      <c r="L46" s="7"/>
      <c r="M46" s="7"/>
      <c r="R46" s="8"/>
      <c r="S46" s="8"/>
      <c r="T46" s="8"/>
      <c r="U46" s="8"/>
      <c r="V46" s="8"/>
    </row>
    <row r="47" spans="1:72" s="17" customFormat="1">
      <c r="A47" s="178"/>
      <c r="B47" s="171" t="s">
        <v>39</v>
      </c>
      <c r="C47" s="15"/>
      <c r="D47" s="15"/>
      <c r="E47" s="15"/>
      <c r="F47" s="15"/>
      <c r="G47" s="15"/>
      <c r="H47" s="16"/>
      <c r="I47" s="16"/>
      <c r="J47" s="5"/>
      <c r="K47" s="24"/>
      <c r="L47" s="7"/>
      <c r="M47" s="7"/>
      <c r="N47" s="7"/>
      <c r="O47" s="7"/>
      <c r="P47" s="7"/>
      <c r="Q47" s="7"/>
      <c r="R47" s="8"/>
    </row>
    <row r="48" spans="1:72" s="17" customFormat="1">
      <c r="A48" s="178"/>
      <c r="B48" s="14"/>
      <c r="C48" s="14"/>
      <c r="D48" s="14"/>
      <c r="E48" s="14"/>
      <c r="F48" s="14"/>
      <c r="G48" s="14"/>
      <c r="H48" s="10"/>
      <c r="I48" s="10"/>
      <c r="J48" s="5"/>
      <c r="K48" s="24"/>
      <c r="L48" s="175"/>
      <c r="M48" s="175"/>
      <c r="N48" s="175"/>
      <c r="O48" s="175"/>
      <c r="P48" s="175"/>
      <c r="Q48" s="175"/>
      <c r="R48" s="8"/>
    </row>
    <row r="49" spans="1:72" s="17" customFormat="1">
      <c r="A49" s="178"/>
      <c r="B49" s="18"/>
      <c r="C49" s="15"/>
      <c r="D49" s="15"/>
      <c r="E49" s="15"/>
      <c r="F49" s="15"/>
      <c r="G49" s="15"/>
      <c r="H49" s="206"/>
      <c r="I49" s="397" t="s">
        <v>19</v>
      </c>
      <c r="J49" s="398"/>
      <c r="K49" s="399"/>
      <c r="L49" s="252" t="str">
        <f>IF(ISBLANK(L$9),"",L$9)</f>
        <v>4階病棟</v>
      </c>
      <c r="M49" s="252" t="str">
        <f>IF(ISBLANK(M$9),"",M$9)</f>
        <v>回復期リハビリテーション病棟</v>
      </c>
      <c r="N49" s="252" t="str">
        <f t="shared" ref="N49:BT49" si="3">IF(ISBLANK(N$9),"",N$9)</f>
        <v>地域包括ケア病棟</v>
      </c>
      <c r="O49" s="252" t="str">
        <f t="shared" si="3"/>
        <v>地域包括ケア病棟サテライト</v>
      </c>
      <c r="P49" s="252" t="str">
        <f t="shared" si="3"/>
        <v>特殊疾患病棟</v>
      </c>
      <c r="Q49" s="252" t="str">
        <f t="shared" si="3"/>
        <v>療養病棟2階</v>
      </c>
      <c r="R49" s="252" t="str">
        <f t="shared" si="3"/>
        <v/>
      </c>
      <c r="S49" s="252" t="str">
        <f t="shared" si="3"/>
        <v/>
      </c>
      <c r="T49" s="252" t="str">
        <f t="shared" si="3"/>
        <v/>
      </c>
      <c r="U49" s="252" t="str">
        <f t="shared" si="3"/>
        <v/>
      </c>
      <c r="V49" s="252" t="str">
        <f t="shared" si="3"/>
        <v/>
      </c>
      <c r="W49" s="252" t="str">
        <f t="shared" si="3"/>
        <v/>
      </c>
      <c r="X49" s="252" t="str">
        <f t="shared" si="3"/>
        <v/>
      </c>
      <c r="Y49" s="252" t="str">
        <f t="shared" si="3"/>
        <v/>
      </c>
      <c r="Z49" s="252" t="str">
        <f t="shared" si="3"/>
        <v/>
      </c>
      <c r="AA49" s="252" t="str">
        <f t="shared" si="3"/>
        <v/>
      </c>
      <c r="AB49" s="252" t="str">
        <f t="shared" si="3"/>
        <v/>
      </c>
      <c r="AC49" s="252" t="str">
        <f t="shared" si="3"/>
        <v/>
      </c>
      <c r="AD49" s="252" t="str">
        <f t="shared" si="3"/>
        <v/>
      </c>
      <c r="AE49" s="252" t="str">
        <f t="shared" si="3"/>
        <v/>
      </c>
      <c r="AF49" s="252" t="str">
        <f t="shared" si="3"/>
        <v/>
      </c>
      <c r="AG49" s="252" t="str">
        <f t="shared" si="3"/>
        <v/>
      </c>
      <c r="AH49" s="252" t="str">
        <f t="shared" si="3"/>
        <v/>
      </c>
      <c r="AI49" s="252" t="str">
        <f t="shared" si="3"/>
        <v/>
      </c>
      <c r="AJ49" s="252" t="str">
        <f t="shared" si="3"/>
        <v/>
      </c>
      <c r="AK49" s="252" t="str">
        <f t="shared" si="3"/>
        <v/>
      </c>
      <c r="AL49" s="252" t="str">
        <f t="shared" si="3"/>
        <v/>
      </c>
      <c r="AM49" s="252" t="str">
        <f t="shared" si="3"/>
        <v/>
      </c>
      <c r="AN49" s="252" t="str">
        <f t="shared" si="3"/>
        <v/>
      </c>
      <c r="AO49" s="252" t="str">
        <f t="shared" si="3"/>
        <v/>
      </c>
      <c r="AP49" s="252" t="str">
        <f t="shared" si="3"/>
        <v/>
      </c>
      <c r="AQ49" s="252" t="str">
        <f t="shared" si="3"/>
        <v/>
      </c>
      <c r="AR49" s="252" t="str">
        <f t="shared" si="3"/>
        <v/>
      </c>
      <c r="AS49" s="252" t="str">
        <f t="shared" si="3"/>
        <v/>
      </c>
      <c r="AT49" s="252" t="str">
        <f t="shared" si="3"/>
        <v/>
      </c>
      <c r="AU49" s="252" t="str">
        <f t="shared" si="3"/>
        <v/>
      </c>
      <c r="AV49" s="252" t="str">
        <f t="shared" si="3"/>
        <v/>
      </c>
      <c r="AW49" s="252" t="str">
        <f t="shared" si="3"/>
        <v/>
      </c>
      <c r="AX49" s="252" t="str">
        <f t="shared" si="3"/>
        <v/>
      </c>
      <c r="AY49" s="252" t="str">
        <f t="shared" si="3"/>
        <v/>
      </c>
      <c r="AZ49" s="252" t="str">
        <f t="shared" si="3"/>
        <v/>
      </c>
      <c r="BA49" s="252" t="str">
        <f t="shared" si="3"/>
        <v/>
      </c>
      <c r="BB49" s="252" t="str">
        <f t="shared" si="3"/>
        <v/>
      </c>
      <c r="BC49" s="252" t="str">
        <f t="shared" si="3"/>
        <v/>
      </c>
      <c r="BD49" s="252" t="str">
        <f t="shared" si="3"/>
        <v/>
      </c>
      <c r="BE49" s="252" t="str">
        <f t="shared" si="3"/>
        <v/>
      </c>
      <c r="BF49" s="252" t="str">
        <f t="shared" si="3"/>
        <v/>
      </c>
      <c r="BG49" s="252" t="str">
        <f t="shared" si="3"/>
        <v/>
      </c>
      <c r="BH49" s="252" t="str">
        <f t="shared" si="3"/>
        <v/>
      </c>
      <c r="BI49" s="252" t="str">
        <f t="shared" si="3"/>
        <v/>
      </c>
      <c r="BJ49" s="252" t="str">
        <f t="shared" si="3"/>
        <v/>
      </c>
      <c r="BK49" s="252" t="str">
        <f t="shared" si="3"/>
        <v/>
      </c>
      <c r="BL49" s="252" t="str">
        <f t="shared" si="3"/>
        <v/>
      </c>
      <c r="BM49" s="252" t="str">
        <f t="shared" si="3"/>
        <v/>
      </c>
      <c r="BN49" s="252" t="str">
        <f t="shared" si="3"/>
        <v/>
      </c>
      <c r="BO49" s="252" t="str">
        <f t="shared" si="3"/>
        <v/>
      </c>
      <c r="BP49" s="252" t="str">
        <f t="shared" si="3"/>
        <v/>
      </c>
      <c r="BQ49" s="252" t="str">
        <f t="shared" si="3"/>
        <v/>
      </c>
      <c r="BR49" s="252" t="str">
        <f t="shared" si="3"/>
        <v/>
      </c>
      <c r="BS49" s="252" t="str">
        <f t="shared" si="3"/>
        <v/>
      </c>
      <c r="BT49" s="247" t="str">
        <f t="shared" si="3"/>
        <v/>
      </c>
    </row>
    <row r="50" spans="1:72" s="17" customFormat="1" ht="34.5" customHeight="1">
      <c r="A50" s="208" t="s">
        <v>40</v>
      </c>
      <c r="B50" s="13"/>
      <c r="C50" s="15"/>
      <c r="D50" s="15"/>
      <c r="E50" s="15"/>
      <c r="F50" s="15"/>
      <c r="G50" s="15"/>
      <c r="H50" s="16"/>
      <c r="I50" s="400" t="s">
        <v>20</v>
      </c>
      <c r="J50" s="401"/>
      <c r="K50" s="402"/>
      <c r="L50" s="20"/>
      <c r="M50" s="20"/>
      <c r="N50" s="20"/>
      <c r="O50" s="20"/>
      <c r="P50" s="20"/>
      <c r="Q50" s="20"/>
      <c r="R50" s="20"/>
      <c r="S50" s="20"/>
      <c r="T50" s="20"/>
      <c r="U50" s="20"/>
      <c r="V50" s="20"/>
      <c r="W50" s="20"/>
      <c r="X50" s="20"/>
      <c r="Y50" s="20"/>
      <c r="Z50" s="20"/>
      <c r="AA50" s="20"/>
      <c r="AB50" s="20"/>
      <c r="AC50" s="20"/>
      <c r="AD50" s="20"/>
      <c r="AE50" s="20"/>
      <c r="AF50" s="20"/>
      <c r="AG50" s="20"/>
      <c r="AH50" s="20"/>
      <c r="AI50" s="20"/>
      <c r="AJ50" s="20"/>
      <c r="AK50" s="20"/>
      <c r="AL50" s="20"/>
      <c r="AM50" s="20"/>
      <c r="AN50" s="20"/>
      <c r="AO50" s="20"/>
      <c r="AP50" s="20"/>
      <c r="AQ50" s="20"/>
      <c r="AR50" s="20"/>
      <c r="AS50" s="20"/>
      <c r="AT50" s="20"/>
      <c r="AU50" s="20"/>
      <c r="AV50" s="20"/>
      <c r="AW50" s="20"/>
      <c r="AX50" s="20"/>
      <c r="AY50" s="20"/>
      <c r="AZ50" s="20"/>
      <c r="BA50" s="20"/>
      <c r="BB50" s="20"/>
      <c r="BC50" s="20"/>
      <c r="BD50" s="20"/>
      <c r="BE50" s="20"/>
      <c r="BF50" s="20"/>
      <c r="BG50" s="20"/>
      <c r="BH50" s="20"/>
      <c r="BI50" s="20"/>
      <c r="BJ50" s="20"/>
      <c r="BK50" s="20"/>
      <c r="BL50" s="20"/>
      <c r="BM50" s="20"/>
      <c r="BN50" s="20"/>
      <c r="BO50" s="20"/>
      <c r="BP50" s="20"/>
      <c r="BQ50" s="20"/>
      <c r="BR50" s="20"/>
      <c r="BS50" s="20"/>
    </row>
    <row r="51" spans="1:72" s="17" customFormat="1" ht="34.5" customHeight="1">
      <c r="A51" s="208" t="s">
        <v>40</v>
      </c>
      <c r="B51" s="19"/>
      <c r="C51" s="15"/>
      <c r="D51" s="15"/>
      <c r="E51" s="15"/>
      <c r="F51" s="15"/>
      <c r="G51" s="15"/>
      <c r="H51" s="16"/>
      <c r="I51" s="400" t="s">
        <v>21</v>
      </c>
      <c r="J51" s="401"/>
      <c r="K51" s="402"/>
      <c r="L51" s="20"/>
      <c r="M51" s="20"/>
      <c r="N51" s="20"/>
      <c r="O51" s="20"/>
      <c r="P51" s="20"/>
      <c r="Q51" s="20"/>
      <c r="R51" s="20"/>
      <c r="S51" s="20"/>
      <c r="T51" s="20"/>
      <c r="U51" s="20"/>
      <c r="V51" s="20"/>
      <c r="W51" s="20"/>
      <c r="X51" s="20"/>
      <c r="Y51" s="20"/>
      <c r="Z51" s="20"/>
      <c r="AA51" s="20"/>
      <c r="AB51" s="20"/>
      <c r="AC51" s="20"/>
      <c r="AD51" s="20"/>
      <c r="AE51" s="20"/>
      <c r="AF51" s="20"/>
      <c r="AG51" s="20"/>
      <c r="AH51" s="20"/>
      <c r="AI51" s="20"/>
      <c r="AJ51" s="20"/>
      <c r="AK51" s="20"/>
      <c r="AL51" s="20"/>
      <c r="AM51" s="20"/>
      <c r="AN51" s="20"/>
      <c r="AO51" s="20"/>
      <c r="AP51" s="20"/>
      <c r="AQ51" s="20"/>
      <c r="AR51" s="20"/>
      <c r="AS51" s="20"/>
      <c r="AT51" s="20"/>
      <c r="AU51" s="20"/>
      <c r="AV51" s="20"/>
      <c r="AW51" s="20"/>
      <c r="AX51" s="20"/>
      <c r="AY51" s="20"/>
      <c r="AZ51" s="20"/>
      <c r="BA51" s="20"/>
      <c r="BB51" s="20"/>
      <c r="BC51" s="20"/>
      <c r="BD51" s="20"/>
      <c r="BE51" s="20"/>
      <c r="BF51" s="20"/>
      <c r="BG51" s="20"/>
      <c r="BH51" s="20"/>
      <c r="BI51" s="20"/>
      <c r="BJ51" s="20"/>
      <c r="BK51" s="20"/>
      <c r="BL51" s="20"/>
      <c r="BM51" s="20"/>
      <c r="BN51" s="20"/>
      <c r="BO51" s="20"/>
      <c r="BP51" s="20"/>
      <c r="BQ51" s="20"/>
      <c r="BR51" s="20"/>
      <c r="BS51" s="20"/>
    </row>
    <row r="52" spans="1:72" s="17" customFormat="1" ht="34.5" customHeight="1">
      <c r="A52" s="208" t="s">
        <v>40</v>
      </c>
      <c r="B52" s="19"/>
      <c r="C52" s="15"/>
      <c r="D52" s="15"/>
      <c r="E52" s="15"/>
      <c r="F52" s="15"/>
      <c r="G52" s="15"/>
      <c r="H52" s="16"/>
      <c r="I52" s="400" t="s">
        <v>23</v>
      </c>
      <c r="J52" s="401"/>
      <c r="K52" s="402"/>
      <c r="L52" s="21"/>
      <c r="M52" s="21"/>
      <c r="N52" s="21"/>
      <c r="O52" s="21"/>
      <c r="P52" s="21"/>
      <c r="Q52" s="21"/>
      <c r="R52" s="21"/>
      <c r="S52" s="21"/>
      <c r="T52" s="21"/>
      <c r="U52" s="21"/>
      <c r="V52" s="21"/>
      <c r="W52" s="21"/>
      <c r="X52" s="21"/>
      <c r="Y52" s="21"/>
      <c r="Z52" s="21"/>
      <c r="AA52" s="21"/>
      <c r="AB52" s="21"/>
      <c r="AC52" s="21"/>
      <c r="AD52" s="21"/>
      <c r="AE52" s="21"/>
      <c r="AF52" s="21"/>
      <c r="AG52" s="21"/>
      <c r="AH52" s="21"/>
      <c r="AI52" s="21"/>
      <c r="AJ52" s="21"/>
      <c r="AK52" s="21"/>
      <c r="AL52" s="21"/>
      <c r="AM52" s="21"/>
      <c r="AN52" s="21"/>
      <c r="AO52" s="21"/>
      <c r="AP52" s="21"/>
      <c r="AQ52" s="21"/>
      <c r="AR52" s="21"/>
      <c r="AS52" s="21"/>
      <c r="AT52" s="21"/>
      <c r="AU52" s="21"/>
      <c r="AV52" s="21"/>
      <c r="AW52" s="21"/>
      <c r="AX52" s="21"/>
      <c r="AY52" s="21"/>
      <c r="AZ52" s="21"/>
      <c r="BA52" s="21"/>
      <c r="BB52" s="21"/>
      <c r="BC52" s="21"/>
      <c r="BD52" s="21"/>
      <c r="BE52" s="21"/>
      <c r="BF52" s="21"/>
      <c r="BG52" s="21"/>
      <c r="BH52" s="21"/>
      <c r="BI52" s="21"/>
      <c r="BJ52" s="21"/>
      <c r="BK52" s="21"/>
      <c r="BL52" s="21"/>
      <c r="BM52" s="21"/>
      <c r="BN52" s="21"/>
      <c r="BO52" s="21"/>
      <c r="BP52" s="21"/>
      <c r="BQ52" s="21"/>
      <c r="BR52" s="21"/>
      <c r="BS52" s="21"/>
    </row>
    <row r="53" spans="1:72" s="17" customFormat="1" ht="34.5" customHeight="1">
      <c r="A53" s="208" t="s">
        <v>40</v>
      </c>
      <c r="B53" s="13"/>
      <c r="C53" s="15"/>
      <c r="D53" s="15"/>
      <c r="E53" s="15"/>
      <c r="F53" s="15"/>
      <c r="G53" s="15"/>
      <c r="H53" s="16"/>
      <c r="I53" s="400" t="s">
        <v>24</v>
      </c>
      <c r="J53" s="401"/>
      <c r="K53" s="402"/>
      <c r="L53" s="21"/>
      <c r="M53" s="21"/>
      <c r="N53" s="21"/>
      <c r="O53" s="21"/>
      <c r="P53" s="21"/>
      <c r="Q53" s="21"/>
      <c r="R53" s="21"/>
      <c r="S53" s="21"/>
      <c r="T53" s="21"/>
      <c r="U53" s="21"/>
      <c r="V53" s="21"/>
      <c r="W53" s="21"/>
      <c r="X53" s="21"/>
      <c r="Y53" s="21"/>
      <c r="Z53" s="21"/>
      <c r="AA53" s="21"/>
      <c r="AB53" s="21"/>
      <c r="AC53" s="21"/>
      <c r="AD53" s="21"/>
      <c r="AE53" s="21"/>
      <c r="AF53" s="21"/>
      <c r="AG53" s="21"/>
      <c r="AH53" s="21"/>
      <c r="AI53" s="21"/>
      <c r="AJ53" s="21"/>
      <c r="AK53" s="21"/>
      <c r="AL53" s="21"/>
      <c r="AM53" s="21"/>
      <c r="AN53" s="21"/>
      <c r="AO53" s="21"/>
      <c r="AP53" s="21"/>
      <c r="AQ53" s="21"/>
      <c r="AR53" s="21"/>
      <c r="AS53" s="21"/>
      <c r="AT53" s="21"/>
      <c r="AU53" s="21"/>
      <c r="AV53" s="21"/>
      <c r="AW53" s="21"/>
      <c r="AX53" s="21"/>
      <c r="AY53" s="21"/>
      <c r="AZ53" s="21"/>
      <c r="BA53" s="21"/>
      <c r="BB53" s="21"/>
      <c r="BC53" s="21"/>
      <c r="BD53" s="21"/>
      <c r="BE53" s="21"/>
      <c r="BF53" s="21"/>
      <c r="BG53" s="21"/>
      <c r="BH53" s="21"/>
      <c r="BI53" s="21"/>
      <c r="BJ53" s="21"/>
      <c r="BK53" s="21"/>
      <c r="BL53" s="21"/>
      <c r="BM53" s="21"/>
      <c r="BN53" s="21"/>
      <c r="BO53" s="21"/>
      <c r="BP53" s="21"/>
      <c r="BQ53" s="21"/>
      <c r="BR53" s="21"/>
      <c r="BS53" s="21"/>
    </row>
    <row r="54" spans="1:72" s="17" customFormat="1" ht="34.5" customHeight="1">
      <c r="A54" s="208" t="s">
        <v>40</v>
      </c>
      <c r="B54" s="13"/>
      <c r="C54" s="15"/>
      <c r="D54" s="15"/>
      <c r="E54" s="15"/>
      <c r="F54" s="15"/>
      <c r="G54" s="15"/>
      <c r="H54" s="16"/>
      <c r="I54" s="400" t="s">
        <v>29</v>
      </c>
      <c r="J54" s="401"/>
      <c r="K54" s="402"/>
      <c r="L54" s="21"/>
      <c r="M54" s="21"/>
      <c r="N54" s="21"/>
      <c r="O54" s="21"/>
      <c r="P54" s="21"/>
      <c r="Q54" s="21"/>
      <c r="R54" s="21"/>
      <c r="S54" s="21"/>
      <c r="T54" s="21"/>
      <c r="U54" s="21"/>
      <c r="V54" s="21"/>
      <c r="W54" s="21"/>
      <c r="X54" s="21"/>
      <c r="Y54" s="21"/>
      <c r="Z54" s="21"/>
      <c r="AA54" s="21"/>
      <c r="AB54" s="21"/>
      <c r="AC54" s="21"/>
      <c r="AD54" s="21"/>
      <c r="AE54" s="21"/>
      <c r="AF54" s="21"/>
      <c r="AG54" s="21"/>
      <c r="AH54" s="21"/>
      <c r="AI54" s="21"/>
      <c r="AJ54" s="21"/>
      <c r="AK54" s="21"/>
      <c r="AL54" s="21"/>
      <c r="AM54" s="21"/>
      <c r="AN54" s="21"/>
      <c r="AO54" s="21"/>
      <c r="AP54" s="21"/>
      <c r="AQ54" s="21"/>
      <c r="AR54" s="21"/>
      <c r="AS54" s="21"/>
      <c r="AT54" s="21"/>
      <c r="AU54" s="21"/>
      <c r="AV54" s="21"/>
      <c r="AW54" s="21"/>
      <c r="AX54" s="21"/>
      <c r="AY54" s="21"/>
      <c r="AZ54" s="21"/>
      <c r="BA54" s="21"/>
      <c r="BB54" s="21"/>
      <c r="BC54" s="21"/>
      <c r="BD54" s="21"/>
      <c r="BE54" s="21"/>
      <c r="BF54" s="21"/>
      <c r="BG54" s="21"/>
      <c r="BH54" s="21"/>
      <c r="BI54" s="21"/>
      <c r="BJ54" s="21"/>
      <c r="BK54" s="21"/>
      <c r="BL54" s="21"/>
      <c r="BM54" s="21"/>
      <c r="BN54" s="21"/>
      <c r="BO54" s="21"/>
      <c r="BP54" s="21"/>
      <c r="BQ54" s="21"/>
      <c r="BR54" s="21"/>
      <c r="BS54" s="21"/>
    </row>
    <row r="55" spans="1:72" s="17" customFormat="1" ht="34.5" customHeight="1">
      <c r="A55" s="208" t="s">
        <v>40</v>
      </c>
      <c r="B55" s="13"/>
      <c r="C55" s="15"/>
      <c r="D55" s="15"/>
      <c r="E55" s="15"/>
      <c r="F55" s="15"/>
      <c r="G55" s="15"/>
      <c r="H55" s="16"/>
      <c r="I55" s="400" t="s">
        <v>30</v>
      </c>
      <c r="J55" s="401"/>
      <c r="K55" s="402"/>
      <c r="L55" s="21"/>
      <c r="M55" s="21"/>
      <c r="N55" s="21"/>
      <c r="O55" s="21"/>
      <c r="P55" s="21"/>
      <c r="Q55" s="21"/>
      <c r="R55" s="21"/>
      <c r="S55" s="21"/>
      <c r="T55" s="21"/>
      <c r="U55" s="21"/>
      <c r="V55" s="21"/>
      <c r="W55" s="21"/>
      <c r="X55" s="21"/>
      <c r="Y55" s="21"/>
      <c r="Z55" s="21"/>
      <c r="AA55" s="21"/>
      <c r="AB55" s="21"/>
      <c r="AC55" s="21"/>
      <c r="AD55" s="21"/>
      <c r="AE55" s="21"/>
      <c r="AF55" s="21"/>
      <c r="AG55" s="21"/>
      <c r="AH55" s="21"/>
      <c r="AI55" s="21"/>
      <c r="AJ55" s="21"/>
      <c r="AK55" s="21"/>
      <c r="AL55" s="21"/>
      <c r="AM55" s="21"/>
      <c r="AN55" s="21"/>
      <c r="AO55" s="21"/>
      <c r="AP55" s="21"/>
      <c r="AQ55" s="21"/>
      <c r="AR55" s="21"/>
      <c r="AS55" s="21"/>
      <c r="AT55" s="21"/>
      <c r="AU55" s="21"/>
      <c r="AV55" s="21"/>
      <c r="AW55" s="21"/>
      <c r="AX55" s="21"/>
      <c r="AY55" s="21"/>
      <c r="AZ55" s="21"/>
      <c r="BA55" s="21"/>
      <c r="BB55" s="21"/>
      <c r="BC55" s="21"/>
      <c r="BD55" s="21"/>
      <c r="BE55" s="21"/>
      <c r="BF55" s="21"/>
      <c r="BG55" s="21"/>
      <c r="BH55" s="21"/>
      <c r="BI55" s="21"/>
      <c r="BJ55" s="21"/>
      <c r="BK55" s="21"/>
      <c r="BL55" s="21"/>
      <c r="BM55" s="21"/>
      <c r="BN55" s="21"/>
      <c r="BO55" s="21"/>
      <c r="BP55" s="21"/>
      <c r="BQ55" s="21"/>
      <c r="BR55" s="21"/>
      <c r="BS55" s="21"/>
    </row>
    <row r="56" spans="1:72" s="25" customFormat="1" ht="34.5" customHeight="1">
      <c r="A56" s="208" t="s">
        <v>40</v>
      </c>
      <c r="B56" s="13"/>
      <c r="C56" s="15"/>
      <c r="D56" s="15"/>
      <c r="E56" s="15"/>
      <c r="F56" s="15"/>
      <c r="G56" s="15"/>
      <c r="H56" s="16"/>
      <c r="I56" s="400" t="s">
        <v>31</v>
      </c>
      <c r="J56" s="401"/>
      <c r="K56" s="402"/>
      <c r="L56" s="21"/>
      <c r="M56" s="21"/>
      <c r="N56" s="21"/>
      <c r="O56" s="21"/>
      <c r="P56" s="21"/>
      <c r="Q56" s="21"/>
      <c r="R56" s="21"/>
      <c r="S56" s="21"/>
      <c r="T56" s="21"/>
      <c r="U56" s="21"/>
      <c r="V56" s="21"/>
      <c r="W56" s="21"/>
      <c r="X56" s="21"/>
      <c r="Y56" s="21"/>
      <c r="Z56" s="21"/>
      <c r="AA56" s="21"/>
      <c r="AB56" s="21"/>
      <c r="AC56" s="21"/>
      <c r="AD56" s="21"/>
      <c r="AE56" s="21"/>
      <c r="AF56" s="21"/>
      <c r="AG56" s="21"/>
      <c r="AH56" s="21"/>
      <c r="AI56" s="21"/>
      <c r="AJ56" s="21"/>
      <c r="AK56" s="21"/>
      <c r="AL56" s="21"/>
      <c r="AM56" s="21"/>
      <c r="AN56" s="21"/>
      <c r="AO56" s="21"/>
      <c r="AP56" s="21"/>
      <c r="AQ56" s="21"/>
      <c r="AR56" s="21"/>
      <c r="AS56" s="21"/>
      <c r="AT56" s="21"/>
      <c r="AU56" s="21"/>
      <c r="AV56" s="21"/>
      <c r="AW56" s="21"/>
      <c r="AX56" s="21"/>
      <c r="AY56" s="21"/>
      <c r="AZ56" s="21"/>
      <c r="BA56" s="21"/>
      <c r="BB56" s="21"/>
      <c r="BC56" s="21"/>
      <c r="BD56" s="21"/>
      <c r="BE56" s="21"/>
      <c r="BF56" s="21"/>
      <c r="BG56" s="21"/>
      <c r="BH56" s="21"/>
      <c r="BI56" s="21"/>
      <c r="BJ56" s="21"/>
      <c r="BK56" s="21"/>
      <c r="BL56" s="21"/>
      <c r="BM56" s="21"/>
      <c r="BN56" s="21"/>
      <c r="BO56" s="21"/>
      <c r="BP56" s="21"/>
      <c r="BQ56" s="21"/>
      <c r="BR56" s="21"/>
      <c r="BS56" s="21"/>
    </row>
    <row r="57" spans="1:72" s="17" customFormat="1" ht="34.5" customHeight="1">
      <c r="A57" s="208" t="s">
        <v>40</v>
      </c>
      <c r="B57" s="13"/>
      <c r="C57" s="15"/>
      <c r="D57" s="15"/>
      <c r="E57" s="15"/>
      <c r="F57" s="15"/>
      <c r="G57" s="15"/>
      <c r="H57" s="16"/>
      <c r="I57" s="391" t="s">
        <v>26</v>
      </c>
      <c r="J57" s="391"/>
      <c r="K57" s="391"/>
      <c r="L57" s="21" t="s">
        <v>22</v>
      </c>
      <c r="M57" s="21" t="s">
        <v>22</v>
      </c>
      <c r="N57" s="21" t="s">
        <v>22</v>
      </c>
      <c r="O57" s="21" t="s">
        <v>22</v>
      </c>
      <c r="P57" s="21" t="s">
        <v>22</v>
      </c>
      <c r="Q57" s="21" t="s">
        <v>22</v>
      </c>
      <c r="R57" s="21"/>
      <c r="S57" s="21"/>
      <c r="T57" s="21"/>
      <c r="U57" s="21"/>
      <c r="V57" s="21"/>
      <c r="W57" s="21"/>
      <c r="X57" s="21"/>
      <c r="Y57" s="21"/>
      <c r="Z57" s="21"/>
      <c r="AA57" s="21"/>
      <c r="AB57" s="21"/>
      <c r="AC57" s="21"/>
      <c r="AD57" s="21"/>
      <c r="AE57" s="21"/>
      <c r="AF57" s="21"/>
      <c r="AG57" s="21"/>
      <c r="AH57" s="21"/>
      <c r="AI57" s="21"/>
      <c r="AJ57" s="21"/>
      <c r="AK57" s="21"/>
      <c r="AL57" s="21"/>
      <c r="AM57" s="21"/>
      <c r="AN57" s="21"/>
      <c r="AO57" s="21"/>
      <c r="AP57" s="21"/>
      <c r="AQ57" s="21"/>
      <c r="AR57" s="21"/>
      <c r="AS57" s="21"/>
      <c r="AT57" s="21"/>
      <c r="AU57" s="21"/>
      <c r="AV57" s="21"/>
      <c r="AW57" s="21"/>
      <c r="AX57" s="21"/>
      <c r="AY57" s="21"/>
      <c r="AZ57" s="21"/>
      <c r="BA57" s="21"/>
      <c r="BB57" s="21"/>
      <c r="BC57" s="21"/>
      <c r="BD57" s="21"/>
      <c r="BE57" s="21"/>
      <c r="BF57" s="21"/>
      <c r="BG57" s="21"/>
      <c r="BH57" s="21"/>
      <c r="BI57" s="21"/>
      <c r="BJ57" s="21"/>
      <c r="BK57" s="21"/>
      <c r="BL57" s="21"/>
      <c r="BM57" s="21"/>
      <c r="BN57" s="21"/>
      <c r="BO57" s="21"/>
      <c r="BP57" s="21"/>
      <c r="BQ57" s="21"/>
      <c r="BR57" s="21"/>
      <c r="BS57" s="21"/>
    </row>
    <row r="58" spans="1:72" s="17" customFormat="1" ht="34.5" customHeight="1">
      <c r="A58" s="208" t="s">
        <v>40</v>
      </c>
      <c r="B58" s="13"/>
      <c r="C58" s="15"/>
      <c r="D58" s="15"/>
      <c r="E58" s="15"/>
      <c r="F58" s="15"/>
      <c r="G58" s="15"/>
      <c r="H58" s="16"/>
      <c r="I58" s="391" t="s">
        <v>41</v>
      </c>
      <c r="J58" s="391"/>
      <c r="K58" s="391"/>
      <c r="L58" s="21" t="s">
        <v>42</v>
      </c>
      <c r="M58" s="21" t="s">
        <v>42</v>
      </c>
      <c r="N58" s="21" t="s">
        <v>42</v>
      </c>
      <c r="O58" s="21" t="s">
        <v>42</v>
      </c>
      <c r="P58" s="21" t="s">
        <v>42</v>
      </c>
      <c r="Q58" s="21" t="s">
        <v>42</v>
      </c>
      <c r="R58" s="21"/>
      <c r="S58" s="21"/>
      <c r="T58" s="21"/>
      <c r="U58" s="21"/>
      <c r="V58" s="21"/>
      <c r="W58" s="21"/>
      <c r="X58" s="21"/>
      <c r="Y58" s="21"/>
      <c r="Z58" s="21"/>
      <c r="AA58" s="21"/>
      <c r="AB58" s="21"/>
      <c r="AC58" s="21"/>
      <c r="AD58" s="21"/>
      <c r="AE58" s="21"/>
      <c r="AF58" s="21"/>
      <c r="AG58" s="21"/>
      <c r="AH58" s="21"/>
      <c r="AI58" s="21"/>
      <c r="AJ58" s="21"/>
      <c r="AK58" s="21"/>
      <c r="AL58" s="21"/>
      <c r="AM58" s="21"/>
      <c r="AN58" s="21"/>
      <c r="AO58" s="21"/>
      <c r="AP58" s="21"/>
      <c r="AQ58" s="21"/>
      <c r="AR58" s="21"/>
      <c r="AS58" s="21"/>
      <c r="AT58" s="21"/>
      <c r="AU58" s="21"/>
      <c r="AV58" s="21"/>
      <c r="AW58" s="21"/>
      <c r="AX58" s="21"/>
      <c r="AY58" s="21"/>
      <c r="AZ58" s="21"/>
      <c r="BA58" s="21"/>
      <c r="BB58" s="21"/>
      <c r="BC58" s="21"/>
      <c r="BD58" s="21"/>
      <c r="BE58" s="21"/>
      <c r="BF58" s="21"/>
      <c r="BG58" s="21"/>
      <c r="BH58" s="21"/>
      <c r="BI58" s="21"/>
      <c r="BJ58" s="21"/>
      <c r="BK58" s="21"/>
      <c r="BL58" s="21"/>
      <c r="BM58" s="21"/>
      <c r="BN58" s="21"/>
      <c r="BO58" s="21"/>
      <c r="BP58" s="21"/>
      <c r="BQ58" s="21"/>
      <c r="BR58" s="21"/>
      <c r="BS58" s="21"/>
    </row>
    <row r="59" spans="1:72" s="17" customFormat="1">
      <c r="A59" s="178"/>
      <c r="B59" s="13"/>
      <c r="C59" s="2"/>
      <c r="D59" s="2"/>
      <c r="E59" s="3"/>
      <c r="F59" s="2"/>
      <c r="G59" s="26"/>
      <c r="H59" s="4"/>
      <c r="I59" s="4"/>
      <c r="J59" s="5"/>
      <c r="K59" s="24"/>
      <c r="L59" s="7"/>
      <c r="M59" s="7"/>
      <c r="N59" s="7"/>
      <c r="O59" s="7"/>
      <c r="P59" s="7"/>
      <c r="Q59" s="7"/>
      <c r="R59" s="8"/>
    </row>
    <row r="60" spans="1:72" s="17" customFormat="1">
      <c r="A60" s="178"/>
      <c r="B60" s="13"/>
      <c r="C60" s="2"/>
      <c r="D60" s="2"/>
      <c r="E60" s="3"/>
      <c r="F60" s="2"/>
      <c r="G60" s="26"/>
      <c r="H60" s="4"/>
      <c r="I60" s="4"/>
      <c r="J60" s="5"/>
      <c r="K60" s="24"/>
      <c r="L60" s="7"/>
      <c r="M60" s="7"/>
      <c r="N60" s="7"/>
      <c r="O60" s="7"/>
      <c r="P60" s="7"/>
      <c r="Q60" s="7"/>
      <c r="R60" s="8"/>
    </row>
    <row r="61" spans="1:72" s="17" customFormat="1">
      <c r="A61" s="178"/>
      <c r="B61" s="13"/>
      <c r="C61" s="2"/>
      <c r="D61" s="2"/>
      <c r="E61" s="3"/>
      <c r="F61" s="2"/>
      <c r="G61" s="26"/>
      <c r="H61" s="4"/>
      <c r="I61" s="4"/>
      <c r="J61" s="5"/>
      <c r="K61" s="24"/>
      <c r="L61" s="5"/>
      <c r="M61" s="5"/>
      <c r="N61" s="7"/>
      <c r="O61" s="7"/>
      <c r="P61" s="7"/>
      <c r="Q61" s="7"/>
      <c r="R61" s="7"/>
      <c r="S61" s="7"/>
      <c r="T61" s="7"/>
      <c r="U61" s="7"/>
      <c r="V61" s="7"/>
      <c r="W61" s="8"/>
    </row>
    <row r="62" spans="1:72" s="17" customFormat="1">
      <c r="A62" s="178"/>
      <c r="B62" s="13"/>
      <c r="C62" s="2"/>
      <c r="D62" s="2"/>
      <c r="E62" s="3"/>
      <c r="F62" s="2"/>
      <c r="G62" s="23"/>
      <c r="H62" s="4"/>
      <c r="I62" s="4"/>
      <c r="J62" s="5"/>
      <c r="K62" s="24"/>
      <c r="L62" s="5"/>
      <c r="M62" s="5"/>
      <c r="N62" s="7"/>
      <c r="O62" s="7"/>
      <c r="P62" s="7"/>
      <c r="Q62" s="7"/>
      <c r="R62" s="7"/>
      <c r="S62" s="7"/>
      <c r="T62" s="7"/>
      <c r="U62" s="7"/>
      <c r="V62" s="7"/>
      <c r="W62" s="8"/>
    </row>
    <row r="63" spans="1:72" s="17" customFormat="1">
      <c r="A63" s="178"/>
      <c r="B63" s="14"/>
      <c r="C63" s="27"/>
      <c r="D63" s="27"/>
      <c r="E63" s="27"/>
      <c r="F63" s="27"/>
      <c r="G63" s="27"/>
      <c r="H63" s="16"/>
      <c r="I63" s="16"/>
      <c r="J63" s="5"/>
      <c r="K63" s="24"/>
      <c r="L63" s="5"/>
      <c r="M63" s="5"/>
      <c r="N63" s="7"/>
      <c r="O63" s="7"/>
      <c r="P63" s="7"/>
      <c r="W63" s="8"/>
    </row>
    <row r="64" spans="1:72" s="17" customFormat="1">
      <c r="A64" s="178"/>
      <c r="B64" s="1"/>
      <c r="C64" s="28" t="s">
        <v>43</v>
      </c>
      <c r="D64" s="223"/>
      <c r="E64" s="223"/>
      <c r="F64" s="223"/>
      <c r="G64" s="223"/>
      <c r="H64" s="223"/>
      <c r="I64" s="4"/>
      <c r="J64" s="29"/>
      <c r="K64" s="6"/>
      <c r="L64" s="5"/>
      <c r="M64" s="5"/>
      <c r="N64" s="7"/>
      <c r="O64" s="7"/>
      <c r="P64" s="7"/>
      <c r="Q64" s="7"/>
      <c r="R64" s="7"/>
      <c r="S64" s="7"/>
      <c r="T64" s="7"/>
      <c r="U64" s="7"/>
      <c r="V64" s="7"/>
      <c r="W64" s="8"/>
    </row>
    <row r="65" spans="1:23" s="17" customFormat="1" ht="34.5" customHeight="1">
      <c r="A65" s="178"/>
      <c r="B65" s="1"/>
      <c r="C65" s="30"/>
      <c r="D65" s="281" t="s">
        <v>44</v>
      </c>
      <c r="E65" s="281"/>
      <c r="F65" s="281"/>
      <c r="G65" s="281"/>
      <c r="H65" s="281"/>
      <c r="I65" s="281"/>
      <c r="J65" s="281"/>
      <c r="K65" s="281"/>
      <c r="L65" s="281"/>
      <c r="M65" s="31"/>
      <c r="N65" s="31"/>
      <c r="O65" s="31"/>
      <c r="P65" s="31"/>
      <c r="Q65" s="32"/>
      <c r="R65" s="32"/>
      <c r="S65" s="32"/>
      <c r="T65" s="32"/>
      <c r="U65" s="32"/>
      <c r="V65" s="32"/>
      <c r="W65" s="8"/>
    </row>
    <row r="66" spans="1:23" s="17" customFormat="1" ht="34.5" customHeight="1">
      <c r="A66" s="178"/>
      <c r="B66" s="1"/>
      <c r="C66" s="33"/>
      <c r="D66" s="282" t="s">
        <v>45</v>
      </c>
      <c r="E66" s="282"/>
      <c r="F66" s="282"/>
      <c r="G66" s="282"/>
      <c r="H66" s="282"/>
      <c r="I66" s="282"/>
      <c r="J66" s="282"/>
      <c r="K66" s="282"/>
      <c r="L66" s="282"/>
      <c r="M66" s="31"/>
      <c r="N66" s="31"/>
      <c r="O66" s="31"/>
      <c r="P66" s="31"/>
      <c r="Q66" s="32"/>
      <c r="R66" s="32"/>
      <c r="S66" s="32"/>
      <c r="T66" s="32"/>
      <c r="U66" s="32"/>
      <c r="V66" s="32"/>
      <c r="W66" s="8"/>
    </row>
    <row r="67" spans="1:23" s="17" customFormat="1" ht="34.5" customHeight="1">
      <c r="A67" s="178"/>
      <c r="B67" s="1"/>
      <c r="C67" s="33"/>
      <c r="D67" s="282" t="s">
        <v>46</v>
      </c>
      <c r="E67" s="282"/>
      <c r="F67" s="282"/>
      <c r="G67" s="282"/>
      <c r="H67" s="282"/>
      <c r="I67" s="282"/>
      <c r="J67" s="282"/>
      <c r="K67" s="282"/>
      <c r="L67" s="282"/>
      <c r="M67" s="31"/>
      <c r="N67" s="31"/>
      <c r="O67" s="31"/>
      <c r="P67" s="31"/>
      <c r="Q67" s="32"/>
      <c r="R67" s="32"/>
      <c r="S67" s="32"/>
      <c r="T67" s="32"/>
      <c r="U67" s="32"/>
      <c r="V67" s="32"/>
      <c r="W67" s="8"/>
    </row>
    <row r="68" spans="1:23" s="17" customFormat="1" ht="34.5" customHeight="1">
      <c r="A68" s="178"/>
      <c r="B68" s="1"/>
      <c r="C68" s="33"/>
      <c r="D68" s="282" t="s">
        <v>47</v>
      </c>
      <c r="E68" s="282"/>
      <c r="F68" s="282"/>
      <c r="G68" s="282"/>
      <c r="H68" s="282"/>
      <c r="I68" s="282"/>
      <c r="J68" s="282"/>
      <c r="K68" s="282"/>
      <c r="L68" s="282"/>
      <c r="M68" s="31"/>
      <c r="N68" s="31"/>
      <c r="O68" s="31"/>
      <c r="P68" s="31"/>
      <c r="Q68" s="32"/>
      <c r="R68" s="32"/>
      <c r="S68" s="32"/>
      <c r="T68" s="32"/>
      <c r="U68" s="32"/>
      <c r="V68" s="32"/>
      <c r="W68" s="8"/>
    </row>
    <row r="69" spans="1:23" s="17" customFormat="1" ht="34.5" customHeight="1">
      <c r="A69" s="178"/>
      <c r="B69" s="1"/>
      <c r="C69" s="33"/>
      <c r="D69" s="282" t="s">
        <v>48</v>
      </c>
      <c r="E69" s="282"/>
      <c r="F69" s="282"/>
      <c r="G69" s="282"/>
      <c r="H69" s="282"/>
      <c r="I69" s="282"/>
      <c r="J69" s="282"/>
      <c r="K69" s="282"/>
      <c r="L69" s="282"/>
      <c r="M69" s="31"/>
      <c r="N69" s="31"/>
      <c r="O69" s="31"/>
      <c r="P69" s="31"/>
      <c r="Q69" s="32"/>
      <c r="R69" s="32"/>
      <c r="S69" s="32"/>
      <c r="T69" s="32"/>
      <c r="U69" s="32"/>
      <c r="V69" s="32"/>
      <c r="W69" s="8"/>
    </row>
    <row r="70" spans="1:23" s="17" customFormat="1">
      <c r="A70" s="178"/>
      <c r="B70" s="14"/>
      <c r="C70" s="27"/>
      <c r="D70" s="27"/>
      <c r="E70" s="27"/>
      <c r="F70" s="27"/>
      <c r="G70" s="27"/>
      <c r="H70" s="16"/>
      <c r="I70" s="16"/>
      <c r="J70" s="5"/>
      <c r="K70" s="6"/>
      <c r="L70" s="5"/>
      <c r="M70" s="5"/>
      <c r="N70" s="7"/>
      <c r="O70" s="7"/>
      <c r="P70" s="7"/>
      <c r="W70" s="8"/>
    </row>
    <row r="71" spans="1:23" s="38" customFormat="1">
      <c r="A71" s="180"/>
      <c r="B71" s="14"/>
      <c r="C71" s="34" t="s">
        <v>49</v>
      </c>
      <c r="F71" s="36"/>
      <c r="G71" s="34"/>
      <c r="H71" s="35" t="s">
        <v>50</v>
      </c>
      <c r="I71" s="35"/>
      <c r="J71" s="35" t="s">
        <v>51</v>
      </c>
      <c r="K71" s="37"/>
      <c r="L71" s="35"/>
      <c r="M71" s="36"/>
      <c r="N71" s="36"/>
      <c r="O71" s="36"/>
      <c r="P71" s="36"/>
      <c r="Q71" s="36"/>
      <c r="R71" s="36"/>
      <c r="S71" s="36"/>
      <c r="T71" s="36"/>
      <c r="U71" s="36"/>
    </row>
    <row r="72" spans="1:23" s="17" customFormat="1">
      <c r="A72" s="178"/>
      <c r="B72" s="1"/>
      <c r="C72" s="39"/>
      <c r="D72" s="27"/>
      <c r="E72" s="27"/>
      <c r="F72" s="27"/>
      <c r="G72" s="27"/>
      <c r="H72" s="16"/>
      <c r="I72" s="223"/>
      <c r="J72" s="5"/>
      <c r="K72" s="6"/>
      <c r="L72" s="40"/>
      <c r="M72" s="212"/>
      <c r="N72" s="212"/>
      <c r="O72" s="212"/>
      <c r="P72" s="212"/>
      <c r="R72" s="41"/>
      <c r="S72" s="41"/>
      <c r="T72" s="41"/>
      <c r="U72" s="41"/>
      <c r="V72" s="41"/>
      <c r="W72" s="8"/>
    </row>
    <row r="73" spans="1:23" s="17" customFormat="1">
      <c r="A73" s="178"/>
      <c r="B73" s="1"/>
      <c r="C73" s="32"/>
      <c r="D73" s="32"/>
      <c r="E73" s="32"/>
      <c r="F73" s="32"/>
      <c r="G73" s="32"/>
      <c r="H73" s="32"/>
      <c r="I73" s="32"/>
      <c r="J73" s="32"/>
      <c r="K73" s="42"/>
      <c r="L73" s="32"/>
      <c r="M73" s="32"/>
      <c r="N73" s="32"/>
      <c r="O73" s="32"/>
      <c r="P73" s="32"/>
      <c r="Q73" s="32"/>
      <c r="R73" s="32"/>
      <c r="S73" s="32"/>
      <c r="T73" s="32"/>
      <c r="U73" s="32"/>
      <c r="V73" s="32"/>
      <c r="W73" s="8"/>
    </row>
    <row r="74" spans="1:23" s="17" customFormat="1">
      <c r="A74" s="178"/>
      <c r="B74" s="1"/>
      <c r="C74" s="43"/>
      <c r="D74" s="27"/>
      <c r="E74" s="27"/>
      <c r="F74" s="27"/>
      <c r="G74" s="27"/>
      <c r="H74" s="16"/>
      <c r="I74" s="223"/>
      <c r="J74" s="5"/>
      <c r="K74" s="6"/>
      <c r="L74" s="212"/>
      <c r="R74" s="41"/>
      <c r="S74" s="41"/>
      <c r="T74" s="41"/>
      <c r="U74" s="41"/>
      <c r="V74" s="41"/>
      <c r="W74" s="8"/>
    </row>
    <row r="75" spans="1:23" s="17" customFormat="1">
      <c r="A75" s="178"/>
      <c r="B75" s="1"/>
      <c r="C75" s="43"/>
      <c r="D75" s="27"/>
      <c r="E75" s="27"/>
      <c r="F75" s="27"/>
      <c r="G75" s="27"/>
      <c r="H75" s="16"/>
      <c r="I75" s="223"/>
      <c r="J75" s="5"/>
      <c r="K75" s="6"/>
      <c r="L75" s="212"/>
      <c r="R75" s="41"/>
      <c r="S75" s="41"/>
      <c r="T75" s="41"/>
      <c r="U75" s="41"/>
      <c r="V75" s="41"/>
      <c r="W75" s="8"/>
    </row>
    <row r="76" spans="1:23" s="17" customFormat="1">
      <c r="A76" s="178"/>
      <c r="B76" s="1"/>
      <c r="C76" s="277" t="s">
        <v>52</v>
      </c>
      <c r="D76" s="277"/>
      <c r="E76" s="277"/>
      <c r="F76" s="277"/>
      <c r="G76" s="277"/>
      <c r="H76" s="277" t="s">
        <v>53</v>
      </c>
      <c r="I76" s="277"/>
      <c r="J76" s="277" t="s">
        <v>54</v>
      </c>
      <c r="K76" s="277"/>
      <c r="L76" s="277"/>
      <c r="M76" s="277"/>
      <c r="N76" s="277"/>
      <c r="O76" s="212"/>
      <c r="P76" s="212"/>
      <c r="R76" s="41"/>
      <c r="S76" s="41"/>
      <c r="T76" s="41"/>
      <c r="U76" s="41"/>
      <c r="V76" s="41"/>
      <c r="W76" s="8"/>
    </row>
    <row r="77" spans="1:23" s="17" customFormat="1">
      <c r="A77" s="178"/>
      <c r="B77" s="1"/>
      <c r="C77" s="277" t="s">
        <v>55</v>
      </c>
      <c r="D77" s="277"/>
      <c r="E77" s="277"/>
      <c r="F77" s="277"/>
      <c r="G77" s="277"/>
      <c r="H77" s="277" t="s">
        <v>56</v>
      </c>
      <c r="I77" s="277"/>
      <c r="J77" s="234" t="s">
        <v>57</v>
      </c>
      <c r="K77" s="234"/>
      <c r="L77" s="234"/>
      <c r="O77" s="212"/>
      <c r="P77" s="212"/>
      <c r="R77" s="29"/>
      <c r="S77" s="29"/>
      <c r="T77" s="29"/>
      <c r="U77" s="29"/>
      <c r="V77" s="29"/>
      <c r="W77" s="8"/>
    </row>
    <row r="78" spans="1:23" s="17" customFormat="1">
      <c r="A78" s="178"/>
      <c r="B78" s="1"/>
      <c r="C78" s="277" t="s">
        <v>58</v>
      </c>
      <c r="D78" s="277"/>
      <c r="E78" s="277"/>
      <c r="F78" s="277"/>
      <c r="G78" s="277"/>
      <c r="H78" s="277" t="s">
        <v>59</v>
      </c>
      <c r="I78" s="277"/>
      <c r="J78" s="283" t="s">
        <v>60</v>
      </c>
      <c r="K78" s="283"/>
      <c r="L78" s="283"/>
      <c r="M78" s="283"/>
      <c r="N78" s="283"/>
      <c r="O78" s="212"/>
      <c r="P78" s="212"/>
      <c r="R78" s="41"/>
      <c r="S78" s="41"/>
      <c r="T78" s="41"/>
      <c r="U78" s="41"/>
      <c r="V78" s="41"/>
      <c r="W78" s="8"/>
    </row>
    <row r="79" spans="1:23" s="17" customFormat="1">
      <c r="A79" s="178"/>
      <c r="B79" s="1"/>
      <c r="C79" s="277" t="s">
        <v>61</v>
      </c>
      <c r="D79" s="277"/>
      <c r="E79" s="277"/>
      <c r="F79" s="277"/>
      <c r="G79" s="277"/>
      <c r="H79" s="277" t="s">
        <v>62</v>
      </c>
      <c r="I79" s="277"/>
      <c r="J79" s="283" t="s">
        <v>63</v>
      </c>
      <c r="K79" s="283"/>
      <c r="L79" s="283"/>
      <c r="M79" s="283"/>
      <c r="N79" s="283"/>
      <c r="O79" s="212"/>
      <c r="P79" s="212"/>
      <c r="R79" s="29"/>
      <c r="S79" s="29"/>
      <c r="T79" s="29"/>
      <c r="U79" s="29"/>
      <c r="V79" s="29"/>
      <c r="W79" s="8"/>
    </row>
    <row r="80" spans="1:23" s="17" customFormat="1">
      <c r="A80" s="178"/>
      <c r="B80" s="1"/>
      <c r="C80" s="283" t="s">
        <v>64</v>
      </c>
      <c r="D80" s="283"/>
      <c r="E80" s="283"/>
      <c r="F80" s="283"/>
      <c r="G80" s="283"/>
      <c r="H80" s="223"/>
      <c r="I80" s="223"/>
      <c r="J80" s="283" t="s">
        <v>65</v>
      </c>
      <c r="K80" s="283"/>
      <c r="L80" s="283"/>
      <c r="M80" s="283"/>
      <c r="N80" s="283"/>
      <c r="O80" s="212"/>
      <c r="P80" s="212"/>
      <c r="R80" s="29"/>
      <c r="S80" s="29"/>
      <c r="T80" s="29"/>
      <c r="U80" s="29"/>
      <c r="V80" s="29"/>
      <c r="W80" s="8"/>
    </row>
    <row r="81" spans="1:71" s="17" customFormat="1">
      <c r="A81" s="178"/>
      <c r="C81" s="283" t="s">
        <v>66</v>
      </c>
      <c r="D81" s="283"/>
      <c r="E81" s="283"/>
      <c r="F81" s="283"/>
      <c r="G81" s="283"/>
      <c r="J81" s="283" t="s">
        <v>67</v>
      </c>
      <c r="K81" s="283"/>
      <c r="L81" s="283"/>
      <c r="M81" s="283"/>
      <c r="N81" s="283"/>
      <c r="O81" s="7"/>
      <c r="P81" s="7"/>
      <c r="Q81" s="7"/>
      <c r="R81" s="7"/>
      <c r="S81" s="7"/>
      <c r="T81" s="7"/>
      <c r="U81" s="7"/>
      <c r="V81" s="7"/>
      <c r="W81" s="8"/>
    </row>
    <row r="82" spans="1:71" s="17" customFormat="1">
      <c r="A82" s="178"/>
      <c r="B82" s="1"/>
      <c r="C82" s="283" t="s">
        <v>68</v>
      </c>
      <c r="D82" s="283"/>
      <c r="E82" s="283"/>
      <c r="F82" s="283"/>
      <c r="G82" s="283"/>
      <c r="J82" s="283" t="s">
        <v>69</v>
      </c>
      <c r="K82" s="283"/>
      <c r="L82" s="283"/>
      <c r="M82" s="283"/>
      <c r="N82" s="283"/>
      <c r="O82" s="7"/>
      <c r="P82" s="7"/>
      <c r="Q82" s="7"/>
      <c r="R82" s="7"/>
      <c r="S82" s="7"/>
      <c r="T82" s="7"/>
      <c r="U82" s="7"/>
      <c r="V82" s="7"/>
      <c r="W82" s="8"/>
    </row>
    <row r="83" spans="1:71" s="17" customFormat="1">
      <c r="A83" s="178"/>
      <c r="B83" s="1"/>
      <c r="C83" s="283" t="s">
        <v>70</v>
      </c>
      <c r="D83" s="283"/>
      <c r="E83" s="283"/>
      <c r="F83" s="283"/>
      <c r="G83" s="283"/>
      <c r="H83" s="223"/>
      <c r="I83" s="223"/>
      <c r="J83" s="283" t="s">
        <v>71</v>
      </c>
      <c r="K83" s="283"/>
      <c r="L83" s="283"/>
      <c r="M83" s="283"/>
      <c r="N83" s="283"/>
      <c r="O83" s="7"/>
      <c r="P83" s="7"/>
      <c r="Q83" s="7"/>
      <c r="R83" s="7"/>
      <c r="S83" s="7"/>
      <c r="T83" s="7"/>
      <c r="U83" s="7"/>
      <c r="V83" s="7"/>
      <c r="W83" s="8"/>
    </row>
    <row r="84" spans="1:71" s="17" customFormat="1">
      <c r="A84" s="178"/>
      <c r="B84" s="1"/>
      <c r="C84" s="283" t="s">
        <v>72</v>
      </c>
      <c r="D84" s="283"/>
      <c r="E84" s="283"/>
      <c r="F84" s="283"/>
      <c r="G84" s="283"/>
      <c r="H84" s="223"/>
      <c r="I84" s="223"/>
      <c r="J84" s="283" t="s">
        <v>73</v>
      </c>
      <c r="K84" s="283"/>
      <c r="L84" s="283"/>
      <c r="M84" s="283"/>
      <c r="N84" s="283"/>
      <c r="O84" s="7"/>
      <c r="P84" s="7"/>
      <c r="Q84" s="7"/>
      <c r="R84" s="7"/>
      <c r="S84" s="7"/>
      <c r="T84" s="7"/>
      <c r="U84" s="7"/>
      <c r="V84" s="7"/>
      <c r="W84" s="8"/>
    </row>
    <row r="85" spans="1:71" s="17" customFormat="1">
      <c r="A85" s="178"/>
      <c r="B85" s="1"/>
      <c r="C85" s="283" t="s">
        <v>74</v>
      </c>
      <c r="D85" s="283"/>
      <c r="E85" s="283"/>
      <c r="F85" s="283"/>
      <c r="G85" s="283"/>
      <c r="H85" s="223"/>
      <c r="I85" s="223"/>
      <c r="J85" s="283" t="s">
        <v>75</v>
      </c>
      <c r="K85" s="283"/>
      <c r="L85" s="283"/>
      <c r="M85" s="283"/>
      <c r="N85" s="283"/>
      <c r="O85" s="7"/>
      <c r="P85" s="7"/>
      <c r="Q85" s="7"/>
      <c r="R85" s="7"/>
      <c r="S85" s="7"/>
      <c r="T85" s="7"/>
      <c r="U85" s="7"/>
      <c r="V85" s="7"/>
      <c r="W85" s="8"/>
    </row>
    <row r="86" spans="1:71" s="17" customFormat="1">
      <c r="A86" s="178"/>
      <c r="B86" s="1"/>
      <c r="C86" s="283" t="s">
        <v>76</v>
      </c>
      <c r="D86" s="283"/>
      <c r="E86" s="283"/>
      <c r="F86" s="283"/>
      <c r="G86" s="283"/>
      <c r="H86" s="223"/>
      <c r="I86" s="223"/>
      <c r="J86" s="283" t="s">
        <v>77</v>
      </c>
      <c r="K86" s="283"/>
      <c r="L86" s="283"/>
      <c r="M86" s="283"/>
      <c r="N86" s="283"/>
      <c r="O86" s="7"/>
      <c r="P86" s="7"/>
      <c r="Q86" s="7"/>
      <c r="R86" s="7"/>
      <c r="S86" s="7"/>
      <c r="T86" s="7"/>
      <c r="U86" s="7"/>
      <c r="V86" s="7"/>
      <c r="W86" s="8"/>
    </row>
    <row r="87" spans="1:71" s="17" customFormat="1">
      <c r="A87" s="178"/>
      <c r="B87" s="1"/>
      <c r="C87" s="277" t="s">
        <v>78</v>
      </c>
      <c r="D87" s="277"/>
      <c r="E87" s="277"/>
      <c r="F87" s="277"/>
      <c r="G87" s="277"/>
      <c r="H87" s="223"/>
      <c r="I87" s="223"/>
      <c r="J87" s="43"/>
      <c r="K87" s="44"/>
      <c r="L87" s="5"/>
      <c r="M87" s="5"/>
      <c r="N87" s="7"/>
      <c r="O87" s="7"/>
      <c r="P87" s="7"/>
      <c r="Q87" s="7"/>
      <c r="R87" s="7"/>
      <c r="S87" s="7"/>
      <c r="T87" s="7"/>
      <c r="U87" s="7"/>
      <c r="V87" s="7"/>
      <c r="W87" s="8"/>
    </row>
    <row r="88" spans="1:71" s="17" customFormat="1">
      <c r="A88" s="178"/>
      <c r="B88" s="1"/>
      <c r="H88" s="223"/>
      <c r="I88" s="223"/>
      <c r="J88" s="43"/>
      <c r="K88" s="44"/>
      <c r="L88" s="5"/>
      <c r="M88" s="5"/>
      <c r="N88" s="7"/>
      <c r="O88" s="7"/>
      <c r="P88" s="7"/>
      <c r="Q88" s="7"/>
      <c r="R88" s="7"/>
      <c r="S88" s="7"/>
      <c r="T88" s="7"/>
      <c r="U88" s="7"/>
      <c r="V88" s="7"/>
      <c r="W88" s="8"/>
    </row>
    <row r="89" spans="1:71" s="17" customFormat="1">
      <c r="A89" s="178"/>
      <c r="B89" s="1"/>
      <c r="C89" s="32"/>
      <c r="D89" s="32"/>
      <c r="E89" s="32"/>
      <c r="F89" s="32"/>
      <c r="G89" s="32"/>
      <c r="H89" s="32"/>
      <c r="I89" s="32"/>
      <c r="J89" s="32"/>
      <c r="K89" s="42"/>
      <c r="L89" s="32"/>
      <c r="M89" s="32"/>
      <c r="N89" s="32"/>
      <c r="O89" s="32"/>
      <c r="P89" s="32"/>
      <c r="Q89" s="32"/>
      <c r="R89" s="32"/>
      <c r="S89" s="32"/>
      <c r="T89" s="32"/>
      <c r="U89" s="32"/>
      <c r="V89" s="32"/>
      <c r="W89" s="8"/>
    </row>
    <row r="90" spans="1:71" s="17" customFormat="1" ht="18.75">
      <c r="A90" s="178"/>
      <c r="B90" s="45" t="s">
        <v>79</v>
      </c>
      <c r="C90" s="46"/>
      <c r="D90" s="47"/>
      <c r="E90" s="47"/>
      <c r="F90" s="47"/>
      <c r="G90" s="47"/>
      <c r="H90" s="48"/>
      <c r="I90" s="48"/>
      <c r="J90" s="49"/>
      <c r="K90" s="49"/>
      <c r="L90" s="49"/>
      <c r="M90" s="49"/>
      <c r="N90" s="50"/>
      <c r="O90" s="50"/>
      <c r="P90" s="51"/>
      <c r="Q90" s="51"/>
      <c r="R90" s="51"/>
      <c r="S90" s="51"/>
      <c r="T90" s="51"/>
      <c r="U90" s="51"/>
      <c r="V90" s="51"/>
      <c r="W90" s="8"/>
    </row>
    <row r="91" spans="1:71" s="17" customFormat="1">
      <c r="A91" s="178"/>
      <c r="B91" s="1"/>
      <c r="C91" s="52"/>
      <c r="D91" s="3"/>
      <c r="E91" s="3"/>
      <c r="F91" s="3"/>
      <c r="G91" s="3"/>
      <c r="H91" s="214"/>
      <c r="I91" s="214"/>
      <c r="J91" s="53"/>
      <c r="K91" s="24"/>
      <c r="L91" s="53"/>
      <c r="M91" s="53"/>
      <c r="N91" s="51"/>
      <c r="O91" s="51"/>
      <c r="P91" s="51"/>
      <c r="Q91" s="51"/>
      <c r="R91" s="51"/>
      <c r="S91" s="51"/>
      <c r="T91" s="51"/>
      <c r="U91" s="51"/>
      <c r="V91" s="51"/>
      <c r="W91" s="8"/>
    </row>
    <row r="92" spans="1:71" s="17" customFormat="1">
      <c r="A92" s="178"/>
      <c r="B92" s="171" t="s">
        <v>80</v>
      </c>
      <c r="C92" s="52"/>
      <c r="D92" s="3"/>
      <c r="E92" s="3"/>
      <c r="F92" s="3"/>
      <c r="G92" s="3"/>
      <c r="H92" s="214"/>
      <c r="I92" s="214"/>
      <c r="J92" s="53"/>
      <c r="K92" s="53"/>
      <c r="L92" s="53"/>
      <c r="M92" s="53"/>
      <c r="N92" s="51"/>
      <c r="O92" s="51"/>
      <c r="P92" s="51"/>
      <c r="Q92" s="51"/>
      <c r="R92" s="51"/>
      <c r="S92" s="51"/>
      <c r="T92" s="51"/>
      <c r="U92" s="51"/>
      <c r="V92" s="51"/>
      <c r="W92" s="8"/>
    </row>
    <row r="93" spans="1:71" s="17" customFormat="1" ht="18.75" customHeight="1">
      <c r="A93" s="178"/>
      <c r="B93" s="14"/>
      <c r="C93" s="52"/>
      <c r="D93" s="3"/>
      <c r="E93" s="3"/>
      <c r="F93" s="3"/>
      <c r="G93" s="3"/>
      <c r="H93" s="214"/>
      <c r="I93" s="214"/>
      <c r="J93" s="49"/>
      <c r="K93" s="49"/>
      <c r="L93" s="175"/>
      <c r="M93" s="175"/>
      <c r="N93" s="175"/>
      <c r="O93" s="175"/>
      <c r="P93" s="175"/>
      <c r="Q93" s="175"/>
      <c r="R93" s="51"/>
      <c r="S93" s="51"/>
      <c r="T93" s="51"/>
      <c r="U93" s="51"/>
      <c r="V93" s="51"/>
      <c r="W93" s="8"/>
    </row>
    <row r="94" spans="1:71" s="17" customFormat="1">
      <c r="A94" s="178"/>
      <c r="B94" s="14"/>
      <c r="C94" s="52"/>
      <c r="D94" s="3"/>
      <c r="E94" s="3"/>
      <c r="F94" s="3"/>
      <c r="G94" s="3"/>
      <c r="H94" s="214"/>
      <c r="I94" s="214"/>
      <c r="J94" s="54" t="s">
        <v>81</v>
      </c>
      <c r="K94" s="55"/>
      <c r="L94" s="245" t="str">
        <f>IF(ISBLANK(L$9),"",L$9)</f>
        <v>4階病棟</v>
      </c>
      <c r="M94" s="249" t="str">
        <f t="shared" ref="M94:BS94" si="4">IF(ISBLANK(M$9),"",M$9)</f>
        <v>回復期リハビリテーション病棟</v>
      </c>
      <c r="N94" s="249" t="str">
        <f t="shared" si="4"/>
        <v>地域包括ケア病棟</v>
      </c>
      <c r="O94" s="249" t="str">
        <f t="shared" si="4"/>
        <v>地域包括ケア病棟サテライト</v>
      </c>
      <c r="P94" s="249" t="str">
        <f t="shared" si="4"/>
        <v>特殊疾患病棟</v>
      </c>
      <c r="Q94" s="249" t="str">
        <f t="shared" si="4"/>
        <v>療養病棟2階</v>
      </c>
      <c r="R94" s="249" t="str">
        <f t="shared" si="4"/>
        <v/>
      </c>
      <c r="S94" s="249" t="str">
        <f t="shared" si="4"/>
        <v/>
      </c>
      <c r="T94" s="249" t="str">
        <f t="shared" si="4"/>
        <v/>
      </c>
      <c r="U94" s="249" t="str">
        <f t="shared" si="4"/>
        <v/>
      </c>
      <c r="V94" s="249" t="str">
        <f t="shared" si="4"/>
        <v/>
      </c>
      <c r="W94" s="249" t="str">
        <f t="shared" si="4"/>
        <v/>
      </c>
      <c r="X94" s="249" t="str">
        <f t="shared" si="4"/>
        <v/>
      </c>
      <c r="Y94" s="249" t="str">
        <f t="shared" si="4"/>
        <v/>
      </c>
      <c r="Z94" s="249" t="str">
        <f t="shared" si="4"/>
        <v/>
      </c>
      <c r="AA94" s="249" t="str">
        <f t="shared" si="4"/>
        <v/>
      </c>
      <c r="AB94" s="249" t="str">
        <f t="shared" si="4"/>
        <v/>
      </c>
      <c r="AC94" s="249" t="str">
        <f t="shared" si="4"/>
        <v/>
      </c>
      <c r="AD94" s="249" t="str">
        <f t="shared" si="4"/>
        <v/>
      </c>
      <c r="AE94" s="249" t="str">
        <f t="shared" si="4"/>
        <v/>
      </c>
      <c r="AF94" s="249" t="str">
        <f t="shared" si="4"/>
        <v/>
      </c>
      <c r="AG94" s="249" t="str">
        <f t="shared" si="4"/>
        <v/>
      </c>
      <c r="AH94" s="249" t="str">
        <f t="shared" si="4"/>
        <v/>
      </c>
      <c r="AI94" s="249" t="str">
        <f t="shared" si="4"/>
        <v/>
      </c>
      <c r="AJ94" s="249" t="str">
        <f t="shared" si="4"/>
        <v/>
      </c>
      <c r="AK94" s="249" t="str">
        <f t="shared" si="4"/>
        <v/>
      </c>
      <c r="AL94" s="249" t="str">
        <f t="shared" si="4"/>
        <v/>
      </c>
      <c r="AM94" s="249" t="str">
        <f t="shared" si="4"/>
        <v/>
      </c>
      <c r="AN94" s="249" t="str">
        <f t="shared" si="4"/>
        <v/>
      </c>
      <c r="AO94" s="249" t="str">
        <f t="shared" si="4"/>
        <v/>
      </c>
      <c r="AP94" s="249" t="str">
        <f t="shared" si="4"/>
        <v/>
      </c>
      <c r="AQ94" s="249" t="str">
        <f t="shared" si="4"/>
        <v/>
      </c>
      <c r="AR94" s="249" t="str">
        <f t="shared" si="4"/>
        <v/>
      </c>
      <c r="AS94" s="249" t="str">
        <f t="shared" si="4"/>
        <v/>
      </c>
      <c r="AT94" s="249" t="str">
        <f t="shared" si="4"/>
        <v/>
      </c>
      <c r="AU94" s="249" t="str">
        <f t="shared" si="4"/>
        <v/>
      </c>
      <c r="AV94" s="249" t="str">
        <f t="shared" si="4"/>
        <v/>
      </c>
      <c r="AW94" s="249" t="str">
        <f t="shared" si="4"/>
        <v/>
      </c>
      <c r="AX94" s="249" t="str">
        <f t="shared" si="4"/>
        <v/>
      </c>
      <c r="AY94" s="249" t="str">
        <f t="shared" si="4"/>
        <v/>
      </c>
      <c r="AZ94" s="249" t="str">
        <f t="shared" si="4"/>
        <v/>
      </c>
      <c r="BA94" s="249" t="str">
        <f t="shared" si="4"/>
        <v/>
      </c>
      <c r="BB94" s="249" t="str">
        <f t="shared" si="4"/>
        <v/>
      </c>
      <c r="BC94" s="249" t="str">
        <f t="shared" si="4"/>
        <v/>
      </c>
      <c r="BD94" s="249" t="str">
        <f t="shared" si="4"/>
        <v/>
      </c>
      <c r="BE94" s="249" t="str">
        <f t="shared" si="4"/>
        <v/>
      </c>
      <c r="BF94" s="249" t="str">
        <f t="shared" si="4"/>
        <v/>
      </c>
      <c r="BG94" s="249" t="str">
        <f t="shared" si="4"/>
        <v/>
      </c>
      <c r="BH94" s="249" t="str">
        <f t="shared" si="4"/>
        <v/>
      </c>
      <c r="BI94" s="249" t="str">
        <f t="shared" si="4"/>
        <v/>
      </c>
      <c r="BJ94" s="249" t="str">
        <f t="shared" si="4"/>
        <v/>
      </c>
      <c r="BK94" s="249" t="str">
        <f t="shared" si="4"/>
        <v/>
      </c>
      <c r="BL94" s="249" t="str">
        <f t="shared" si="4"/>
        <v/>
      </c>
      <c r="BM94" s="249" t="str">
        <f t="shared" si="4"/>
        <v/>
      </c>
      <c r="BN94" s="249" t="str">
        <f t="shared" si="4"/>
        <v/>
      </c>
      <c r="BO94" s="249" t="str">
        <f t="shared" si="4"/>
        <v/>
      </c>
      <c r="BP94" s="249" t="str">
        <f t="shared" si="4"/>
        <v/>
      </c>
      <c r="BQ94" s="249" t="str">
        <f t="shared" si="4"/>
        <v/>
      </c>
      <c r="BR94" s="249" t="str">
        <f t="shared" si="4"/>
        <v/>
      </c>
      <c r="BS94" s="249" t="str">
        <f t="shared" si="4"/>
        <v/>
      </c>
    </row>
    <row r="95" spans="1:71" s="17" customFormat="1">
      <c r="A95" s="178"/>
      <c r="B95" s="1"/>
      <c r="C95" s="3"/>
      <c r="D95" s="3"/>
      <c r="E95" s="3"/>
      <c r="F95" s="3"/>
      <c r="G95" s="3"/>
      <c r="H95" s="214"/>
      <c r="I95" s="56" t="s">
        <v>82</v>
      </c>
      <c r="J95" s="57"/>
      <c r="K95" s="58"/>
      <c r="L95" s="194" t="s">
        <v>21</v>
      </c>
      <c r="M95" s="249" t="s">
        <v>23</v>
      </c>
      <c r="N95" s="249" t="s">
        <v>23</v>
      </c>
      <c r="O95" s="249" t="s">
        <v>83</v>
      </c>
      <c r="P95" s="249" t="s">
        <v>24</v>
      </c>
      <c r="Q95" s="249" t="s">
        <v>24</v>
      </c>
      <c r="R95" s="249"/>
      <c r="S95" s="249"/>
      <c r="T95" s="249"/>
      <c r="U95" s="249"/>
      <c r="V95" s="249"/>
      <c r="W95" s="249"/>
      <c r="X95" s="249"/>
      <c r="Y95" s="249"/>
      <c r="Z95" s="249"/>
      <c r="AA95" s="249"/>
      <c r="AB95" s="249"/>
      <c r="AC95" s="249"/>
      <c r="AD95" s="249"/>
      <c r="AE95" s="249"/>
      <c r="AF95" s="249"/>
      <c r="AG95" s="249"/>
      <c r="AH95" s="249"/>
      <c r="AI95" s="249"/>
      <c r="AJ95" s="249"/>
      <c r="AK95" s="249"/>
      <c r="AL95" s="249"/>
      <c r="AM95" s="249"/>
      <c r="AN95" s="249"/>
      <c r="AO95" s="249"/>
      <c r="AP95" s="249"/>
      <c r="AQ95" s="249"/>
      <c r="AR95" s="249"/>
      <c r="AS95" s="249"/>
      <c r="AT95" s="249"/>
      <c r="AU95" s="249"/>
      <c r="AV95" s="249"/>
      <c r="AW95" s="249"/>
      <c r="AX95" s="249"/>
      <c r="AY95" s="249"/>
      <c r="AZ95" s="249"/>
      <c r="BA95" s="249"/>
      <c r="BB95" s="249"/>
      <c r="BC95" s="249"/>
      <c r="BD95" s="249"/>
      <c r="BE95" s="249"/>
      <c r="BF95" s="249"/>
      <c r="BG95" s="249"/>
      <c r="BH95" s="249"/>
      <c r="BI95" s="249"/>
      <c r="BJ95" s="249"/>
      <c r="BK95" s="249"/>
      <c r="BL95" s="249"/>
      <c r="BM95" s="249"/>
      <c r="BN95" s="249"/>
      <c r="BO95" s="249"/>
      <c r="BP95" s="249"/>
      <c r="BQ95" s="249"/>
      <c r="BR95" s="249"/>
      <c r="BS95" s="249"/>
    </row>
    <row r="96" spans="1:71" s="17" customFormat="1" ht="54" customHeight="1">
      <c r="A96" s="179" t="s">
        <v>84</v>
      </c>
      <c r="B96" s="1"/>
      <c r="C96" s="274" t="s">
        <v>85</v>
      </c>
      <c r="D96" s="275"/>
      <c r="E96" s="275"/>
      <c r="F96" s="275"/>
      <c r="G96" s="275"/>
      <c r="H96" s="276"/>
      <c r="I96" s="220" t="s">
        <v>86</v>
      </c>
      <c r="J96" s="193" t="s">
        <v>87</v>
      </c>
      <c r="K96" s="60"/>
      <c r="L96" s="189"/>
      <c r="M96" s="256"/>
      <c r="N96" s="256"/>
      <c r="O96" s="256"/>
      <c r="P96" s="256"/>
      <c r="Q96" s="256"/>
      <c r="R96" s="256"/>
      <c r="S96" s="256"/>
      <c r="T96" s="256"/>
      <c r="U96" s="256"/>
      <c r="V96" s="256"/>
      <c r="W96" s="256"/>
      <c r="X96" s="256"/>
      <c r="Y96" s="256"/>
      <c r="Z96" s="256"/>
      <c r="AA96" s="256"/>
      <c r="AB96" s="256"/>
      <c r="AC96" s="256"/>
      <c r="AD96" s="256"/>
      <c r="AE96" s="256"/>
      <c r="AF96" s="256"/>
      <c r="AG96" s="256"/>
      <c r="AH96" s="256"/>
      <c r="AI96" s="256"/>
      <c r="AJ96" s="256"/>
      <c r="AK96" s="256"/>
      <c r="AL96" s="256"/>
      <c r="AM96" s="256"/>
      <c r="AN96" s="256"/>
      <c r="AO96" s="256"/>
      <c r="AP96" s="256"/>
      <c r="AQ96" s="256"/>
      <c r="AR96" s="256"/>
      <c r="AS96" s="256"/>
      <c r="AT96" s="256"/>
      <c r="AU96" s="256"/>
      <c r="AV96" s="256"/>
      <c r="AW96" s="256"/>
      <c r="AX96" s="256"/>
      <c r="AY96" s="256"/>
      <c r="AZ96" s="256"/>
      <c r="BA96" s="256"/>
      <c r="BB96" s="256"/>
      <c r="BC96" s="256"/>
      <c r="BD96" s="256"/>
      <c r="BE96" s="256"/>
      <c r="BF96" s="256"/>
      <c r="BG96" s="256"/>
      <c r="BH96" s="256"/>
      <c r="BI96" s="256"/>
      <c r="BJ96" s="256"/>
      <c r="BK96" s="256"/>
      <c r="BL96" s="256"/>
      <c r="BM96" s="256"/>
      <c r="BN96" s="256"/>
      <c r="BO96" s="256"/>
      <c r="BP96" s="256"/>
      <c r="BQ96" s="256"/>
      <c r="BR96" s="256"/>
      <c r="BS96" s="256"/>
    </row>
    <row r="97" spans="1:71" s="17" customFormat="1" ht="18.75">
      <c r="A97" s="178"/>
      <c r="B97" s="61"/>
      <c r="C97" s="52"/>
      <c r="D97" s="3"/>
      <c r="E97" s="3"/>
      <c r="F97" s="3"/>
      <c r="G97" s="3"/>
      <c r="H97" s="214"/>
      <c r="I97" s="214"/>
      <c r="J97" s="53"/>
      <c r="K97" s="53"/>
      <c r="L97" s="51"/>
      <c r="M97" s="51"/>
      <c r="N97" s="51"/>
      <c r="O97" s="51"/>
      <c r="P97" s="51"/>
      <c r="Q97" s="51"/>
      <c r="R97" s="8"/>
    </row>
    <row r="98" spans="1:71" s="17" customFormat="1" ht="18.75">
      <c r="A98" s="178"/>
      <c r="B98" s="61"/>
      <c r="C98" s="52"/>
      <c r="D98" s="3"/>
      <c r="E98" s="3"/>
      <c r="F98" s="3"/>
      <c r="G98" s="3"/>
      <c r="H98" s="214"/>
      <c r="I98" s="214"/>
      <c r="J98" s="53"/>
      <c r="K98" s="53"/>
      <c r="L98" s="51"/>
      <c r="M98" s="51"/>
      <c r="N98" s="51"/>
      <c r="O98" s="51"/>
      <c r="P98" s="51"/>
      <c r="Q98" s="51"/>
      <c r="R98" s="8"/>
    </row>
    <row r="99" spans="1:71" s="17" customFormat="1" ht="18.75">
      <c r="A99" s="178"/>
      <c r="B99" s="61"/>
      <c r="C99" s="52"/>
      <c r="D99" s="3"/>
      <c r="E99" s="3"/>
      <c r="F99" s="3"/>
      <c r="G99" s="3"/>
      <c r="H99" s="214"/>
      <c r="I99" s="214"/>
      <c r="J99" s="53"/>
      <c r="K99" s="53"/>
      <c r="L99" s="51"/>
      <c r="M99" s="51"/>
      <c r="N99" s="51"/>
      <c r="O99" s="51"/>
      <c r="P99" s="51"/>
      <c r="Q99" s="51"/>
      <c r="R99" s="8"/>
    </row>
    <row r="100" spans="1:71">
      <c r="A100" s="178"/>
      <c r="B100" s="14" t="s">
        <v>88</v>
      </c>
      <c r="C100" s="14"/>
      <c r="D100" s="14"/>
      <c r="E100" s="14"/>
      <c r="F100" s="14"/>
      <c r="G100" s="14"/>
      <c r="H100" s="10"/>
      <c r="I100" s="10"/>
      <c r="L100" s="62"/>
      <c r="M100" s="62"/>
      <c r="N100" s="62"/>
      <c r="O100" s="62"/>
      <c r="P100" s="62"/>
      <c r="Q100" s="62"/>
      <c r="R100" s="8"/>
      <c r="S100" s="8"/>
      <c r="T100" s="8"/>
      <c r="U100" s="8"/>
      <c r="V100" s="8"/>
    </row>
    <row r="101" spans="1:71">
      <c r="A101" s="178"/>
      <c r="B101" s="14"/>
      <c r="C101" s="14"/>
      <c r="D101" s="14"/>
      <c r="E101" s="14"/>
      <c r="F101" s="14"/>
      <c r="G101" s="14"/>
      <c r="H101" s="10"/>
      <c r="I101" s="10"/>
      <c r="L101" s="175"/>
      <c r="M101" s="175"/>
      <c r="N101" s="175"/>
      <c r="O101" s="175"/>
      <c r="P101" s="175"/>
      <c r="Q101" s="175"/>
      <c r="R101" s="8"/>
      <c r="S101" s="8"/>
      <c r="T101" s="8"/>
      <c r="U101" s="8"/>
      <c r="V101" s="8"/>
    </row>
    <row r="102" spans="1:71" ht="34.5" customHeight="1">
      <c r="A102" s="178"/>
      <c r="B102" s="14"/>
      <c r="C102" s="3"/>
      <c r="D102" s="3"/>
      <c r="F102" s="3"/>
      <c r="G102" s="3"/>
      <c r="H102" s="214"/>
      <c r="J102" s="63" t="s">
        <v>81</v>
      </c>
      <c r="K102" s="64"/>
      <c r="L102" s="245" t="str">
        <f>IF(ISBLANK(L$9),"",L$9)</f>
        <v>4階病棟</v>
      </c>
      <c r="M102" s="249" t="str">
        <f t="shared" ref="M102:BS102" si="5">IF(ISBLANK(M$9),"",M$9)</f>
        <v>回復期リハビリテーション病棟</v>
      </c>
      <c r="N102" s="246" t="str">
        <f t="shared" si="5"/>
        <v>地域包括ケア病棟</v>
      </c>
      <c r="O102" s="247" t="str">
        <f t="shared" si="5"/>
        <v>地域包括ケア病棟サテライト</v>
      </c>
      <c r="P102" s="247" t="str">
        <f t="shared" si="5"/>
        <v>特殊疾患病棟</v>
      </c>
      <c r="Q102" s="247" t="str">
        <f t="shared" si="5"/>
        <v>療養病棟2階</v>
      </c>
      <c r="R102" s="247" t="str">
        <f t="shared" si="5"/>
        <v/>
      </c>
      <c r="S102" s="247" t="str">
        <f t="shared" si="5"/>
        <v/>
      </c>
      <c r="T102" s="247" t="str">
        <f t="shared" si="5"/>
        <v/>
      </c>
      <c r="U102" s="247" t="str">
        <f t="shared" si="5"/>
        <v/>
      </c>
      <c r="V102" s="247" t="str">
        <f t="shared" si="5"/>
        <v/>
      </c>
      <c r="W102" s="247" t="str">
        <f t="shared" si="5"/>
        <v/>
      </c>
      <c r="X102" s="247" t="str">
        <f t="shared" si="5"/>
        <v/>
      </c>
      <c r="Y102" s="247" t="str">
        <f t="shared" si="5"/>
        <v/>
      </c>
      <c r="Z102" s="247" t="str">
        <f t="shared" si="5"/>
        <v/>
      </c>
      <c r="AA102" s="247" t="str">
        <f t="shared" si="5"/>
        <v/>
      </c>
      <c r="AB102" s="247" t="str">
        <f t="shared" si="5"/>
        <v/>
      </c>
      <c r="AC102" s="247" t="str">
        <f t="shared" si="5"/>
        <v/>
      </c>
      <c r="AD102" s="247" t="str">
        <f t="shared" si="5"/>
        <v/>
      </c>
      <c r="AE102" s="247" t="str">
        <f t="shared" si="5"/>
        <v/>
      </c>
      <c r="AF102" s="247" t="str">
        <f t="shared" si="5"/>
        <v/>
      </c>
      <c r="AG102" s="247" t="str">
        <f t="shared" si="5"/>
        <v/>
      </c>
      <c r="AH102" s="247" t="str">
        <f t="shared" si="5"/>
        <v/>
      </c>
      <c r="AI102" s="247" t="str">
        <f t="shared" si="5"/>
        <v/>
      </c>
      <c r="AJ102" s="247" t="str">
        <f t="shared" si="5"/>
        <v/>
      </c>
      <c r="AK102" s="247" t="str">
        <f t="shared" si="5"/>
        <v/>
      </c>
      <c r="AL102" s="247" t="str">
        <f t="shared" si="5"/>
        <v/>
      </c>
      <c r="AM102" s="247" t="str">
        <f t="shared" si="5"/>
        <v/>
      </c>
      <c r="AN102" s="247" t="str">
        <f t="shared" si="5"/>
        <v/>
      </c>
      <c r="AO102" s="247" t="str">
        <f t="shared" si="5"/>
        <v/>
      </c>
      <c r="AP102" s="247" t="str">
        <f t="shared" si="5"/>
        <v/>
      </c>
      <c r="AQ102" s="247" t="str">
        <f t="shared" si="5"/>
        <v/>
      </c>
      <c r="AR102" s="247" t="str">
        <f t="shared" si="5"/>
        <v/>
      </c>
      <c r="AS102" s="247" t="str">
        <f t="shared" si="5"/>
        <v/>
      </c>
      <c r="AT102" s="247" t="str">
        <f t="shared" si="5"/>
        <v/>
      </c>
      <c r="AU102" s="247" t="str">
        <f t="shared" si="5"/>
        <v/>
      </c>
      <c r="AV102" s="247" t="str">
        <f t="shared" si="5"/>
        <v/>
      </c>
      <c r="AW102" s="247" t="str">
        <f t="shared" si="5"/>
        <v/>
      </c>
      <c r="AX102" s="247" t="str">
        <f t="shared" si="5"/>
        <v/>
      </c>
      <c r="AY102" s="247" t="str">
        <f t="shared" si="5"/>
        <v/>
      </c>
      <c r="AZ102" s="247" t="str">
        <f t="shared" si="5"/>
        <v/>
      </c>
      <c r="BA102" s="247" t="str">
        <f t="shared" si="5"/>
        <v/>
      </c>
      <c r="BB102" s="247" t="str">
        <f t="shared" si="5"/>
        <v/>
      </c>
      <c r="BC102" s="247" t="str">
        <f t="shared" si="5"/>
        <v/>
      </c>
      <c r="BD102" s="247" t="str">
        <f t="shared" si="5"/>
        <v/>
      </c>
      <c r="BE102" s="247" t="str">
        <f t="shared" si="5"/>
        <v/>
      </c>
      <c r="BF102" s="247" t="str">
        <f t="shared" si="5"/>
        <v/>
      </c>
      <c r="BG102" s="247" t="str">
        <f t="shared" si="5"/>
        <v/>
      </c>
      <c r="BH102" s="247" t="str">
        <f t="shared" si="5"/>
        <v/>
      </c>
      <c r="BI102" s="247" t="str">
        <f t="shared" si="5"/>
        <v/>
      </c>
      <c r="BJ102" s="247" t="str">
        <f t="shared" si="5"/>
        <v/>
      </c>
      <c r="BK102" s="247" t="str">
        <f t="shared" si="5"/>
        <v/>
      </c>
      <c r="BL102" s="247" t="str">
        <f t="shared" si="5"/>
        <v/>
      </c>
      <c r="BM102" s="247" t="str">
        <f t="shared" si="5"/>
        <v/>
      </c>
      <c r="BN102" s="247" t="str">
        <f t="shared" si="5"/>
        <v/>
      </c>
      <c r="BO102" s="247" t="str">
        <f t="shared" si="5"/>
        <v/>
      </c>
      <c r="BP102" s="247" t="str">
        <f t="shared" si="5"/>
        <v/>
      </c>
      <c r="BQ102" s="247" t="str">
        <f t="shared" si="5"/>
        <v/>
      </c>
      <c r="BR102" s="247" t="str">
        <f t="shared" si="5"/>
        <v/>
      </c>
      <c r="BS102" s="247" t="str">
        <f t="shared" si="5"/>
        <v/>
      </c>
    </row>
    <row r="103" spans="1:71" ht="20.25" customHeight="1">
      <c r="A103" s="178"/>
      <c r="B103" s="1"/>
      <c r="C103" s="52"/>
      <c r="D103" s="3"/>
      <c r="F103" s="3"/>
      <c r="G103" s="3"/>
      <c r="H103" s="214"/>
      <c r="I103" s="56" t="s">
        <v>82</v>
      </c>
      <c r="J103" s="57"/>
      <c r="K103" s="65"/>
      <c r="L103" s="59" t="str">
        <f>IF(ISBLANK(L$95),"",L$95)</f>
        <v>急性期</v>
      </c>
      <c r="M103" s="250" t="str">
        <f t="shared" ref="M103:BS103" si="6">IF(ISBLANK(M$95),"",M$95)</f>
        <v>回復期</v>
      </c>
      <c r="N103" s="65" t="str">
        <f t="shared" si="6"/>
        <v>回復期</v>
      </c>
      <c r="O103" s="59" t="str">
        <f t="shared" si="6"/>
        <v>休棟中（今後廃止する予定）</v>
      </c>
      <c r="P103" s="59" t="str">
        <f t="shared" si="6"/>
        <v>慢性期</v>
      </c>
      <c r="Q103" s="59" t="str">
        <f t="shared" si="6"/>
        <v>慢性期</v>
      </c>
      <c r="R103" s="59" t="str">
        <f t="shared" si="6"/>
        <v/>
      </c>
      <c r="S103" s="59" t="str">
        <f t="shared" si="6"/>
        <v/>
      </c>
      <c r="T103" s="59" t="str">
        <f t="shared" si="6"/>
        <v/>
      </c>
      <c r="U103" s="59" t="str">
        <f t="shared" si="6"/>
        <v/>
      </c>
      <c r="V103" s="59" t="str">
        <f t="shared" si="6"/>
        <v/>
      </c>
      <c r="W103" s="59" t="str">
        <f t="shared" si="6"/>
        <v/>
      </c>
      <c r="X103" s="59" t="str">
        <f t="shared" si="6"/>
        <v/>
      </c>
      <c r="Y103" s="59" t="str">
        <f t="shared" si="6"/>
        <v/>
      </c>
      <c r="Z103" s="59" t="str">
        <f t="shared" si="6"/>
        <v/>
      </c>
      <c r="AA103" s="59" t="str">
        <f t="shared" si="6"/>
        <v/>
      </c>
      <c r="AB103" s="59" t="str">
        <f t="shared" si="6"/>
        <v/>
      </c>
      <c r="AC103" s="59" t="str">
        <f t="shared" si="6"/>
        <v/>
      </c>
      <c r="AD103" s="59" t="str">
        <f t="shared" si="6"/>
        <v/>
      </c>
      <c r="AE103" s="59" t="str">
        <f t="shared" si="6"/>
        <v/>
      </c>
      <c r="AF103" s="59" t="str">
        <f t="shared" si="6"/>
        <v/>
      </c>
      <c r="AG103" s="59" t="str">
        <f t="shared" si="6"/>
        <v/>
      </c>
      <c r="AH103" s="59" t="str">
        <f t="shared" si="6"/>
        <v/>
      </c>
      <c r="AI103" s="59" t="str">
        <f t="shared" si="6"/>
        <v/>
      </c>
      <c r="AJ103" s="59" t="str">
        <f t="shared" si="6"/>
        <v/>
      </c>
      <c r="AK103" s="59" t="str">
        <f t="shared" si="6"/>
        <v/>
      </c>
      <c r="AL103" s="59" t="str">
        <f t="shared" si="6"/>
        <v/>
      </c>
      <c r="AM103" s="59" t="str">
        <f t="shared" si="6"/>
        <v/>
      </c>
      <c r="AN103" s="59" t="str">
        <f t="shared" si="6"/>
        <v/>
      </c>
      <c r="AO103" s="59" t="str">
        <f t="shared" si="6"/>
        <v/>
      </c>
      <c r="AP103" s="59" t="str">
        <f t="shared" si="6"/>
        <v/>
      </c>
      <c r="AQ103" s="59" t="str">
        <f t="shared" si="6"/>
        <v/>
      </c>
      <c r="AR103" s="59" t="str">
        <f t="shared" si="6"/>
        <v/>
      </c>
      <c r="AS103" s="59" t="str">
        <f t="shared" si="6"/>
        <v/>
      </c>
      <c r="AT103" s="59" t="str">
        <f t="shared" si="6"/>
        <v/>
      </c>
      <c r="AU103" s="59" t="str">
        <f t="shared" si="6"/>
        <v/>
      </c>
      <c r="AV103" s="59" t="str">
        <f t="shared" si="6"/>
        <v/>
      </c>
      <c r="AW103" s="59" t="str">
        <f t="shared" si="6"/>
        <v/>
      </c>
      <c r="AX103" s="59" t="str">
        <f t="shared" si="6"/>
        <v/>
      </c>
      <c r="AY103" s="59" t="str">
        <f t="shared" si="6"/>
        <v/>
      </c>
      <c r="AZ103" s="59" t="str">
        <f t="shared" si="6"/>
        <v/>
      </c>
      <c r="BA103" s="59" t="str">
        <f t="shared" si="6"/>
        <v/>
      </c>
      <c r="BB103" s="59" t="str">
        <f t="shared" si="6"/>
        <v/>
      </c>
      <c r="BC103" s="59" t="str">
        <f t="shared" si="6"/>
        <v/>
      </c>
      <c r="BD103" s="59" t="str">
        <f t="shared" si="6"/>
        <v/>
      </c>
      <c r="BE103" s="59" t="str">
        <f t="shared" si="6"/>
        <v/>
      </c>
      <c r="BF103" s="59" t="str">
        <f t="shared" si="6"/>
        <v/>
      </c>
      <c r="BG103" s="59" t="str">
        <f t="shared" si="6"/>
        <v/>
      </c>
      <c r="BH103" s="59" t="str">
        <f t="shared" si="6"/>
        <v/>
      </c>
      <c r="BI103" s="59" t="str">
        <f t="shared" si="6"/>
        <v/>
      </c>
      <c r="BJ103" s="59" t="str">
        <f t="shared" si="6"/>
        <v/>
      </c>
      <c r="BK103" s="59" t="str">
        <f t="shared" si="6"/>
        <v/>
      </c>
      <c r="BL103" s="59" t="str">
        <f t="shared" si="6"/>
        <v/>
      </c>
      <c r="BM103" s="59" t="str">
        <f t="shared" si="6"/>
        <v/>
      </c>
      <c r="BN103" s="59" t="str">
        <f t="shared" si="6"/>
        <v/>
      </c>
      <c r="BO103" s="59" t="str">
        <f t="shared" si="6"/>
        <v/>
      </c>
      <c r="BP103" s="59" t="str">
        <f t="shared" si="6"/>
        <v/>
      </c>
      <c r="BQ103" s="59" t="str">
        <f t="shared" si="6"/>
        <v/>
      </c>
      <c r="BR103" s="59" t="str">
        <f t="shared" si="6"/>
        <v/>
      </c>
      <c r="BS103" s="59" t="str">
        <f t="shared" si="6"/>
        <v/>
      </c>
    </row>
    <row r="104" spans="1:71" s="67" customFormat="1" ht="34.5" customHeight="1">
      <c r="A104" s="179" t="s">
        <v>89</v>
      </c>
      <c r="B104" s="1"/>
      <c r="C104" s="289" t="s">
        <v>90</v>
      </c>
      <c r="D104" s="290"/>
      <c r="E104" s="286" t="s">
        <v>91</v>
      </c>
      <c r="F104" s="287"/>
      <c r="G104" s="287"/>
      <c r="H104" s="288"/>
      <c r="I104" s="322" t="s">
        <v>92</v>
      </c>
      <c r="J104" s="408">
        <f>IF(SUM(L104:BS104)=0,IF(COUNTIF(L104:BS104,"未確認")&gt;0,"未確認",IF(COUNTIF(L104:BS104,"~*")&gt;0,"*",SUM(L104:BS104))),SUM(L104:BS104))</f>
        <v>165</v>
      </c>
      <c r="K104" s="409" t="str">
        <f>IF(OR(COUNTIF(L104:BS104,"未確認")&gt;0,COUNTIF(L104:BS104,"~*")&gt;0),"※","")</f>
        <v/>
      </c>
      <c r="L104" s="410">
        <v>60</v>
      </c>
      <c r="M104" s="411">
        <v>0</v>
      </c>
      <c r="N104" s="410">
        <v>60</v>
      </c>
      <c r="O104" s="410">
        <v>0</v>
      </c>
      <c r="P104" s="192">
        <v>45</v>
      </c>
      <c r="Q104" s="192">
        <v>0</v>
      </c>
      <c r="R104" s="192"/>
      <c r="S104" s="192"/>
      <c r="T104" s="192"/>
      <c r="U104" s="192"/>
      <c r="V104" s="192"/>
      <c r="W104" s="192"/>
      <c r="X104" s="192"/>
      <c r="Y104" s="192"/>
      <c r="Z104" s="192"/>
      <c r="AA104" s="192"/>
      <c r="AB104" s="192"/>
      <c r="AC104" s="192"/>
      <c r="AD104" s="192"/>
      <c r="AE104" s="192"/>
      <c r="AF104" s="192"/>
      <c r="AG104" s="192"/>
      <c r="AH104" s="192"/>
      <c r="AI104" s="192"/>
      <c r="AJ104" s="192"/>
      <c r="AK104" s="192"/>
      <c r="AL104" s="192"/>
      <c r="AM104" s="192"/>
      <c r="AN104" s="192"/>
      <c r="AO104" s="192"/>
      <c r="AP104" s="192"/>
      <c r="AQ104" s="192"/>
      <c r="AR104" s="192"/>
      <c r="AS104" s="192"/>
      <c r="AT104" s="192"/>
      <c r="AU104" s="192"/>
      <c r="AV104" s="192"/>
      <c r="AW104" s="192"/>
      <c r="AX104" s="192"/>
      <c r="AY104" s="192"/>
      <c r="AZ104" s="192"/>
      <c r="BA104" s="192"/>
      <c r="BB104" s="192"/>
      <c r="BC104" s="192"/>
      <c r="BD104" s="192"/>
      <c r="BE104" s="192"/>
      <c r="BF104" s="192"/>
      <c r="BG104" s="192"/>
      <c r="BH104" s="192"/>
      <c r="BI104" s="192"/>
      <c r="BJ104" s="192"/>
      <c r="BK104" s="192"/>
      <c r="BL104" s="192"/>
      <c r="BM104" s="192"/>
      <c r="BN104" s="192"/>
      <c r="BO104" s="192"/>
      <c r="BP104" s="192"/>
      <c r="BQ104" s="192"/>
      <c r="BR104" s="192"/>
      <c r="BS104" s="192"/>
    </row>
    <row r="105" spans="1:71" s="67" customFormat="1" ht="34.5" customHeight="1">
      <c r="A105" s="179" t="s">
        <v>93</v>
      </c>
      <c r="B105" s="68"/>
      <c r="C105" s="291"/>
      <c r="D105" s="292"/>
      <c r="E105" s="325"/>
      <c r="F105" s="298"/>
      <c r="G105" s="299" t="s">
        <v>94</v>
      </c>
      <c r="H105" s="300"/>
      <c r="I105" s="323"/>
      <c r="J105" s="408">
        <f>IF(SUM(L105:BS105)=0,IF(COUNTIF(L105:BS105,"未確認")&gt;0,"未確認",IF(COUNTIF(L105:BS105,"~*")&gt;0,"*",SUM(L105:BS105))),SUM(L105:BS105))</f>
        <v>0</v>
      </c>
      <c r="K105" s="409" t="str">
        <f>IF(OR(COUNTIF(L105:BS105,"未確認")&gt;0,COUNTIF(L105:BS105,"~*")&gt;0),"※","")</f>
        <v/>
      </c>
      <c r="L105" s="410">
        <v>0</v>
      </c>
      <c r="M105" s="410">
        <v>0</v>
      </c>
      <c r="N105" s="410">
        <v>0</v>
      </c>
      <c r="O105" s="410">
        <v>0</v>
      </c>
      <c r="P105" s="192">
        <v>0</v>
      </c>
      <c r="Q105" s="192">
        <v>0</v>
      </c>
      <c r="R105" s="192"/>
      <c r="S105" s="192"/>
      <c r="T105" s="192"/>
      <c r="U105" s="192"/>
      <c r="V105" s="192"/>
      <c r="W105" s="192"/>
      <c r="X105" s="192"/>
      <c r="Y105" s="192"/>
      <c r="Z105" s="192"/>
      <c r="AA105" s="192"/>
      <c r="AB105" s="192"/>
      <c r="AC105" s="192"/>
      <c r="AD105" s="192"/>
      <c r="AE105" s="192"/>
      <c r="AF105" s="192"/>
      <c r="AG105" s="192"/>
      <c r="AH105" s="192"/>
      <c r="AI105" s="192"/>
      <c r="AJ105" s="192"/>
      <c r="AK105" s="192"/>
      <c r="AL105" s="192"/>
      <c r="AM105" s="192"/>
      <c r="AN105" s="192"/>
      <c r="AO105" s="192"/>
      <c r="AP105" s="192"/>
      <c r="AQ105" s="192"/>
      <c r="AR105" s="192"/>
      <c r="AS105" s="192"/>
      <c r="AT105" s="192"/>
      <c r="AU105" s="192"/>
      <c r="AV105" s="192"/>
      <c r="AW105" s="192"/>
      <c r="AX105" s="192"/>
      <c r="AY105" s="192"/>
      <c r="AZ105" s="192"/>
      <c r="BA105" s="192"/>
      <c r="BB105" s="192"/>
      <c r="BC105" s="192"/>
      <c r="BD105" s="192"/>
      <c r="BE105" s="192"/>
      <c r="BF105" s="192"/>
      <c r="BG105" s="192"/>
      <c r="BH105" s="192"/>
      <c r="BI105" s="192"/>
      <c r="BJ105" s="192"/>
      <c r="BK105" s="192"/>
      <c r="BL105" s="192"/>
      <c r="BM105" s="192"/>
      <c r="BN105" s="192"/>
      <c r="BO105" s="192"/>
      <c r="BP105" s="192"/>
      <c r="BQ105" s="192"/>
      <c r="BR105" s="192"/>
      <c r="BS105" s="192"/>
    </row>
    <row r="106" spans="1:71" s="67" customFormat="1" ht="34.5" customHeight="1">
      <c r="A106" s="179" t="s">
        <v>89</v>
      </c>
      <c r="B106" s="68"/>
      <c r="C106" s="291"/>
      <c r="D106" s="292"/>
      <c r="E106" s="274" t="s">
        <v>95</v>
      </c>
      <c r="F106" s="275"/>
      <c r="G106" s="275"/>
      <c r="H106" s="276"/>
      <c r="I106" s="323"/>
      <c r="J106" s="408">
        <f>IF(SUM(L106:BS106)=0,IF(COUNTIF(L106:BS106,"未確認")&gt;0,"未確認",IF(COUNTIF(L106:BS106,"~*")&gt;0,"*",SUM(L106:BS106))),SUM(L106:BS106))</f>
        <v>138</v>
      </c>
      <c r="K106" s="409" t="str">
        <f t="shared" ref="K106:K116" si="7">IF(OR(COUNTIF(L106:BS106,"未確認")&gt;0,COUNTIF(L106:BS106,"~*")&gt;0),"※","")</f>
        <v/>
      </c>
      <c r="L106" s="410">
        <v>47</v>
      </c>
      <c r="M106" s="410">
        <v>0</v>
      </c>
      <c r="N106" s="410">
        <v>46</v>
      </c>
      <c r="O106" s="410">
        <v>0</v>
      </c>
      <c r="P106" s="192">
        <v>45</v>
      </c>
      <c r="Q106" s="192">
        <v>0</v>
      </c>
      <c r="R106" s="192"/>
      <c r="S106" s="192"/>
      <c r="T106" s="192"/>
      <c r="U106" s="192"/>
      <c r="V106" s="192"/>
      <c r="W106" s="192"/>
      <c r="X106" s="192"/>
      <c r="Y106" s="192"/>
      <c r="Z106" s="192"/>
      <c r="AA106" s="192"/>
      <c r="AB106" s="192"/>
      <c r="AC106" s="192"/>
      <c r="AD106" s="192"/>
      <c r="AE106" s="192"/>
      <c r="AF106" s="192"/>
      <c r="AG106" s="192"/>
      <c r="AH106" s="192"/>
      <c r="AI106" s="192"/>
      <c r="AJ106" s="192"/>
      <c r="AK106" s="192"/>
      <c r="AL106" s="192"/>
      <c r="AM106" s="192"/>
      <c r="AN106" s="192"/>
      <c r="AO106" s="192"/>
      <c r="AP106" s="192"/>
      <c r="AQ106" s="192"/>
      <c r="AR106" s="192"/>
      <c r="AS106" s="192"/>
      <c r="AT106" s="192"/>
      <c r="AU106" s="192"/>
      <c r="AV106" s="192"/>
      <c r="AW106" s="192"/>
      <c r="AX106" s="192"/>
      <c r="AY106" s="192"/>
      <c r="AZ106" s="192"/>
      <c r="BA106" s="192"/>
      <c r="BB106" s="192"/>
      <c r="BC106" s="192"/>
      <c r="BD106" s="192"/>
      <c r="BE106" s="192"/>
      <c r="BF106" s="192"/>
      <c r="BG106" s="192"/>
      <c r="BH106" s="192"/>
      <c r="BI106" s="192"/>
      <c r="BJ106" s="192"/>
      <c r="BK106" s="192"/>
      <c r="BL106" s="192"/>
      <c r="BM106" s="192"/>
      <c r="BN106" s="192"/>
      <c r="BO106" s="192"/>
      <c r="BP106" s="192"/>
      <c r="BQ106" s="192"/>
      <c r="BR106" s="192"/>
      <c r="BS106" s="192"/>
    </row>
    <row r="107" spans="1:71" s="67" customFormat="1" ht="34.5" customHeight="1">
      <c r="A107" s="179" t="s">
        <v>89</v>
      </c>
      <c r="B107" s="68"/>
      <c r="C107" s="293"/>
      <c r="D107" s="294"/>
      <c r="E107" s="301" t="s">
        <v>96</v>
      </c>
      <c r="F107" s="302"/>
      <c r="G107" s="302"/>
      <c r="H107" s="303"/>
      <c r="I107" s="323"/>
      <c r="J107" s="190">
        <f>IF(SUM(L107:BS107)=0,IF(COUNTIF(L107:BS107,"未確認")&gt;0,"未確認",IF(COUNTIF(L107:BS107,"~*")&gt;0,"*",SUM(L107:BS107))),SUM(L107:BS107))</f>
        <v>165</v>
      </c>
      <c r="K107" s="172" t="str">
        <f t="shared" si="7"/>
        <v/>
      </c>
      <c r="L107" s="192">
        <v>60</v>
      </c>
      <c r="M107" s="192">
        <v>0</v>
      </c>
      <c r="N107" s="192">
        <v>60</v>
      </c>
      <c r="O107" s="192">
        <v>0</v>
      </c>
      <c r="P107" s="192">
        <v>45</v>
      </c>
      <c r="Q107" s="192">
        <v>0</v>
      </c>
      <c r="R107" s="192"/>
      <c r="S107" s="192"/>
      <c r="T107" s="192"/>
      <c r="U107" s="192"/>
      <c r="V107" s="192"/>
      <c r="W107" s="192"/>
      <c r="X107" s="192"/>
      <c r="Y107" s="192"/>
      <c r="Z107" s="192"/>
      <c r="AA107" s="192"/>
      <c r="AB107" s="192"/>
      <c r="AC107" s="192"/>
      <c r="AD107" s="192"/>
      <c r="AE107" s="192"/>
      <c r="AF107" s="192"/>
      <c r="AG107" s="192"/>
      <c r="AH107" s="192"/>
      <c r="AI107" s="192"/>
      <c r="AJ107" s="192"/>
      <c r="AK107" s="192"/>
      <c r="AL107" s="192"/>
      <c r="AM107" s="192"/>
      <c r="AN107" s="192"/>
      <c r="AO107" s="192"/>
      <c r="AP107" s="192"/>
      <c r="AQ107" s="192"/>
      <c r="AR107" s="192"/>
      <c r="AS107" s="192"/>
      <c r="AT107" s="192"/>
      <c r="AU107" s="192"/>
      <c r="AV107" s="192"/>
      <c r="AW107" s="192"/>
      <c r="AX107" s="192"/>
      <c r="AY107" s="192"/>
      <c r="AZ107" s="192"/>
      <c r="BA107" s="192"/>
      <c r="BB107" s="192"/>
      <c r="BC107" s="192"/>
      <c r="BD107" s="192"/>
      <c r="BE107" s="192"/>
      <c r="BF107" s="192"/>
      <c r="BG107" s="192"/>
      <c r="BH107" s="192"/>
      <c r="BI107" s="192"/>
      <c r="BJ107" s="192"/>
      <c r="BK107" s="192"/>
      <c r="BL107" s="192"/>
      <c r="BM107" s="192"/>
      <c r="BN107" s="192"/>
      <c r="BO107" s="192"/>
      <c r="BP107" s="192"/>
      <c r="BQ107" s="192"/>
      <c r="BR107" s="192"/>
      <c r="BS107" s="192"/>
    </row>
    <row r="108" spans="1:71" s="67" customFormat="1" ht="34.5" customHeight="1">
      <c r="A108" s="179" t="s">
        <v>97</v>
      </c>
      <c r="B108" s="68"/>
      <c r="C108" s="289" t="s">
        <v>98</v>
      </c>
      <c r="D108" s="290"/>
      <c r="E108" s="289" t="s">
        <v>91</v>
      </c>
      <c r="F108" s="295"/>
      <c r="G108" s="295"/>
      <c r="H108" s="290"/>
      <c r="I108" s="323"/>
      <c r="J108" s="190">
        <f t="shared" ref="J108:J116" si="8">IF(SUM(L108:BS108)=0,IF(COUNTIF(L108:BS108,"未確認")&gt;0,"未確認",IF(COUNTIF(L108:BS108,"~*")&gt;0,"*",SUM(L108:BS108))),SUM(L108:BS108))</f>
        <v>88</v>
      </c>
      <c r="K108" s="172" t="str">
        <f t="shared" si="7"/>
        <v/>
      </c>
      <c r="L108" s="192">
        <v>0</v>
      </c>
      <c r="M108" s="192">
        <v>44</v>
      </c>
      <c r="N108" s="192">
        <v>0</v>
      </c>
      <c r="O108" s="192">
        <v>0</v>
      </c>
      <c r="P108" s="192">
        <v>0</v>
      </c>
      <c r="Q108" s="192">
        <v>44</v>
      </c>
      <c r="R108" s="192"/>
      <c r="S108" s="192"/>
      <c r="T108" s="192"/>
      <c r="U108" s="192"/>
      <c r="V108" s="192"/>
      <c r="W108" s="192"/>
      <c r="X108" s="192"/>
      <c r="Y108" s="192"/>
      <c r="Z108" s="192"/>
      <c r="AA108" s="192"/>
      <c r="AB108" s="192"/>
      <c r="AC108" s="192"/>
      <c r="AD108" s="192"/>
      <c r="AE108" s="192"/>
      <c r="AF108" s="192"/>
      <c r="AG108" s="192"/>
      <c r="AH108" s="192"/>
      <c r="AI108" s="192"/>
      <c r="AJ108" s="192"/>
      <c r="AK108" s="192"/>
      <c r="AL108" s="192"/>
      <c r="AM108" s="192"/>
      <c r="AN108" s="192"/>
      <c r="AO108" s="192"/>
      <c r="AP108" s="192"/>
      <c r="AQ108" s="192"/>
      <c r="AR108" s="192"/>
      <c r="AS108" s="192"/>
      <c r="AT108" s="192"/>
      <c r="AU108" s="192"/>
      <c r="AV108" s="192"/>
      <c r="AW108" s="192"/>
      <c r="AX108" s="192"/>
      <c r="AY108" s="192"/>
      <c r="AZ108" s="192"/>
      <c r="BA108" s="192"/>
      <c r="BB108" s="192"/>
      <c r="BC108" s="192"/>
      <c r="BD108" s="192"/>
      <c r="BE108" s="192"/>
      <c r="BF108" s="192"/>
      <c r="BG108" s="192"/>
      <c r="BH108" s="192"/>
      <c r="BI108" s="192"/>
      <c r="BJ108" s="192"/>
      <c r="BK108" s="192"/>
      <c r="BL108" s="192"/>
      <c r="BM108" s="192"/>
      <c r="BN108" s="192"/>
      <c r="BO108" s="192"/>
      <c r="BP108" s="192"/>
      <c r="BQ108" s="192"/>
      <c r="BR108" s="192"/>
      <c r="BS108" s="192"/>
    </row>
    <row r="109" spans="1:71" s="67" customFormat="1" ht="34.5" customHeight="1">
      <c r="A109" s="179" t="s">
        <v>99</v>
      </c>
      <c r="B109" s="68"/>
      <c r="C109" s="291"/>
      <c r="D109" s="292"/>
      <c r="E109" s="296"/>
      <c r="F109" s="297"/>
      <c r="G109" s="274" t="s">
        <v>100</v>
      </c>
      <c r="H109" s="276"/>
      <c r="I109" s="323"/>
      <c r="J109" s="190">
        <f t="shared" si="8"/>
        <v>88</v>
      </c>
      <c r="K109" s="172" t="str">
        <f t="shared" si="7"/>
        <v/>
      </c>
      <c r="L109" s="192">
        <v>0</v>
      </c>
      <c r="M109" s="192">
        <v>44</v>
      </c>
      <c r="N109" s="192">
        <v>0</v>
      </c>
      <c r="O109" s="192">
        <v>0</v>
      </c>
      <c r="P109" s="192">
        <v>0</v>
      </c>
      <c r="Q109" s="192">
        <v>44</v>
      </c>
      <c r="R109" s="192"/>
      <c r="S109" s="192"/>
      <c r="T109" s="192"/>
      <c r="U109" s="192"/>
      <c r="V109" s="192"/>
      <c r="W109" s="192"/>
      <c r="X109" s="192"/>
      <c r="Y109" s="192"/>
      <c r="Z109" s="192"/>
      <c r="AA109" s="192"/>
      <c r="AB109" s="192"/>
      <c r="AC109" s="192"/>
      <c r="AD109" s="192"/>
      <c r="AE109" s="192"/>
      <c r="AF109" s="192"/>
      <c r="AG109" s="192"/>
      <c r="AH109" s="192"/>
      <c r="AI109" s="192"/>
      <c r="AJ109" s="192"/>
      <c r="AK109" s="192"/>
      <c r="AL109" s="192"/>
      <c r="AM109" s="192"/>
      <c r="AN109" s="192"/>
      <c r="AO109" s="192"/>
      <c r="AP109" s="192"/>
      <c r="AQ109" s="192"/>
      <c r="AR109" s="192"/>
      <c r="AS109" s="192"/>
      <c r="AT109" s="192"/>
      <c r="AU109" s="192"/>
      <c r="AV109" s="192"/>
      <c r="AW109" s="192"/>
      <c r="AX109" s="192"/>
      <c r="AY109" s="192"/>
      <c r="AZ109" s="192"/>
      <c r="BA109" s="192"/>
      <c r="BB109" s="192"/>
      <c r="BC109" s="192"/>
      <c r="BD109" s="192"/>
      <c r="BE109" s="192"/>
      <c r="BF109" s="192"/>
      <c r="BG109" s="192"/>
      <c r="BH109" s="192"/>
      <c r="BI109" s="192"/>
      <c r="BJ109" s="192"/>
      <c r="BK109" s="192"/>
      <c r="BL109" s="192"/>
      <c r="BM109" s="192"/>
      <c r="BN109" s="192"/>
      <c r="BO109" s="192"/>
      <c r="BP109" s="192"/>
      <c r="BQ109" s="192"/>
      <c r="BR109" s="192"/>
      <c r="BS109" s="192"/>
    </row>
    <row r="110" spans="1:71" s="67" customFormat="1" ht="34.5" customHeight="1">
      <c r="A110" s="179" t="s">
        <v>101</v>
      </c>
      <c r="B110" s="68"/>
      <c r="C110" s="291"/>
      <c r="D110" s="292"/>
      <c r="E110" s="296"/>
      <c r="F110" s="298"/>
      <c r="G110" s="274" t="s">
        <v>102</v>
      </c>
      <c r="H110" s="276"/>
      <c r="I110" s="323"/>
      <c r="J110" s="190">
        <f t="shared" si="8"/>
        <v>0</v>
      </c>
      <c r="K110" s="172" t="str">
        <f t="shared" si="7"/>
        <v/>
      </c>
      <c r="L110" s="192">
        <v>0</v>
      </c>
      <c r="M110" s="192">
        <v>0</v>
      </c>
      <c r="N110" s="192">
        <v>0</v>
      </c>
      <c r="O110" s="192">
        <v>0</v>
      </c>
      <c r="P110" s="192">
        <v>0</v>
      </c>
      <c r="Q110" s="192">
        <v>0</v>
      </c>
      <c r="R110" s="192"/>
      <c r="S110" s="192"/>
      <c r="T110" s="192"/>
      <c r="U110" s="192"/>
      <c r="V110" s="192"/>
      <c r="W110" s="192"/>
      <c r="X110" s="192"/>
      <c r="Y110" s="192"/>
      <c r="Z110" s="192"/>
      <c r="AA110" s="192"/>
      <c r="AB110" s="192"/>
      <c r="AC110" s="192"/>
      <c r="AD110" s="192"/>
      <c r="AE110" s="192"/>
      <c r="AF110" s="192"/>
      <c r="AG110" s="192"/>
      <c r="AH110" s="192"/>
      <c r="AI110" s="192"/>
      <c r="AJ110" s="192"/>
      <c r="AK110" s="192"/>
      <c r="AL110" s="192"/>
      <c r="AM110" s="192"/>
      <c r="AN110" s="192"/>
      <c r="AO110" s="192"/>
      <c r="AP110" s="192"/>
      <c r="AQ110" s="192"/>
      <c r="AR110" s="192"/>
      <c r="AS110" s="192"/>
      <c r="AT110" s="192"/>
      <c r="AU110" s="192"/>
      <c r="AV110" s="192"/>
      <c r="AW110" s="192"/>
      <c r="AX110" s="192"/>
      <c r="AY110" s="192"/>
      <c r="AZ110" s="192"/>
      <c r="BA110" s="192"/>
      <c r="BB110" s="192"/>
      <c r="BC110" s="192"/>
      <c r="BD110" s="192"/>
      <c r="BE110" s="192"/>
      <c r="BF110" s="192"/>
      <c r="BG110" s="192"/>
      <c r="BH110" s="192"/>
      <c r="BI110" s="192"/>
      <c r="BJ110" s="192"/>
      <c r="BK110" s="192"/>
      <c r="BL110" s="192"/>
      <c r="BM110" s="192"/>
      <c r="BN110" s="192"/>
      <c r="BO110" s="192"/>
      <c r="BP110" s="192"/>
      <c r="BQ110" s="192"/>
      <c r="BR110" s="192"/>
      <c r="BS110" s="192"/>
    </row>
    <row r="111" spans="1:71" s="67" customFormat="1" ht="34.5" customHeight="1">
      <c r="A111" s="179" t="s">
        <v>97</v>
      </c>
      <c r="B111" s="68"/>
      <c r="C111" s="291"/>
      <c r="D111" s="292"/>
      <c r="E111" s="289" t="s">
        <v>95</v>
      </c>
      <c r="F111" s="295"/>
      <c r="G111" s="295"/>
      <c r="H111" s="290"/>
      <c r="I111" s="323"/>
      <c r="J111" s="190">
        <f t="shared" si="8"/>
        <v>87</v>
      </c>
      <c r="K111" s="172" t="str">
        <f t="shared" si="7"/>
        <v/>
      </c>
      <c r="L111" s="192">
        <v>0</v>
      </c>
      <c r="M111" s="192">
        <v>44</v>
      </c>
      <c r="N111" s="192">
        <v>0</v>
      </c>
      <c r="O111" s="192">
        <v>0</v>
      </c>
      <c r="P111" s="192">
        <v>0</v>
      </c>
      <c r="Q111" s="192">
        <v>43</v>
      </c>
      <c r="R111" s="192"/>
      <c r="S111" s="192"/>
      <c r="T111" s="192"/>
      <c r="U111" s="192"/>
      <c r="V111" s="192"/>
      <c r="W111" s="192"/>
      <c r="X111" s="192"/>
      <c r="Y111" s="192"/>
      <c r="Z111" s="192"/>
      <c r="AA111" s="192"/>
      <c r="AB111" s="192"/>
      <c r="AC111" s="192"/>
      <c r="AD111" s="192"/>
      <c r="AE111" s="192"/>
      <c r="AF111" s="192"/>
      <c r="AG111" s="192"/>
      <c r="AH111" s="192"/>
      <c r="AI111" s="192"/>
      <c r="AJ111" s="192"/>
      <c r="AK111" s="192"/>
      <c r="AL111" s="192"/>
      <c r="AM111" s="192"/>
      <c r="AN111" s="192"/>
      <c r="AO111" s="192"/>
      <c r="AP111" s="192"/>
      <c r="AQ111" s="192"/>
      <c r="AR111" s="192"/>
      <c r="AS111" s="192"/>
      <c r="AT111" s="192"/>
      <c r="AU111" s="192"/>
      <c r="AV111" s="192"/>
      <c r="AW111" s="192"/>
      <c r="AX111" s="192"/>
      <c r="AY111" s="192"/>
      <c r="AZ111" s="192"/>
      <c r="BA111" s="192"/>
      <c r="BB111" s="192"/>
      <c r="BC111" s="192"/>
      <c r="BD111" s="192"/>
      <c r="BE111" s="192"/>
      <c r="BF111" s="192"/>
      <c r="BG111" s="192"/>
      <c r="BH111" s="192"/>
      <c r="BI111" s="192"/>
      <c r="BJ111" s="192"/>
      <c r="BK111" s="192"/>
      <c r="BL111" s="192"/>
      <c r="BM111" s="192"/>
      <c r="BN111" s="192"/>
      <c r="BO111" s="192"/>
      <c r="BP111" s="192"/>
      <c r="BQ111" s="192"/>
      <c r="BR111" s="192"/>
      <c r="BS111" s="192"/>
    </row>
    <row r="112" spans="1:71" s="67" customFormat="1" ht="34.5" customHeight="1">
      <c r="A112" s="179" t="s">
        <v>99</v>
      </c>
      <c r="B112" s="68"/>
      <c r="C112" s="291"/>
      <c r="D112" s="292"/>
      <c r="E112" s="296"/>
      <c r="F112" s="297"/>
      <c r="G112" s="274" t="s">
        <v>100</v>
      </c>
      <c r="H112" s="276"/>
      <c r="I112" s="323"/>
      <c r="J112" s="190">
        <f t="shared" si="8"/>
        <v>87</v>
      </c>
      <c r="K112" s="172" t="str">
        <f t="shared" si="7"/>
        <v/>
      </c>
      <c r="L112" s="192">
        <v>0</v>
      </c>
      <c r="M112" s="192">
        <v>44</v>
      </c>
      <c r="N112" s="192">
        <v>0</v>
      </c>
      <c r="O112" s="192">
        <v>0</v>
      </c>
      <c r="P112" s="192">
        <v>0</v>
      </c>
      <c r="Q112" s="192">
        <v>43</v>
      </c>
      <c r="R112" s="192"/>
      <c r="S112" s="192"/>
      <c r="T112" s="192"/>
      <c r="U112" s="192"/>
      <c r="V112" s="192"/>
      <c r="W112" s="192"/>
      <c r="X112" s="192"/>
      <c r="Y112" s="192"/>
      <c r="Z112" s="192"/>
      <c r="AA112" s="192"/>
      <c r="AB112" s="192"/>
      <c r="AC112" s="192"/>
      <c r="AD112" s="192"/>
      <c r="AE112" s="192"/>
      <c r="AF112" s="192"/>
      <c r="AG112" s="192"/>
      <c r="AH112" s="192"/>
      <c r="AI112" s="192"/>
      <c r="AJ112" s="192"/>
      <c r="AK112" s="192"/>
      <c r="AL112" s="192"/>
      <c r="AM112" s="192"/>
      <c r="AN112" s="192"/>
      <c r="AO112" s="192"/>
      <c r="AP112" s="192"/>
      <c r="AQ112" s="192"/>
      <c r="AR112" s="192"/>
      <c r="AS112" s="192"/>
      <c r="AT112" s="192"/>
      <c r="AU112" s="192"/>
      <c r="AV112" s="192"/>
      <c r="AW112" s="192"/>
      <c r="AX112" s="192"/>
      <c r="AY112" s="192"/>
      <c r="AZ112" s="192"/>
      <c r="BA112" s="192"/>
      <c r="BB112" s="192"/>
      <c r="BC112" s="192"/>
      <c r="BD112" s="192"/>
      <c r="BE112" s="192"/>
      <c r="BF112" s="192"/>
      <c r="BG112" s="192"/>
      <c r="BH112" s="192"/>
      <c r="BI112" s="192"/>
      <c r="BJ112" s="192"/>
      <c r="BK112" s="192"/>
      <c r="BL112" s="192"/>
      <c r="BM112" s="192"/>
      <c r="BN112" s="192"/>
      <c r="BO112" s="192"/>
      <c r="BP112" s="192"/>
      <c r="BQ112" s="192"/>
      <c r="BR112" s="192"/>
      <c r="BS112" s="192"/>
    </row>
    <row r="113" spans="1:71" s="67" customFormat="1" ht="34.5" customHeight="1">
      <c r="A113" s="179" t="s">
        <v>101</v>
      </c>
      <c r="B113" s="68"/>
      <c r="C113" s="291"/>
      <c r="D113" s="292"/>
      <c r="E113" s="325"/>
      <c r="F113" s="298"/>
      <c r="G113" s="274" t="s">
        <v>102</v>
      </c>
      <c r="H113" s="276"/>
      <c r="I113" s="323"/>
      <c r="J113" s="190">
        <f t="shared" si="8"/>
        <v>0</v>
      </c>
      <c r="K113" s="172" t="str">
        <f t="shared" si="7"/>
        <v/>
      </c>
      <c r="L113" s="192">
        <v>0</v>
      </c>
      <c r="M113" s="192">
        <v>0</v>
      </c>
      <c r="N113" s="192">
        <v>0</v>
      </c>
      <c r="O113" s="192">
        <v>0</v>
      </c>
      <c r="P113" s="192">
        <v>0</v>
      </c>
      <c r="Q113" s="192">
        <v>0</v>
      </c>
      <c r="R113" s="192"/>
      <c r="S113" s="192"/>
      <c r="T113" s="192"/>
      <c r="U113" s="192"/>
      <c r="V113" s="192"/>
      <c r="W113" s="192"/>
      <c r="X113" s="192"/>
      <c r="Y113" s="192"/>
      <c r="Z113" s="192"/>
      <c r="AA113" s="192"/>
      <c r="AB113" s="192"/>
      <c r="AC113" s="192"/>
      <c r="AD113" s="192"/>
      <c r="AE113" s="192"/>
      <c r="AF113" s="192"/>
      <c r="AG113" s="192"/>
      <c r="AH113" s="192"/>
      <c r="AI113" s="192"/>
      <c r="AJ113" s="192"/>
      <c r="AK113" s="192"/>
      <c r="AL113" s="192"/>
      <c r="AM113" s="192"/>
      <c r="AN113" s="192"/>
      <c r="AO113" s="192"/>
      <c r="AP113" s="192"/>
      <c r="AQ113" s="192"/>
      <c r="AR113" s="192"/>
      <c r="AS113" s="192"/>
      <c r="AT113" s="192"/>
      <c r="AU113" s="192"/>
      <c r="AV113" s="192"/>
      <c r="AW113" s="192"/>
      <c r="AX113" s="192"/>
      <c r="AY113" s="192"/>
      <c r="AZ113" s="192"/>
      <c r="BA113" s="192"/>
      <c r="BB113" s="192"/>
      <c r="BC113" s="192"/>
      <c r="BD113" s="192"/>
      <c r="BE113" s="192"/>
      <c r="BF113" s="192"/>
      <c r="BG113" s="192"/>
      <c r="BH113" s="192"/>
      <c r="BI113" s="192"/>
      <c r="BJ113" s="192"/>
      <c r="BK113" s="192"/>
      <c r="BL113" s="192"/>
      <c r="BM113" s="192"/>
      <c r="BN113" s="192"/>
      <c r="BO113" s="192"/>
      <c r="BP113" s="192"/>
      <c r="BQ113" s="192"/>
      <c r="BR113" s="192"/>
      <c r="BS113" s="192"/>
    </row>
    <row r="114" spans="1:71" s="67" customFormat="1" ht="34.5" customHeight="1">
      <c r="A114" s="179" t="s">
        <v>97</v>
      </c>
      <c r="B114" s="68"/>
      <c r="C114" s="291"/>
      <c r="D114" s="292"/>
      <c r="E114" s="304" t="s">
        <v>96</v>
      </c>
      <c r="F114" s="305"/>
      <c r="G114" s="305"/>
      <c r="H114" s="306"/>
      <c r="I114" s="323"/>
      <c r="J114" s="190">
        <f t="shared" si="8"/>
        <v>88</v>
      </c>
      <c r="K114" s="172" t="str">
        <f t="shared" si="7"/>
        <v/>
      </c>
      <c r="L114" s="192">
        <v>0</v>
      </c>
      <c r="M114" s="192">
        <v>44</v>
      </c>
      <c r="N114" s="192">
        <v>0</v>
      </c>
      <c r="O114" s="192">
        <v>0</v>
      </c>
      <c r="P114" s="192">
        <v>0</v>
      </c>
      <c r="Q114" s="192">
        <v>44</v>
      </c>
      <c r="R114" s="192"/>
      <c r="S114" s="192"/>
      <c r="T114" s="192"/>
      <c r="U114" s="192"/>
      <c r="V114" s="192"/>
      <c r="W114" s="192"/>
      <c r="X114" s="192"/>
      <c r="Y114" s="192"/>
      <c r="Z114" s="192"/>
      <c r="AA114" s="192"/>
      <c r="AB114" s="192"/>
      <c r="AC114" s="192"/>
      <c r="AD114" s="192"/>
      <c r="AE114" s="192"/>
      <c r="AF114" s="192"/>
      <c r="AG114" s="192"/>
      <c r="AH114" s="192"/>
      <c r="AI114" s="192"/>
      <c r="AJ114" s="192"/>
      <c r="AK114" s="192"/>
      <c r="AL114" s="192"/>
      <c r="AM114" s="192"/>
      <c r="AN114" s="192"/>
      <c r="AO114" s="192"/>
      <c r="AP114" s="192"/>
      <c r="AQ114" s="192"/>
      <c r="AR114" s="192"/>
      <c r="AS114" s="192"/>
      <c r="AT114" s="192"/>
      <c r="AU114" s="192"/>
      <c r="AV114" s="192"/>
      <c r="AW114" s="192"/>
      <c r="AX114" s="192"/>
      <c r="AY114" s="192"/>
      <c r="AZ114" s="192"/>
      <c r="BA114" s="192"/>
      <c r="BB114" s="192"/>
      <c r="BC114" s="192"/>
      <c r="BD114" s="192"/>
      <c r="BE114" s="192"/>
      <c r="BF114" s="192"/>
      <c r="BG114" s="192"/>
      <c r="BH114" s="192"/>
      <c r="BI114" s="192"/>
      <c r="BJ114" s="192"/>
      <c r="BK114" s="192"/>
      <c r="BL114" s="192"/>
      <c r="BM114" s="192"/>
      <c r="BN114" s="192"/>
      <c r="BO114" s="192"/>
      <c r="BP114" s="192"/>
      <c r="BQ114" s="192"/>
      <c r="BR114" s="192"/>
      <c r="BS114" s="192"/>
    </row>
    <row r="115" spans="1:71" s="67" customFormat="1" ht="34.5" customHeight="1">
      <c r="A115" s="179" t="s">
        <v>99</v>
      </c>
      <c r="B115" s="68"/>
      <c r="C115" s="291"/>
      <c r="D115" s="292"/>
      <c r="E115" s="284"/>
      <c r="F115" s="285"/>
      <c r="G115" s="301" t="s">
        <v>100</v>
      </c>
      <c r="H115" s="303"/>
      <c r="I115" s="323"/>
      <c r="J115" s="190">
        <f t="shared" si="8"/>
        <v>88</v>
      </c>
      <c r="K115" s="172" t="str">
        <f t="shared" si="7"/>
        <v/>
      </c>
      <c r="L115" s="192">
        <v>0</v>
      </c>
      <c r="M115" s="192">
        <v>44</v>
      </c>
      <c r="N115" s="192">
        <v>0</v>
      </c>
      <c r="O115" s="192">
        <v>0</v>
      </c>
      <c r="P115" s="192">
        <v>0</v>
      </c>
      <c r="Q115" s="192">
        <v>44</v>
      </c>
      <c r="R115" s="192"/>
      <c r="S115" s="192"/>
      <c r="T115" s="192"/>
      <c r="U115" s="192"/>
      <c r="V115" s="192"/>
      <c r="W115" s="192"/>
      <c r="X115" s="192"/>
      <c r="Y115" s="192"/>
      <c r="Z115" s="192"/>
      <c r="AA115" s="192"/>
      <c r="AB115" s="192"/>
      <c r="AC115" s="192"/>
      <c r="AD115" s="192"/>
      <c r="AE115" s="192"/>
      <c r="AF115" s="192"/>
      <c r="AG115" s="192"/>
      <c r="AH115" s="192"/>
      <c r="AI115" s="192"/>
      <c r="AJ115" s="192"/>
      <c r="AK115" s="192"/>
      <c r="AL115" s="192"/>
      <c r="AM115" s="192"/>
      <c r="AN115" s="192"/>
      <c r="AO115" s="192"/>
      <c r="AP115" s="192"/>
      <c r="AQ115" s="192"/>
      <c r="AR115" s="192"/>
      <c r="AS115" s="192"/>
      <c r="AT115" s="192"/>
      <c r="AU115" s="192"/>
      <c r="AV115" s="192"/>
      <c r="AW115" s="192"/>
      <c r="AX115" s="192"/>
      <c r="AY115" s="192"/>
      <c r="AZ115" s="192"/>
      <c r="BA115" s="192"/>
      <c r="BB115" s="192"/>
      <c r="BC115" s="192"/>
      <c r="BD115" s="192"/>
      <c r="BE115" s="192"/>
      <c r="BF115" s="192"/>
      <c r="BG115" s="192"/>
      <c r="BH115" s="192"/>
      <c r="BI115" s="192"/>
      <c r="BJ115" s="192"/>
      <c r="BK115" s="192"/>
      <c r="BL115" s="192"/>
      <c r="BM115" s="192"/>
      <c r="BN115" s="192"/>
      <c r="BO115" s="192"/>
      <c r="BP115" s="192"/>
      <c r="BQ115" s="192"/>
      <c r="BR115" s="192"/>
      <c r="BS115" s="192"/>
    </row>
    <row r="116" spans="1:71" s="67" customFormat="1" ht="34.5" customHeight="1">
      <c r="A116" s="179" t="s">
        <v>101</v>
      </c>
      <c r="B116" s="68"/>
      <c r="C116" s="293"/>
      <c r="D116" s="294"/>
      <c r="E116" s="326"/>
      <c r="F116" s="327"/>
      <c r="G116" s="301" t="s">
        <v>102</v>
      </c>
      <c r="H116" s="303"/>
      <c r="I116" s="323"/>
      <c r="J116" s="190">
        <f t="shared" si="8"/>
        <v>0</v>
      </c>
      <c r="K116" s="172" t="str">
        <f t="shared" si="7"/>
        <v/>
      </c>
      <c r="L116" s="192">
        <v>0</v>
      </c>
      <c r="M116" s="192">
        <v>0</v>
      </c>
      <c r="N116" s="192">
        <v>0</v>
      </c>
      <c r="O116" s="192">
        <v>0</v>
      </c>
      <c r="P116" s="192">
        <v>0</v>
      </c>
      <c r="Q116" s="192">
        <v>0</v>
      </c>
      <c r="R116" s="192"/>
      <c r="S116" s="192"/>
      <c r="T116" s="192"/>
      <c r="U116" s="192"/>
      <c r="V116" s="192"/>
      <c r="W116" s="192"/>
      <c r="X116" s="192"/>
      <c r="Y116" s="192"/>
      <c r="Z116" s="192"/>
      <c r="AA116" s="192"/>
      <c r="AB116" s="192"/>
      <c r="AC116" s="192"/>
      <c r="AD116" s="192"/>
      <c r="AE116" s="192"/>
      <c r="AF116" s="192"/>
      <c r="AG116" s="192"/>
      <c r="AH116" s="192"/>
      <c r="AI116" s="192"/>
      <c r="AJ116" s="192"/>
      <c r="AK116" s="192"/>
      <c r="AL116" s="192"/>
      <c r="AM116" s="192"/>
      <c r="AN116" s="192"/>
      <c r="AO116" s="192"/>
      <c r="AP116" s="192"/>
      <c r="AQ116" s="192"/>
      <c r="AR116" s="192"/>
      <c r="AS116" s="192"/>
      <c r="AT116" s="192"/>
      <c r="AU116" s="192"/>
      <c r="AV116" s="192"/>
      <c r="AW116" s="192"/>
      <c r="AX116" s="192"/>
      <c r="AY116" s="192"/>
      <c r="AZ116" s="192"/>
      <c r="BA116" s="192"/>
      <c r="BB116" s="192"/>
      <c r="BC116" s="192"/>
      <c r="BD116" s="192"/>
      <c r="BE116" s="192"/>
      <c r="BF116" s="192"/>
      <c r="BG116" s="192"/>
      <c r="BH116" s="192"/>
      <c r="BI116" s="192"/>
      <c r="BJ116" s="192"/>
      <c r="BK116" s="192"/>
      <c r="BL116" s="192"/>
      <c r="BM116" s="192"/>
      <c r="BN116" s="192"/>
      <c r="BO116" s="192"/>
      <c r="BP116" s="192"/>
      <c r="BQ116" s="192"/>
      <c r="BR116" s="192"/>
      <c r="BS116" s="192"/>
    </row>
    <row r="117" spans="1:71" s="67" customFormat="1" ht="315" customHeight="1">
      <c r="A117" s="179" t="s">
        <v>103</v>
      </c>
      <c r="B117" s="68"/>
      <c r="C117" s="299" t="s">
        <v>104</v>
      </c>
      <c r="D117" s="328"/>
      <c r="E117" s="328"/>
      <c r="F117" s="328"/>
      <c r="G117" s="328"/>
      <c r="H117" s="300"/>
      <c r="I117" s="324"/>
      <c r="J117" s="69"/>
      <c r="K117" s="70" t="s">
        <v>105</v>
      </c>
      <c r="L117" s="191" t="s">
        <v>42</v>
      </c>
      <c r="M117" s="191" t="s">
        <v>42</v>
      </c>
      <c r="N117" s="191" t="s">
        <v>42</v>
      </c>
      <c r="O117" s="191" t="s">
        <v>42</v>
      </c>
      <c r="P117" s="191" t="s">
        <v>42</v>
      </c>
      <c r="Q117" s="191" t="s">
        <v>42</v>
      </c>
      <c r="R117" s="191"/>
      <c r="S117" s="191"/>
      <c r="T117" s="191"/>
      <c r="U117" s="191"/>
      <c r="V117" s="191"/>
      <c r="W117" s="191"/>
      <c r="X117" s="191"/>
      <c r="Y117" s="191"/>
      <c r="Z117" s="191"/>
      <c r="AA117" s="191"/>
      <c r="AB117" s="191"/>
      <c r="AC117" s="191"/>
      <c r="AD117" s="191"/>
      <c r="AE117" s="191"/>
      <c r="AF117" s="191"/>
      <c r="AG117" s="191"/>
      <c r="AH117" s="191"/>
      <c r="AI117" s="191"/>
      <c r="AJ117" s="191"/>
      <c r="AK117" s="191"/>
      <c r="AL117" s="191"/>
      <c r="AM117" s="191"/>
      <c r="AN117" s="191"/>
      <c r="AO117" s="191"/>
      <c r="AP117" s="191"/>
      <c r="AQ117" s="191"/>
      <c r="AR117" s="191"/>
      <c r="AS117" s="191"/>
      <c r="AT117" s="191"/>
      <c r="AU117" s="191"/>
      <c r="AV117" s="191"/>
      <c r="AW117" s="191"/>
      <c r="AX117" s="191"/>
      <c r="AY117" s="191"/>
      <c r="AZ117" s="191"/>
      <c r="BA117" s="191"/>
      <c r="BB117" s="191"/>
      <c r="BC117" s="191"/>
      <c r="BD117" s="191"/>
      <c r="BE117" s="191"/>
      <c r="BF117" s="191"/>
      <c r="BG117" s="191"/>
      <c r="BH117" s="191"/>
      <c r="BI117" s="191"/>
      <c r="BJ117" s="191"/>
      <c r="BK117" s="191"/>
      <c r="BL117" s="191"/>
      <c r="BM117" s="191"/>
      <c r="BN117" s="191"/>
      <c r="BO117" s="191"/>
      <c r="BP117" s="191"/>
      <c r="BQ117" s="191"/>
      <c r="BR117" s="191"/>
      <c r="BS117" s="191"/>
    </row>
    <row r="118" spans="1:71" s="74" customFormat="1">
      <c r="A118" s="178"/>
      <c r="B118" s="14"/>
      <c r="C118" s="14"/>
      <c r="D118" s="14"/>
      <c r="E118" s="14"/>
      <c r="F118" s="14"/>
      <c r="G118" s="14"/>
      <c r="H118" s="10"/>
      <c r="I118" s="10"/>
      <c r="J118" s="71"/>
      <c r="K118" s="72"/>
      <c r="L118" s="73"/>
      <c r="M118" s="73"/>
      <c r="N118" s="73"/>
      <c r="O118" s="73"/>
      <c r="P118" s="73"/>
      <c r="Q118" s="73"/>
    </row>
    <row r="119" spans="1:71" s="67" customFormat="1">
      <c r="A119" s="178"/>
      <c r="B119" s="68"/>
      <c r="C119" s="52"/>
      <c r="D119" s="52"/>
      <c r="E119" s="52"/>
      <c r="F119" s="52"/>
      <c r="G119" s="52"/>
      <c r="H119" s="75"/>
      <c r="I119" s="75"/>
      <c r="J119" s="71"/>
      <c r="K119" s="72"/>
      <c r="L119" s="73"/>
      <c r="M119" s="73"/>
      <c r="N119" s="73"/>
      <c r="O119" s="73"/>
      <c r="P119" s="73"/>
      <c r="Q119" s="73"/>
    </row>
    <row r="120" spans="1:71" s="17" customFormat="1">
      <c r="A120" s="178"/>
      <c r="B120" s="1"/>
      <c r="C120" s="52"/>
      <c r="D120" s="3"/>
      <c r="E120" s="3"/>
      <c r="F120" s="3"/>
      <c r="G120" s="3"/>
      <c r="H120" s="214"/>
      <c r="I120" s="214"/>
      <c r="J120" s="53"/>
      <c r="K120" s="24"/>
      <c r="L120" s="51"/>
      <c r="M120" s="51"/>
      <c r="N120" s="51"/>
      <c r="O120" s="51"/>
      <c r="P120" s="51"/>
      <c r="Q120" s="51"/>
      <c r="R120" s="8"/>
    </row>
    <row r="121" spans="1:71" s="74" customFormat="1">
      <c r="A121" s="178"/>
      <c r="B121" s="14" t="s">
        <v>106</v>
      </c>
      <c r="C121" s="14"/>
      <c r="D121" s="14"/>
      <c r="E121" s="14"/>
      <c r="F121" s="14"/>
      <c r="G121" s="14"/>
      <c r="H121" s="10"/>
      <c r="I121" s="10"/>
      <c r="J121" s="71"/>
      <c r="K121" s="72"/>
      <c r="L121" s="73"/>
      <c r="M121" s="73"/>
      <c r="N121" s="73"/>
      <c r="O121" s="73"/>
      <c r="P121" s="73"/>
      <c r="Q121" s="73"/>
    </row>
    <row r="122" spans="1:71">
      <c r="A122" s="178"/>
      <c r="B122" s="14"/>
      <c r="C122" s="14"/>
      <c r="D122" s="14"/>
      <c r="E122" s="14"/>
      <c r="F122" s="14"/>
      <c r="G122" s="14"/>
      <c r="H122" s="10"/>
      <c r="I122" s="10"/>
      <c r="L122" s="175"/>
      <c r="M122" s="175"/>
      <c r="N122" s="175"/>
      <c r="O122" s="175"/>
      <c r="P122" s="175"/>
      <c r="Q122" s="175"/>
      <c r="R122" s="8"/>
      <c r="S122" s="8"/>
      <c r="T122" s="8"/>
      <c r="U122" s="8"/>
      <c r="V122" s="8"/>
    </row>
    <row r="123" spans="1:71" ht="34.5" customHeight="1">
      <c r="A123" s="178"/>
      <c r="B123" s="14"/>
      <c r="C123" s="3"/>
      <c r="D123" s="3"/>
      <c r="F123" s="3"/>
      <c r="G123" s="3"/>
      <c r="H123" s="214"/>
      <c r="I123" s="56"/>
      <c r="J123" s="76" t="s">
        <v>81</v>
      </c>
      <c r="K123" s="64"/>
      <c r="L123" s="247" t="str">
        <f>IF(ISBLANK(L$9),"",L$9)</f>
        <v>4階病棟</v>
      </c>
      <c r="M123" s="249" t="str">
        <f>IF(ISBLANK(M$9),"",M$9)</f>
        <v>回復期リハビリテーション病棟</v>
      </c>
      <c r="N123" s="247" t="str">
        <f t="shared" ref="N123:BS123" si="9">IF(ISBLANK(N$9),"",N$9)</f>
        <v>地域包括ケア病棟</v>
      </c>
      <c r="O123" s="247" t="str">
        <f t="shared" si="9"/>
        <v>地域包括ケア病棟サテライト</v>
      </c>
      <c r="P123" s="247" t="str">
        <f t="shared" si="9"/>
        <v>特殊疾患病棟</v>
      </c>
      <c r="Q123" s="247" t="str">
        <f t="shared" si="9"/>
        <v>療養病棟2階</v>
      </c>
      <c r="R123" s="247" t="str">
        <f t="shared" si="9"/>
        <v/>
      </c>
      <c r="S123" s="247" t="str">
        <f t="shared" si="9"/>
        <v/>
      </c>
      <c r="T123" s="247" t="str">
        <f t="shared" si="9"/>
        <v/>
      </c>
      <c r="U123" s="247" t="str">
        <f t="shared" si="9"/>
        <v/>
      </c>
      <c r="V123" s="247" t="str">
        <f t="shared" si="9"/>
        <v/>
      </c>
      <c r="W123" s="247" t="str">
        <f t="shared" si="9"/>
        <v/>
      </c>
      <c r="X123" s="247" t="str">
        <f t="shared" si="9"/>
        <v/>
      </c>
      <c r="Y123" s="247" t="str">
        <f t="shared" si="9"/>
        <v/>
      </c>
      <c r="Z123" s="247" t="str">
        <f t="shared" si="9"/>
        <v/>
      </c>
      <c r="AA123" s="247" t="str">
        <f t="shared" si="9"/>
        <v/>
      </c>
      <c r="AB123" s="247" t="str">
        <f t="shared" si="9"/>
        <v/>
      </c>
      <c r="AC123" s="247" t="str">
        <f t="shared" si="9"/>
        <v/>
      </c>
      <c r="AD123" s="247" t="str">
        <f t="shared" si="9"/>
        <v/>
      </c>
      <c r="AE123" s="247" t="str">
        <f t="shared" si="9"/>
        <v/>
      </c>
      <c r="AF123" s="247" t="str">
        <f t="shared" si="9"/>
        <v/>
      </c>
      <c r="AG123" s="247" t="str">
        <f t="shared" si="9"/>
        <v/>
      </c>
      <c r="AH123" s="247" t="str">
        <f t="shared" si="9"/>
        <v/>
      </c>
      <c r="AI123" s="247" t="str">
        <f t="shared" si="9"/>
        <v/>
      </c>
      <c r="AJ123" s="247" t="str">
        <f t="shared" si="9"/>
        <v/>
      </c>
      <c r="AK123" s="247" t="str">
        <f t="shared" si="9"/>
        <v/>
      </c>
      <c r="AL123" s="247" t="str">
        <f t="shared" si="9"/>
        <v/>
      </c>
      <c r="AM123" s="247" t="str">
        <f t="shared" si="9"/>
        <v/>
      </c>
      <c r="AN123" s="247" t="str">
        <f t="shared" si="9"/>
        <v/>
      </c>
      <c r="AO123" s="247" t="str">
        <f t="shared" si="9"/>
        <v/>
      </c>
      <c r="AP123" s="247" t="str">
        <f t="shared" si="9"/>
        <v/>
      </c>
      <c r="AQ123" s="247" t="str">
        <f t="shared" si="9"/>
        <v/>
      </c>
      <c r="AR123" s="247" t="str">
        <f t="shared" si="9"/>
        <v/>
      </c>
      <c r="AS123" s="247" t="str">
        <f t="shared" si="9"/>
        <v/>
      </c>
      <c r="AT123" s="247" t="str">
        <f t="shared" si="9"/>
        <v/>
      </c>
      <c r="AU123" s="247" t="str">
        <f t="shared" si="9"/>
        <v/>
      </c>
      <c r="AV123" s="247" t="str">
        <f t="shared" si="9"/>
        <v/>
      </c>
      <c r="AW123" s="247" t="str">
        <f t="shared" si="9"/>
        <v/>
      </c>
      <c r="AX123" s="247" t="str">
        <f t="shared" si="9"/>
        <v/>
      </c>
      <c r="AY123" s="247" t="str">
        <f t="shared" si="9"/>
        <v/>
      </c>
      <c r="AZ123" s="247" t="str">
        <f t="shared" si="9"/>
        <v/>
      </c>
      <c r="BA123" s="247" t="str">
        <f t="shared" si="9"/>
        <v/>
      </c>
      <c r="BB123" s="247" t="str">
        <f t="shared" si="9"/>
        <v/>
      </c>
      <c r="BC123" s="247" t="str">
        <f t="shared" si="9"/>
        <v/>
      </c>
      <c r="BD123" s="247" t="str">
        <f t="shared" si="9"/>
        <v/>
      </c>
      <c r="BE123" s="247" t="str">
        <f t="shared" si="9"/>
        <v/>
      </c>
      <c r="BF123" s="247" t="str">
        <f t="shared" si="9"/>
        <v/>
      </c>
      <c r="BG123" s="247" t="str">
        <f t="shared" si="9"/>
        <v/>
      </c>
      <c r="BH123" s="247" t="str">
        <f t="shared" si="9"/>
        <v/>
      </c>
      <c r="BI123" s="247" t="str">
        <f t="shared" si="9"/>
        <v/>
      </c>
      <c r="BJ123" s="247" t="str">
        <f t="shared" si="9"/>
        <v/>
      </c>
      <c r="BK123" s="247" t="str">
        <f t="shared" si="9"/>
        <v/>
      </c>
      <c r="BL123" s="247" t="str">
        <f t="shared" si="9"/>
        <v/>
      </c>
      <c r="BM123" s="247" t="str">
        <f t="shared" si="9"/>
        <v/>
      </c>
      <c r="BN123" s="247" t="str">
        <f t="shared" si="9"/>
        <v/>
      </c>
      <c r="BO123" s="247" t="str">
        <f t="shared" si="9"/>
        <v/>
      </c>
      <c r="BP123" s="247" t="str">
        <f t="shared" si="9"/>
        <v/>
      </c>
      <c r="BQ123" s="247" t="str">
        <f t="shared" si="9"/>
        <v/>
      </c>
      <c r="BR123" s="247" t="str">
        <f t="shared" si="9"/>
        <v/>
      </c>
      <c r="BS123" s="247" t="str">
        <f t="shared" si="9"/>
        <v/>
      </c>
    </row>
    <row r="124" spans="1:71" ht="20.25" customHeight="1">
      <c r="A124" s="178"/>
      <c r="B124" s="1"/>
      <c r="C124" s="3"/>
      <c r="D124" s="3"/>
      <c r="F124" s="3"/>
      <c r="G124" s="3"/>
      <c r="H124" s="214"/>
      <c r="I124" s="56" t="s">
        <v>82</v>
      </c>
      <c r="J124" s="77"/>
      <c r="K124" s="65"/>
      <c r="L124" s="59" t="str">
        <f>IF(ISBLANK(L$95),"",L$95)</f>
        <v>急性期</v>
      </c>
      <c r="M124" s="250" t="str">
        <f>IF(ISBLANK(M$95),"",M$95)</f>
        <v>回復期</v>
      </c>
      <c r="N124" s="59" t="str">
        <f t="shared" ref="N124:BS124" si="10">IF(ISBLANK(N$95),"",N$95)</f>
        <v>回復期</v>
      </c>
      <c r="O124" s="59" t="str">
        <f t="shared" si="10"/>
        <v>休棟中（今後廃止する予定）</v>
      </c>
      <c r="P124" s="59" t="str">
        <f t="shared" si="10"/>
        <v>慢性期</v>
      </c>
      <c r="Q124" s="59" t="str">
        <f t="shared" si="10"/>
        <v>慢性期</v>
      </c>
      <c r="R124" s="59" t="str">
        <f t="shared" si="10"/>
        <v/>
      </c>
      <c r="S124" s="59" t="str">
        <f t="shared" si="10"/>
        <v/>
      </c>
      <c r="T124" s="59" t="str">
        <f t="shared" si="10"/>
        <v/>
      </c>
      <c r="U124" s="59" t="str">
        <f t="shared" si="10"/>
        <v/>
      </c>
      <c r="V124" s="59" t="str">
        <f t="shared" si="10"/>
        <v/>
      </c>
      <c r="W124" s="59" t="str">
        <f t="shared" si="10"/>
        <v/>
      </c>
      <c r="X124" s="59" t="str">
        <f t="shared" si="10"/>
        <v/>
      </c>
      <c r="Y124" s="59" t="str">
        <f t="shared" si="10"/>
        <v/>
      </c>
      <c r="Z124" s="59" t="str">
        <f t="shared" si="10"/>
        <v/>
      </c>
      <c r="AA124" s="59" t="str">
        <f t="shared" si="10"/>
        <v/>
      </c>
      <c r="AB124" s="59" t="str">
        <f t="shared" si="10"/>
        <v/>
      </c>
      <c r="AC124" s="59" t="str">
        <f t="shared" si="10"/>
        <v/>
      </c>
      <c r="AD124" s="59" t="str">
        <f t="shared" si="10"/>
        <v/>
      </c>
      <c r="AE124" s="59" t="str">
        <f t="shared" si="10"/>
        <v/>
      </c>
      <c r="AF124" s="59" t="str">
        <f t="shared" si="10"/>
        <v/>
      </c>
      <c r="AG124" s="59" t="str">
        <f t="shared" si="10"/>
        <v/>
      </c>
      <c r="AH124" s="59" t="str">
        <f t="shared" si="10"/>
        <v/>
      </c>
      <c r="AI124" s="59" t="str">
        <f t="shared" si="10"/>
        <v/>
      </c>
      <c r="AJ124" s="59" t="str">
        <f t="shared" si="10"/>
        <v/>
      </c>
      <c r="AK124" s="59" t="str">
        <f t="shared" si="10"/>
        <v/>
      </c>
      <c r="AL124" s="59" t="str">
        <f t="shared" si="10"/>
        <v/>
      </c>
      <c r="AM124" s="59" t="str">
        <f t="shared" si="10"/>
        <v/>
      </c>
      <c r="AN124" s="59" t="str">
        <f t="shared" si="10"/>
        <v/>
      </c>
      <c r="AO124" s="59" t="str">
        <f t="shared" si="10"/>
        <v/>
      </c>
      <c r="AP124" s="59" t="str">
        <f t="shared" si="10"/>
        <v/>
      </c>
      <c r="AQ124" s="59" t="str">
        <f t="shared" si="10"/>
        <v/>
      </c>
      <c r="AR124" s="59" t="str">
        <f t="shared" si="10"/>
        <v/>
      </c>
      <c r="AS124" s="59" t="str">
        <f t="shared" si="10"/>
        <v/>
      </c>
      <c r="AT124" s="59" t="str">
        <f t="shared" si="10"/>
        <v/>
      </c>
      <c r="AU124" s="59" t="str">
        <f t="shared" si="10"/>
        <v/>
      </c>
      <c r="AV124" s="59" t="str">
        <f t="shared" si="10"/>
        <v/>
      </c>
      <c r="AW124" s="59" t="str">
        <f t="shared" si="10"/>
        <v/>
      </c>
      <c r="AX124" s="59" t="str">
        <f t="shared" si="10"/>
        <v/>
      </c>
      <c r="AY124" s="59" t="str">
        <f t="shared" si="10"/>
        <v/>
      </c>
      <c r="AZ124" s="59" t="str">
        <f t="shared" si="10"/>
        <v/>
      </c>
      <c r="BA124" s="59" t="str">
        <f t="shared" si="10"/>
        <v/>
      </c>
      <c r="BB124" s="59" t="str">
        <f t="shared" si="10"/>
        <v/>
      </c>
      <c r="BC124" s="59" t="str">
        <f t="shared" si="10"/>
        <v/>
      </c>
      <c r="BD124" s="59" t="str">
        <f t="shared" si="10"/>
        <v/>
      </c>
      <c r="BE124" s="59" t="str">
        <f t="shared" si="10"/>
        <v/>
      </c>
      <c r="BF124" s="59" t="str">
        <f t="shared" si="10"/>
        <v/>
      </c>
      <c r="BG124" s="59" t="str">
        <f t="shared" si="10"/>
        <v/>
      </c>
      <c r="BH124" s="59" t="str">
        <f t="shared" si="10"/>
        <v/>
      </c>
      <c r="BI124" s="59" t="str">
        <f t="shared" si="10"/>
        <v/>
      </c>
      <c r="BJ124" s="59" t="str">
        <f t="shared" si="10"/>
        <v/>
      </c>
      <c r="BK124" s="59" t="str">
        <f t="shared" si="10"/>
        <v/>
      </c>
      <c r="BL124" s="59" t="str">
        <f t="shared" si="10"/>
        <v/>
      </c>
      <c r="BM124" s="59" t="str">
        <f t="shared" si="10"/>
        <v/>
      </c>
      <c r="BN124" s="59" t="str">
        <f t="shared" si="10"/>
        <v/>
      </c>
      <c r="BO124" s="59" t="str">
        <f t="shared" si="10"/>
        <v/>
      </c>
      <c r="BP124" s="59" t="str">
        <f t="shared" si="10"/>
        <v/>
      </c>
      <c r="BQ124" s="59" t="str">
        <f t="shared" si="10"/>
        <v/>
      </c>
      <c r="BR124" s="59" t="str">
        <f t="shared" si="10"/>
        <v/>
      </c>
      <c r="BS124" s="59" t="str">
        <f t="shared" si="10"/>
        <v/>
      </c>
    </row>
    <row r="125" spans="1:71" s="67" customFormat="1" ht="40.5" customHeight="1">
      <c r="A125" s="179" t="s">
        <v>107</v>
      </c>
      <c r="B125" s="1"/>
      <c r="C125" s="289" t="s">
        <v>108</v>
      </c>
      <c r="D125" s="295"/>
      <c r="E125" s="295"/>
      <c r="F125" s="295"/>
      <c r="G125" s="295"/>
      <c r="H125" s="290"/>
      <c r="I125" s="316" t="s">
        <v>109</v>
      </c>
      <c r="J125" s="78"/>
      <c r="K125" s="79"/>
      <c r="L125" s="253" t="s">
        <v>110</v>
      </c>
      <c r="M125" s="253" t="s">
        <v>111</v>
      </c>
      <c r="N125" s="253" t="s">
        <v>110</v>
      </c>
      <c r="O125" s="253" t="s">
        <v>112</v>
      </c>
      <c r="P125" s="253" t="s">
        <v>113</v>
      </c>
      <c r="Q125" s="253" t="s">
        <v>113</v>
      </c>
      <c r="R125" s="253"/>
      <c r="S125" s="253"/>
      <c r="T125" s="253"/>
      <c r="U125" s="253"/>
      <c r="V125" s="253"/>
      <c r="W125" s="253"/>
      <c r="X125" s="253"/>
      <c r="Y125" s="253"/>
      <c r="Z125" s="253"/>
      <c r="AA125" s="253"/>
      <c r="AB125" s="253"/>
      <c r="AC125" s="253"/>
      <c r="AD125" s="253"/>
      <c r="AE125" s="253"/>
      <c r="AF125" s="253"/>
      <c r="AG125" s="253"/>
      <c r="AH125" s="253"/>
      <c r="AI125" s="253"/>
      <c r="AJ125" s="253"/>
      <c r="AK125" s="253"/>
      <c r="AL125" s="253"/>
      <c r="AM125" s="253"/>
      <c r="AN125" s="253"/>
      <c r="AO125" s="253"/>
      <c r="AP125" s="253"/>
      <c r="AQ125" s="253"/>
      <c r="AR125" s="253"/>
      <c r="AS125" s="253"/>
      <c r="AT125" s="253"/>
      <c r="AU125" s="253"/>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53"/>
      <c r="BR125" s="253"/>
      <c r="BS125" s="253"/>
    </row>
    <row r="126" spans="1:71" s="67" customFormat="1" ht="40.5" customHeight="1">
      <c r="A126" s="179" t="s">
        <v>114</v>
      </c>
      <c r="B126" s="1"/>
      <c r="C126" s="221"/>
      <c r="D126" s="222"/>
      <c r="E126" s="289" t="s">
        <v>115</v>
      </c>
      <c r="F126" s="295"/>
      <c r="G126" s="295"/>
      <c r="H126" s="290"/>
      <c r="I126" s="317"/>
      <c r="J126" s="81"/>
      <c r="K126" s="82"/>
      <c r="L126" s="253" t="s">
        <v>116</v>
      </c>
      <c r="M126" s="253" t="s">
        <v>42</v>
      </c>
      <c r="N126" s="253" t="s">
        <v>113</v>
      </c>
      <c r="O126" s="253" t="s">
        <v>42</v>
      </c>
      <c r="P126" s="253" t="s">
        <v>42</v>
      </c>
      <c r="Q126" s="253" t="s">
        <v>42</v>
      </c>
      <c r="R126" s="253"/>
      <c r="S126" s="253"/>
      <c r="T126" s="253"/>
      <c r="U126" s="253"/>
      <c r="V126" s="253"/>
      <c r="W126" s="253"/>
      <c r="X126" s="253"/>
      <c r="Y126" s="253"/>
      <c r="Z126" s="253"/>
      <c r="AA126" s="253"/>
      <c r="AB126" s="253"/>
      <c r="AC126" s="253"/>
      <c r="AD126" s="253"/>
      <c r="AE126" s="253"/>
      <c r="AF126" s="253"/>
      <c r="AG126" s="253"/>
      <c r="AH126" s="253"/>
      <c r="AI126" s="253"/>
      <c r="AJ126" s="253"/>
      <c r="AK126" s="253"/>
      <c r="AL126" s="253"/>
      <c r="AM126" s="253"/>
      <c r="AN126" s="253"/>
      <c r="AO126" s="253"/>
      <c r="AP126" s="253"/>
      <c r="AQ126" s="253"/>
      <c r="AR126" s="253"/>
      <c r="AS126" s="253"/>
      <c r="AT126" s="253"/>
      <c r="AU126" s="253"/>
      <c r="AV126" s="253"/>
      <c r="AW126" s="253"/>
      <c r="AX126" s="253"/>
      <c r="AY126" s="253"/>
      <c r="AZ126" s="253"/>
      <c r="BA126" s="253"/>
      <c r="BB126" s="253"/>
      <c r="BC126" s="253"/>
      <c r="BD126" s="253"/>
      <c r="BE126" s="253"/>
      <c r="BF126" s="253"/>
      <c r="BG126" s="253"/>
      <c r="BH126" s="253"/>
      <c r="BI126" s="253"/>
      <c r="BJ126" s="253"/>
      <c r="BK126" s="253"/>
      <c r="BL126" s="253"/>
      <c r="BM126" s="253"/>
      <c r="BN126" s="253"/>
      <c r="BO126" s="253"/>
      <c r="BP126" s="253"/>
      <c r="BQ126" s="253"/>
      <c r="BR126" s="253"/>
      <c r="BS126" s="253"/>
    </row>
    <row r="127" spans="1:71" s="67" customFormat="1" ht="40.5" customHeight="1">
      <c r="A127" s="179" t="s">
        <v>117</v>
      </c>
      <c r="B127" s="1"/>
      <c r="C127" s="221"/>
      <c r="D127" s="222"/>
      <c r="E127" s="291"/>
      <c r="F127" s="319"/>
      <c r="G127" s="319"/>
      <c r="H127" s="292"/>
      <c r="I127" s="317"/>
      <c r="J127" s="81"/>
      <c r="K127" s="82"/>
      <c r="L127" s="253" t="s">
        <v>113</v>
      </c>
      <c r="M127" s="253" t="s">
        <v>42</v>
      </c>
      <c r="N127" s="253" t="s">
        <v>118</v>
      </c>
      <c r="O127" s="253" t="s">
        <v>42</v>
      </c>
      <c r="P127" s="253" t="s">
        <v>42</v>
      </c>
      <c r="Q127" s="253" t="s">
        <v>42</v>
      </c>
      <c r="R127" s="253"/>
      <c r="S127" s="253"/>
      <c r="T127" s="253"/>
      <c r="U127" s="253"/>
      <c r="V127" s="253"/>
      <c r="W127" s="253"/>
      <c r="X127" s="253"/>
      <c r="Y127" s="253"/>
      <c r="Z127" s="253"/>
      <c r="AA127" s="253"/>
      <c r="AB127" s="253"/>
      <c r="AC127" s="253"/>
      <c r="AD127" s="253"/>
      <c r="AE127" s="253"/>
      <c r="AF127" s="253"/>
      <c r="AG127" s="253"/>
      <c r="AH127" s="253"/>
      <c r="AI127" s="253"/>
      <c r="AJ127" s="253"/>
      <c r="AK127" s="253"/>
      <c r="AL127" s="253"/>
      <c r="AM127" s="253"/>
      <c r="AN127" s="253"/>
      <c r="AO127" s="253"/>
      <c r="AP127" s="253"/>
      <c r="AQ127" s="253"/>
      <c r="AR127" s="253"/>
      <c r="AS127" s="253"/>
      <c r="AT127" s="253"/>
      <c r="AU127" s="253"/>
      <c r="AV127" s="253"/>
      <c r="AW127" s="253"/>
      <c r="AX127" s="253"/>
      <c r="AY127" s="253"/>
      <c r="AZ127" s="253"/>
      <c r="BA127" s="253"/>
      <c r="BB127" s="253"/>
      <c r="BC127" s="253"/>
      <c r="BD127" s="253"/>
      <c r="BE127" s="253"/>
      <c r="BF127" s="253"/>
      <c r="BG127" s="253"/>
      <c r="BH127" s="253"/>
      <c r="BI127" s="253"/>
      <c r="BJ127" s="253"/>
      <c r="BK127" s="253"/>
      <c r="BL127" s="253"/>
      <c r="BM127" s="253"/>
      <c r="BN127" s="253"/>
      <c r="BO127" s="253"/>
      <c r="BP127" s="253"/>
      <c r="BQ127" s="253"/>
      <c r="BR127" s="253"/>
      <c r="BS127" s="253"/>
    </row>
    <row r="128" spans="1:71" s="67" customFormat="1" ht="40.5" customHeight="1">
      <c r="A128" s="179" t="s">
        <v>119</v>
      </c>
      <c r="B128" s="1"/>
      <c r="C128" s="216"/>
      <c r="D128" s="217"/>
      <c r="E128" s="293"/>
      <c r="F128" s="320"/>
      <c r="G128" s="320"/>
      <c r="H128" s="294"/>
      <c r="I128" s="318"/>
      <c r="J128" s="83"/>
      <c r="K128" s="84"/>
      <c r="L128" s="253" t="s">
        <v>118</v>
      </c>
      <c r="M128" s="253" t="s">
        <v>42</v>
      </c>
      <c r="N128" s="253" t="s">
        <v>116</v>
      </c>
      <c r="O128" s="253" t="s">
        <v>42</v>
      </c>
      <c r="P128" s="253" t="s">
        <v>42</v>
      </c>
      <c r="Q128" s="253" t="s">
        <v>42</v>
      </c>
      <c r="R128" s="253"/>
      <c r="S128" s="253"/>
      <c r="T128" s="253"/>
      <c r="U128" s="253"/>
      <c r="V128" s="253"/>
      <c r="W128" s="253"/>
      <c r="X128" s="253"/>
      <c r="Y128" s="253"/>
      <c r="Z128" s="253"/>
      <c r="AA128" s="253"/>
      <c r="AB128" s="253"/>
      <c r="AC128" s="253"/>
      <c r="AD128" s="253"/>
      <c r="AE128" s="253"/>
      <c r="AF128" s="253"/>
      <c r="AG128" s="253"/>
      <c r="AH128" s="253"/>
      <c r="AI128" s="253"/>
      <c r="AJ128" s="253"/>
      <c r="AK128" s="253"/>
      <c r="AL128" s="253"/>
      <c r="AM128" s="253"/>
      <c r="AN128" s="253"/>
      <c r="AO128" s="253"/>
      <c r="AP128" s="253"/>
      <c r="AQ128" s="253"/>
      <c r="AR128" s="253"/>
      <c r="AS128" s="253"/>
      <c r="AT128" s="253"/>
      <c r="AU128" s="253"/>
      <c r="AV128" s="253"/>
      <c r="AW128" s="253"/>
      <c r="AX128" s="253"/>
      <c r="AY128" s="253"/>
      <c r="AZ128" s="253"/>
      <c r="BA128" s="253"/>
      <c r="BB128" s="253"/>
      <c r="BC128" s="253"/>
      <c r="BD128" s="253"/>
      <c r="BE128" s="253"/>
      <c r="BF128" s="253"/>
      <c r="BG128" s="253"/>
      <c r="BH128" s="253"/>
      <c r="BI128" s="253"/>
      <c r="BJ128" s="253"/>
      <c r="BK128" s="253"/>
      <c r="BL128" s="253"/>
      <c r="BM128" s="253"/>
      <c r="BN128" s="253"/>
      <c r="BO128" s="253"/>
      <c r="BP128" s="253"/>
      <c r="BQ128" s="253"/>
      <c r="BR128" s="253"/>
      <c r="BS128" s="253"/>
    </row>
    <row r="129" spans="1:71" s="74" customFormat="1">
      <c r="A129" s="178"/>
      <c r="B129" s="14"/>
      <c r="C129" s="14"/>
      <c r="D129" s="14"/>
      <c r="E129" s="14"/>
      <c r="F129" s="14"/>
      <c r="G129" s="14"/>
      <c r="H129" s="10"/>
      <c r="I129" s="10"/>
      <c r="J129" s="71"/>
      <c r="K129" s="72"/>
      <c r="L129" s="73"/>
      <c r="M129" s="73"/>
      <c r="N129" s="73"/>
      <c r="O129" s="73"/>
      <c r="P129" s="73"/>
      <c r="Q129" s="73"/>
    </row>
    <row r="130" spans="1:71" s="67" customFormat="1">
      <c r="A130" s="178"/>
      <c r="B130" s="68"/>
      <c r="C130" s="52"/>
      <c r="D130" s="52"/>
      <c r="E130" s="52"/>
      <c r="F130" s="52"/>
      <c r="G130" s="52"/>
      <c r="H130" s="75"/>
      <c r="I130" s="75"/>
      <c r="J130" s="71"/>
      <c r="K130" s="72"/>
      <c r="L130" s="73"/>
      <c r="M130" s="73"/>
      <c r="N130" s="73"/>
      <c r="O130" s="73"/>
      <c r="P130" s="73"/>
      <c r="Q130" s="73"/>
    </row>
    <row r="131" spans="1:71" s="17" customFormat="1">
      <c r="A131" s="178"/>
      <c r="B131" s="1"/>
      <c r="C131" s="52"/>
      <c r="D131" s="3"/>
      <c r="E131" s="3"/>
      <c r="F131" s="3"/>
      <c r="G131" s="3"/>
      <c r="H131" s="214"/>
      <c r="I131" s="214"/>
      <c r="J131" s="53"/>
      <c r="K131" s="24"/>
      <c r="L131" s="51"/>
      <c r="M131" s="51"/>
      <c r="N131" s="51"/>
      <c r="O131" s="51"/>
      <c r="P131" s="51"/>
      <c r="Q131" s="51"/>
      <c r="R131" s="8"/>
    </row>
    <row r="132" spans="1:71" s="74" customFormat="1">
      <c r="A132" s="209"/>
      <c r="B132" s="14" t="s">
        <v>120</v>
      </c>
      <c r="C132" s="85"/>
      <c r="D132" s="85"/>
      <c r="E132" s="85"/>
      <c r="F132" s="85"/>
      <c r="G132" s="85"/>
      <c r="H132" s="10"/>
      <c r="I132" s="10"/>
      <c r="J132" s="51"/>
      <c r="K132" s="24"/>
      <c r="L132" s="86"/>
      <c r="M132" s="86"/>
      <c r="N132" s="86"/>
      <c r="O132" s="86"/>
      <c r="P132" s="86"/>
      <c r="Q132" s="86"/>
    </row>
    <row r="133" spans="1:71">
      <c r="A133" s="178"/>
      <c r="B133" s="14"/>
      <c r="C133" s="14"/>
      <c r="D133" s="14"/>
      <c r="E133" s="14"/>
      <c r="F133" s="14"/>
      <c r="G133" s="14"/>
      <c r="H133" s="10"/>
      <c r="I133" s="10"/>
      <c r="L133" s="175"/>
      <c r="M133" s="175"/>
      <c r="N133" s="175"/>
      <c r="O133" s="175"/>
      <c r="P133" s="175"/>
      <c r="Q133" s="175"/>
      <c r="R133" s="8"/>
      <c r="S133" s="8"/>
      <c r="T133" s="8"/>
      <c r="U133" s="8"/>
      <c r="V133" s="8"/>
    </row>
    <row r="134" spans="1:71" ht="34.5" customHeight="1">
      <c r="A134" s="178"/>
      <c r="B134" s="14"/>
      <c r="C134" s="3"/>
      <c r="D134" s="3"/>
      <c r="F134" s="3"/>
      <c r="G134" s="3"/>
      <c r="H134" s="214"/>
      <c r="I134" s="214"/>
      <c r="J134" s="63" t="s">
        <v>81</v>
      </c>
      <c r="K134" s="64"/>
      <c r="L134" s="247" t="str">
        <f>IF(ISBLANK(L$9),"",L$9)</f>
        <v>4階病棟</v>
      </c>
      <c r="M134" s="249" t="str">
        <f t="shared" ref="M134:BS134" si="11">IF(ISBLANK(M$9),"",M$9)</f>
        <v>回復期リハビリテーション病棟</v>
      </c>
      <c r="N134" s="247" t="str">
        <f t="shared" si="11"/>
        <v>地域包括ケア病棟</v>
      </c>
      <c r="O134" s="247" t="str">
        <f t="shared" si="11"/>
        <v>地域包括ケア病棟サテライト</v>
      </c>
      <c r="P134" s="247" t="str">
        <f t="shared" si="11"/>
        <v>特殊疾患病棟</v>
      </c>
      <c r="Q134" s="247" t="str">
        <f t="shared" si="11"/>
        <v>療養病棟2階</v>
      </c>
      <c r="R134" s="247" t="str">
        <f t="shared" si="11"/>
        <v/>
      </c>
      <c r="S134" s="247" t="str">
        <f t="shared" si="11"/>
        <v/>
      </c>
      <c r="T134" s="247" t="str">
        <f t="shared" si="11"/>
        <v/>
      </c>
      <c r="U134" s="247" t="str">
        <f t="shared" si="11"/>
        <v/>
      </c>
      <c r="V134" s="247" t="str">
        <f t="shared" si="11"/>
        <v/>
      </c>
      <c r="W134" s="247" t="str">
        <f t="shared" si="11"/>
        <v/>
      </c>
      <c r="X134" s="247" t="str">
        <f t="shared" si="11"/>
        <v/>
      </c>
      <c r="Y134" s="247" t="str">
        <f t="shared" si="11"/>
        <v/>
      </c>
      <c r="Z134" s="247" t="str">
        <f t="shared" si="11"/>
        <v/>
      </c>
      <c r="AA134" s="247" t="str">
        <f t="shared" si="11"/>
        <v/>
      </c>
      <c r="AB134" s="247" t="str">
        <f t="shared" si="11"/>
        <v/>
      </c>
      <c r="AC134" s="247" t="str">
        <f t="shared" si="11"/>
        <v/>
      </c>
      <c r="AD134" s="247" t="str">
        <f t="shared" si="11"/>
        <v/>
      </c>
      <c r="AE134" s="247" t="str">
        <f t="shared" si="11"/>
        <v/>
      </c>
      <c r="AF134" s="247" t="str">
        <f t="shared" si="11"/>
        <v/>
      </c>
      <c r="AG134" s="247" t="str">
        <f t="shared" si="11"/>
        <v/>
      </c>
      <c r="AH134" s="247" t="str">
        <f t="shared" si="11"/>
        <v/>
      </c>
      <c r="AI134" s="247" t="str">
        <f t="shared" si="11"/>
        <v/>
      </c>
      <c r="AJ134" s="247" t="str">
        <f t="shared" si="11"/>
        <v/>
      </c>
      <c r="AK134" s="247" t="str">
        <f t="shared" si="11"/>
        <v/>
      </c>
      <c r="AL134" s="247" t="str">
        <f t="shared" si="11"/>
        <v/>
      </c>
      <c r="AM134" s="247" t="str">
        <f t="shared" si="11"/>
        <v/>
      </c>
      <c r="AN134" s="247" t="str">
        <f t="shared" si="11"/>
        <v/>
      </c>
      <c r="AO134" s="247" t="str">
        <f t="shared" si="11"/>
        <v/>
      </c>
      <c r="AP134" s="247" t="str">
        <f t="shared" si="11"/>
        <v/>
      </c>
      <c r="AQ134" s="247" t="str">
        <f t="shared" si="11"/>
        <v/>
      </c>
      <c r="AR134" s="247" t="str">
        <f t="shared" si="11"/>
        <v/>
      </c>
      <c r="AS134" s="247" t="str">
        <f t="shared" si="11"/>
        <v/>
      </c>
      <c r="AT134" s="247" t="str">
        <f t="shared" si="11"/>
        <v/>
      </c>
      <c r="AU134" s="247" t="str">
        <f t="shared" si="11"/>
        <v/>
      </c>
      <c r="AV134" s="247" t="str">
        <f t="shared" si="11"/>
        <v/>
      </c>
      <c r="AW134" s="247" t="str">
        <f t="shared" si="11"/>
        <v/>
      </c>
      <c r="AX134" s="247" t="str">
        <f t="shared" si="11"/>
        <v/>
      </c>
      <c r="AY134" s="247" t="str">
        <f t="shared" si="11"/>
        <v/>
      </c>
      <c r="AZ134" s="247" t="str">
        <f t="shared" si="11"/>
        <v/>
      </c>
      <c r="BA134" s="247" t="str">
        <f t="shared" si="11"/>
        <v/>
      </c>
      <c r="BB134" s="247" t="str">
        <f t="shared" si="11"/>
        <v/>
      </c>
      <c r="BC134" s="247" t="str">
        <f t="shared" si="11"/>
        <v/>
      </c>
      <c r="BD134" s="247" t="str">
        <f t="shared" si="11"/>
        <v/>
      </c>
      <c r="BE134" s="247" t="str">
        <f t="shared" si="11"/>
        <v/>
      </c>
      <c r="BF134" s="247" t="str">
        <f t="shared" si="11"/>
        <v/>
      </c>
      <c r="BG134" s="247" t="str">
        <f t="shared" si="11"/>
        <v/>
      </c>
      <c r="BH134" s="247" t="str">
        <f t="shared" si="11"/>
        <v/>
      </c>
      <c r="BI134" s="247" t="str">
        <f t="shared" si="11"/>
        <v/>
      </c>
      <c r="BJ134" s="247" t="str">
        <f t="shared" si="11"/>
        <v/>
      </c>
      <c r="BK134" s="247" t="str">
        <f t="shared" si="11"/>
        <v/>
      </c>
      <c r="BL134" s="247" t="str">
        <f t="shared" si="11"/>
        <v/>
      </c>
      <c r="BM134" s="247" t="str">
        <f t="shared" si="11"/>
        <v/>
      </c>
      <c r="BN134" s="247" t="str">
        <f t="shared" si="11"/>
        <v/>
      </c>
      <c r="BO134" s="247" t="str">
        <f t="shared" si="11"/>
        <v/>
      </c>
      <c r="BP134" s="247" t="str">
        <f t="shared" si="11"/>
        <v/>
      </c>
      <c r="BQ134" s="247" t="str">
        <f t="shared" si="11"/>
        <v/>
      </c>
      <c r="BR134" s="247" t="str">
        <f t="shared" si="11"/>
        <v/>
      </c>
      <c r="BS134" s="247" t="str">
        <f t="shared" si="11"/>
        <v/>
      </c>
    </row>
    <row r="135" spans="1:71" ht="20.25" customHeight="1">
      <c r="A135" s="178"/>
      <c r="B135" s="1"/>
      <c r="C135" s="52"/>
      <c r="D135" s="3"/>
      <c r="F135" s="3"/>
      <c r="G135" s="3"/>
      <c r="H135" s="214"/>
      <c r="I135" s="56" t="s">
        <v>82</v>
      </c>
      <c r="J135" s="57"/>
      <c r="K135" s="65"/>
      <c r="L135" s="59" t="str">
        <f>IF(ISBLANK(L$95),"",L$95)</f>
        <v>急性期</v>
      </c>
      <c r="M135" s="250" t="str">
        <f t="shared" ref="M135:BS135" si="12">IF(ISBLANK(M$95),"",M$95)</f>
        <v>回復期</v>
      </c>
      <c r="N135" s="59" t="str">
        <f t="shared" si="12"/>
        <v>回復期</v>
      </c>
      <c r="O135" s="59" t="str">
        <f t="shared" si="12"/>
        <v>休棟中（今後廃止する予定）</v>
      </c>
      <c r="P135" s="59" t="str">
        <f t="shared" si="12"/>
        <v>慢性期</v>
      </c>
      <c r="Q135" s="59" t="str">
        <f t="shared" si="12"/>
        <v>慢性期</v>
      </c>
      <c r="R135" s="59" t="str">
        <f t="shared" si="12"/>
        <v/>
      </c>
      <c r="S135" s="59" t="str">
        <f t="shared" si="12"/>
        <v/>
      </c>
      <c r="T135" s="59" t="str">
        <f t="shared" si="12"/>
        <v/>
      </c>
      <c r="U135" s="59" t="str">
        <f t="shared" si="12"/>
        <v/>
      </c>
      <c r="V135" s="59" t="str">
        <f t="shared" si="12"/>
        <v/>
      </c>
      <c r="W135" s="59" t="str">
        <f t="shared" si="12"/>
        <v/>
      </c>
      <c r="X135" s="59" t="str">
        <f t="shared" si="12"/>
        <v/>
      </c>
      <c r="Y135" s="59" t="str">
        <f t="shared" si="12"/>
        <v/>
      </c>
      <c r="Z135" s="59" t="str">
        <f t="shared" si="12"/>
        <v/>
      </c>
      <c r="AA135" s="59" t="str">
        <f t="shared" si="12"/>
        <v/>
      </c>
      <c r="AB135" s="59" t="str">
        <f t="shared" si="12"/>
        <v/>
      </c>
      <c r="AC135" s="59" t="str">
        <f t="shared" si="12"/>
        <v/>
      </c>
      <c r="AD135" s="59" t="str">
        <f t="shared" si="12"/>
        <v/>
      </c>
      <c r="AE135" s="59" t="str">
        <f t="shared" si="12"/>
        <v/>
      </c>
      <c r="AF135" s="59" t="str">
        <f t="shared" si="12"/>
        <v/>
      </c>
      <c r="AG135" s="59" t="str">
        <f t="shared" si="12"/>
        <v/>
      </c>
      <c r="AH135" s="59" t="str">
        <f t="shared" si="12"/>
        <v/>
      </c>
      <c r="AI135" s="59" t="str">
        <f t="shared" si="12"/>
        <v/>
      </c>
      <c r="AJ135" s="59" t="str">
        <f t="shared" si="12"/>
        <v/>
      </c>
      <c r="AK135" s="59" t="str">
        <f t="shared" si="12"/>
        <v/>
      </c>
      <c r="AL135" s="59" t="str">
        <f t="shared" si="12"/>
        <v/>
      </c>
      <c r="AM135" s="59" t="str">
        <f t="shared" si="12"/>
        <v/>
      </c>
      <c r="AN135" s="59" t="str">
        <f t="shared" si="12"/>
        <v/>
      </c>
      <c r="AO135" s="59" t="str">
        <f t="shared" si="12"/>
        <v/>
      </c>
      <c r="AP135" s="59" t="str">
        <f t="shared" si="12"/>
        <v/>
      </c>
      <c r="AQ135" s="59" t="str">
        <f t="shared" si="12"/>
        <v/>
      </c>
      <c r="AR135" s="59" t="str">
        <f t="shared" si="12"/>
        <v/>
      </c>
      <c r="AS135" s="59" t="str">
        <f t="shared" si="12"/>
        <v/>
      </c>
      <c r="AT135" s="59" t="str">
        <f t="shared" si="12"/>
        <v/>
      </c>
      <c r="AU135" s="59" t="str">
        <f t="shared" si="12"/>
        <v/>
      </c>
      <c r="AV135" s="59" t="str">
        <f t="shared" si="12"/>
        <v/>
      </c>
      <c r="AW135" s="59" t="str">
        <f t="shared" si="12"/>
        <v/>
      </c>
      <c r="AX135" s="59" t="str">
        <f t="shared" si="12"/>
        <v/>
      </c>
      <c r="AY135" s="59" t="str">
        <f t="shared" si="12"/>
        <v/>
      </c>
      <c r="AZ135" s="59" t="str">
        <f t="shared" si="12"/>
        <v/>
      </c>
      <c r="BA135" s="59" t="str">
        <f t="shared" si="12"/>
        <v/>
      </c>
      <c r="BB135" s="59" t="str">
        <f t="shared" si="12"/>
        <v/>
      </c>
      <c r="BC135" s="59" t="str">
        <f t="shared" si="12"/>
        <v/>
      </c>
      <c r="BD135" s="59" t="str">
        <f t="shared" si="12"/>
        <v/>
      </c>
      <c r="BE135" s="59" t="str">
        <f t="shared" si="12"/>
        <v/>
      </c>
      <c r="BF135" s="59" t="str">
        <f t="shared" si="12"/>
        <v/>
      </c>
      <c r="BG135" s="59" t="str">
        <f t="shared" si="12"/>
        <v/>
      </c>
      <c r="BH135" s="59" t="str">
        <f t="shared" si="12"/>
        <v/>
      </c>
      <c r="BI135" s="59" t="str">
        <f t="shared" si="12"/>
        <v/>
      </c>
      <c r="BJ135" s="59" t="str">
        <f t="shared" si="12"/>
        <v/>
      </c>
      <c r="BK135" s="59" t="str">
        <f t="shared" si="12"/>
        <v/>
      </c>
      <c r="BL135" s="59" t="str">
        <f t="shared" si="12"/>
        <v/>
      </c>
      <c r="BM135" s="59" t="str">
        <f t="shared" si="12"/>
        <v/>
      </c>
      <c r="BN135" s="59" t="str">
        <f t="shared" si="12"/>
        <v/>
      </c>
      <c r="BO135" s="59" t="str">
        <f t="shared" si="12"/>
        <v/>
      </c>
      <c r="BP135" s="59" t="str">
        <f t="shared" si="12"/>
        <v/>
      </c>
      <c r="BQ135" s="59" t="str">
        <f t="shared" si="12"/>
        <v/>
      </c>
      <c r="BR135" s="59" t="str">
        <f t="shared" si="12"/>
        <v/>
      </c>
      <c r="BS135" s="59" t="str">
        <f t="shared" si="12"/>
        <v/>
      </c>
    </row>
    <row r="136" spans="1:71" s="67" customFormat="1" ht="67.5" customHeight="1">
      <c r="A136" s="179" t="s">
        <v>121</v>
      </c>
      <c r="B136" s="1"/>
      <c r="C136" s="289" t="s">
        <v>122</v>
      </c>
      <c r="D136" s="295"/>
      <c r="E136" s="295"/>
      <c r="F136" s="295"/>
      <c r="G136" s="295"/>
      <c r="H136" s="290"/>
      <c r="I136" s="321" t="s">
        <v>123</v>
      </c>
      <c r="J136" s="87"/>
      <c r="K136" s="79"/>
      <c r="L136" s="80" t="s">
        <v>124</v>
      </c>
      <c r="M136" s="253" t="s">
        <v>125</v>
      </c>
      <c r="N136" s="253" t="s">
        <v>126</v>
      </c>
      <c r="O136" s="253" t="s">
        <v>42</v>
      </c>
      <c r="P136" s="253" t="s">
        <v>127</v>
      </c>
      <c r="Q136" s="253" t="s">
        <v>128</v>
      </c>
      <c r="R136" s="253"/>
      <c r="S136" s="253"/>
      <c r="T136" s="253"/>
      <c r="U136" s="253"/>
      <c r="V136" s="253"/>
      <c r="W136" s="253"/>
      <c r="X136" s="253"/>
      <c r="Y136" s="253"/>
      <c r="Z136" s="253"/>
      <c r="AA136" s="253"/>
      <c r="AB136" s="253"/>
      <c r="AC136" s="253"/>
      <c r="AD136" s="253"/>
      <c r="AE136" s="253"/>
      <c r="AF136" s="253"/>
      <c r="AG136" s="253"/>
      <c r="AH136" s="253"/>
      <c r="AI136" s="253"/>
      <c r="AJ136" s="253"/>
      <c r="AK136" s="253"/>
      <c r="AL136" s="253"/>
      <c r="AM136" s="253"/>
      <c r="AN136" s="253"/>
      <c r="AO136" s="253"/>
      <c r="AP136" s="253"/>
      <c r="AQ136" s="253"/>
      <c r="AR136" s="253"/>
      <c r="AS136" s="253"/>
      <c r="AT136" s="253"/>
      <c r="AU136" s="253"/>
      <c r="AV136" s="253"/>
      <c r="AW136" s="253"/>
      <c r="AX136" s="253"/>
      <c r="AY136" s="253"/>
      <c r="AZ136" s="253"/>
      <c r="BA136" s="253"/>
      <c r="BB136" s="253"/>
      <c r="BC136" s="253"/>
      <c r="BD136" s="253"/>
      <c r="BE136" s="253"/>
      <c r="BF136" s="253"/>
      <c r="BG136" s="253"/>
      <c r="BH136" s="253"/>
      <c r="BI136" s="253"/>
      <c r="BJ136" s="253"/>
      <c r="BK136" s="253"/>
      <c r="BL136" s="253"/>
      <c r="BM136" s="253"/>
      <c r="BN136" s="253"/>
      <c r="BO136" s="253"/>
      <c r="BP136" s="253"/>
      <c r="BQ136" s="253"/>
      <c r="BR136" s="253"/>
      <c r="BS136" s="253"/>
    </row>
    <row r="137" spans="1:71" s="67" customFormat="1" ht="34.5" customHeight="1">
      <c r="A137" s="179" t="s">
        <v>121</v>
      </c>
      <c r="B137" s="68"/>
      <c r="C137" s="221"/>
      <c r="D137" s="222"/>
      <c r="E137" s="274" t="s">
        <v>129</v>
      </c>
      <c r="F137" s="275"/>
      <c r="G137" s="275"/>
      <c r="H137" s="276"/>
      <c r="I137" s="321"/>
      <c r="J137" s="81"/>
      <c r="K137" s="82"/>
      <c r="L137" s="80">
        <v>60</v>
      </c>
      <c r="M137" s="253">
        <v>44</v>
      </c>
      <c r="N137" s="253">
        <v>60</v>
      </c>
      <c r="O137" s="253">
        <v>0</v>
      </c>
      <c r="P137" s="253">
        <v>45</v>
      </c>
      <c r="Q137" s="253">
        <v>44</v>
      </c>
      <c r="R137" s="253"/>
      <c r="S137" s="253"/>
      <c r="T137" s="253"/>
      <c r="U137" s="253"/>
      <c r="V137" s="253"/>
      <c r="W137" s="253"/>
      <c r="X137" s="253"/>
      <c r="Y137" s="253"/>
      <c r="Z137" s="253"/>
      <c r="AA137" s="253"/>
      <c r="AB137" s="253"/>
      <c r="AC137" s="253"/>
      <c r="AD137" s="253"/>
      <c r="AE137" s="253"/>
      <c r="AF137" s="253"/>
      <c r="AG137" s="253"/>
      <c r="AH137" s="253"/>
      <c r="AI137" s="253"/>
      <c r="AJ137" s="253"/>
      <c r="AK137" s="253"/>
      <c r="AL137" s="253"/>
      <c r="AM137" s="253"/>
      <c r="AN137" s="253"/>
      <c r="AO137" s="253"/>
      <c r="AP137" s="253"/>
      <c r="AQ137" s="253"/>
      <c r="AR137" s="253"/>
      <c r="AS137" s="253"/>
      <c r="AT137" s="253"/>
      <c r="AU137" s="253"/>
      <c r="AV137" s="253"/>
      <c r="AW137" s="253"/>
      <c r="AX137" s="253"/>
      <c r="AY137" s="253"/>
      <c r="AZ137" s="253"/>
      <c r="BA137" s="253"/>
      <c r="BB137" s="253"/>
      <c r="BC137" s="253"/>
      <c r="BD137" s="253"/>
      <c r="BE137" s="253"/>
      <c r="BF137" s="253"/>
      <c r="BG137" s="253"/>
      <c r="BH137" s="253"/>
      <c r="BI137" s="253"/>
      <c r="BJ137" s="253"/>
      <c r="BK137" s="253"/>
      <c r="BL137" s="253"/>
      <c r="BM137" s="253"/>
      <c r="BN137" s="253"/>
      <c r="BO137" s="253"/>
      <c r="BP137" s="253"/>
      <c r="BQ137" s="253"/>
      <c r="BR137" s="253"/>
      <c r="BS137" s="253"/>
    </row>
    <row r="138" spans="1:71" s="67" customFormat="1" ht="67.5" customHeight="1">
      <c r="A138" s="179" t="s">
        <v>130</v>
      </c>
      <c r="B138" s="68"/>
      <c r="C138" s="289" t="s">
        <v>131</v>
      </c>
      <c r="D138" s="295"/>
      <c r="E138" s="295"/>
      <c r="F138" s="295"/>
      <c r="G138" s="295"/>
      <c r="H138" s="290"/>
      <c r="I138" s="321"/>
      <c r="J138" s="81"/>
      <c r="K138" s="82"/>
      <c r="L138" s="80" t="s">
        <v>42</v>
      </c>
      <c r="M138" s="253" t="s">
        <v>42</v>
      </c>
      <c r="N138" s="253" t="s">
        <v>42</v>
      </c>
      <c r="O138" s="253" t="s">
        <v>42</v>
      </c>
      <c r="P138" s="253" t="s">
        <v>42</v>
      </c>
      <c r="Q138" s="253" t="s">
        <v>42</v>
      </c>
      <c r="R138" s="253"/>
      <c r="S138" s="253"/>
      <c r="T138" s="253"/>
      <c r="U138" s="253"/>
      <c r="V138" s="253"/>
      <c r="W138" s="253"/>
      <c r="X138" s="253"/>
      <c r="Y138" s="253"/>
      <c r="Z138" s="253"/>
      <c r="AA138" s="253"/>
      <c r="AB138" s="253"/>
      <c r="AC138" s="253"/>
      <c r="AD138" s="253"/>
      <c r="AE138" s="253"/>
      <c r="AF138" s="253"/>
      <c r="AG138" s="253"/>
      <c r="AH138" s="253"/>
      <c r="AI138" s="253"/>
      <c r="AJ138" s="253"/>
      <c r="AK138" s="253"/>
      <c r="AL138" s="253"/>
      <c r="AM138" s="253"/>
      <c r="AN138" s="253"/>
      <c r="AO138" s="253"/>
      <c r="AP138" s="253"/>
      <c r="AQ138" s="253"/>
      <c r="AR138" s="253"/>
      <c r="AS138" s="253"/>
      <c r="AT138" s="253"/>
      <c r="AU138" s="253"/>
      <c r="AV138" s="253"/>
      <c r="AW138" s="253"/>
      <c r="AX138" s="253"/>
      <c r="AY138" s="253"/>
      <c r="AZ138" s="253"/>
      <c r="BA138" s="253"/>
      <c r="BB138" s="253"/>
      <c r="BC138" s="253"/>
      <c r="BD138" s="253"/>
      <c r="BE138" s="253"/>
      <c r="BF138" s="253"/>
      <c r="BG138" s="253"/>
      <c r="BH138" s="253"/>
      <c r="BI138" s="253"/>
      <c r="BJ138" s="253"/>
      <c r="BK138" s="253"/>
      <c r="BL138" s="253"/>
      <c r="BM138" s="253"/>
      <c r="BN138" s="253"/>
      <c r="BO138" s="253"/>
      <c r="BP138" s="253"/>
      <c r="BQ138" s="253"/>
      <c r="BR138" s="253"/>
      <c r="BS138" s="253"/>
    </row>
    <row r="139" spans="1:71" s="67" customFormat="1" ht="34.5" customHeight="1">
      <c r="A139" s="179" t="s">
        <v>130</v>
      </c>
      <c r="B139" s="68"/>
      <c r="C139" s="88"/>
      <c r="D139" s="89"/>
      <c r="E139" s="274" t="s">
        <v>129</v>
      </c>
      <c r="F139" s="275"/>
      <c r="G139" s="275"/>
      <c r="H139" s="276"/>
      <c r="I139" s="321"/>
      <c r="J139" s="81"/>
      <c r="K139" s="82"/>
      <c r="L139" s="80">
        <v>0</v>
      </c>
      <c r="M139" s="253">
        <v>0</v>
      </c>
      <c r="N139" s="253">
        <v>0</v>
      </c>
      <c r="O139" s="253">
        <v>0</v>
      </c>
      <c r="P139" s="253">
        <v>0</v>
      </c>
      <c r="Q139" s="253">
        <v>0</v>
      </c>
      <c r="R139" s="253"/>
      <c r="S139" s="253"/>
      <c r="T139" s="253"/>
      <c r="U139" s="253"/>
      <c r="V139" s="253"/>
      <c r="W139" s="253"/>
      <c r="X139" s="253"/>
      <c r="Y139" s="253"/>
      <c r="Z139" s="253"/>
      <c r="AA139" s="253"/>
      <c r="AB139" s="253"/>
      <c r="AC139" s="253"/>
      <c r="AD139" s="253"/>
      <c r="AE139" s="253"/>
      <c r="AF139" s="253"/>
      <c r="AG139" s="253"/>
      <c r="AH139" s="253"/>
      <c r="AI139" s="253"/>
      <c r="AJ139" s="253"/>
      <c r="AK139" s="253"/>
      <c r="AL139" s="253"/>
      <c r="AM139" s="253"/>
      <c r="AN139" s="253"/>
      <c r="AO139" s="253"/>
      <c r="AP139" s="253"/>
      <c r="AQ139" s="253"/>
      <c r="AR139" s="253"/>
      <c r="AS139" s="253"/>
      <c r="AT139" s="253"/>
      <c r="AU139" s="253"/>
      <c r="AV139" s="253"/>
      <c r="AW139" s="253"/>
      <c r="AX139" s="253"/>
      <c r="AY139" s="253"/>
      <c r="AZ139" s="253"/>
      <c r="BA139" s="253"/>
      <c r="BB139" s="253"/>
      <c r="BC139" s="253"/>
      <c r="BD139" s="253"/>
      <c r="BE139" s="253"/>
      <c r="BF139" s="253"/>
      <c r="BG139" s="253"/>
      <c r="BH139" s="253"/>
      <c r="BI139" s="253"/>
      <c r="BJ139" s="253"/>
      <c r="BK139" s="253"/>
      <c r="BL139" s="253"/>
      <c r="BM139" s="253"/>
      <c r="BN139" s="253"/>
      <c r="BO139" s="253"/>
      <c r="BP139" s="253"/>
      <c r="BQ139" s="253"/>
      <c r="BR139" s="253"/>
      <c r="BS139" s="253"/>
    </row>
    <row r="140" spans="1:71" s="67" customFormat="1" ht="67.5" customHeight="1">
      <c r="A140" s="179" t="s">
        <v>132</v>
      </c>
      <c r="B140" s="68"/>
      <c r="C140" s="289" t="s">
        <v>131</v>
      </c>
      <c r="D140" s="295"/>
      <c r="E140" s="295"/>
      <c r="F140" s="295"/>
      <c r="G140" s="295"/>
      <c r="H140" s="290"/>
      <c r="I140" s="321"/>
      <c r="J140" s="81"/>
      <c r="K140" s="82"/>
      <c r="L140" s="80" t="s">
        <v>42</v>
      </c>
      <c r="M140" s="253" t="s">
        <v>42</v>
      </c>
      <c r="N140" s="253" t="s">
        <v>42</v>
      </c>
      <c r="O140" s="253" t="s">
        <v>42</v>
      </c>
      <c r="P140" s="253" t="s">
        <v>42</v>
      </c>
      <c r="Q140" s="253" t="s">
        <v>42</v>
      </c>
      <c r="R140" s="253"/>
      <c r="S140" s="253"/>
      <c r="T140" s="253"/>
      <c r="U140" s="253"/>
      <c r="V140" s="253"/>
      <c r="W140" s="253"/>
      <c r="X140" s="253"/>
      <c r="Y140" s="253"/>
      <c r="Z140" s="253"/>
      <c r="AA140" s="253"/>
      <c r="AB140" s="253"/>
      <c r="AC140" s="253"/>
      <c r="AD140" s="253"/>
      <c r="AE140" s="253"/>
      <c r="AF140" s="253"/>
      <c r="AG140" s="253"/>
      <c r="AH140" s="253"/>
      <c r="AI140" s="253"/>
      <c r="AJ140" s="253"/>
      <c r="AK140" s="253"/>
      <c r="AL140" s="253"/>
      <c r="AM140" s="253"/>
      <c r="AN140" s="253"/>
      <c r="AO140" s="253"/>
      <c r="AP140" s="253"/>
      <c r="AQ140" s="253"/>
      <c r="AR140" s="253"/>
      <c r="AS140" s="253"/>
      <c r="AT140" s="253"/>
      <c r="AU140" s="253"/>
      <c r="AV140" s="253"/>
      <c r="AW140" s="253"/>
      <c r="AX140" s="253"/>
      <c r="AY140" s="253"/>
      <c r="AZ140" s="253"/>
      <c r="BA140" s="253"/>
      <c r="BB140" s="253"/>
      <c r="BC140" s="253"/>
      <c r="BD140" s="253"/>
      <c r="BE140" s="253"/>
      <c r="BF140" s="253"/>
      <c r="BG140" s="253"/>
      <c r="BH140" s="253"/>
      <c r="BI140" s="253"/>
      <c r="BJ140" s="253"/>
      <c r="BK140" s="253"/>
      <c r="BL140" s="253"/>
      <c r="BM140" s="253"/>
      <c r="BN140" s="253"/>
      <c r="BO140" s="253"/>
      <c r="BP140" s="253"/>
      <c r="BQ140" s="253"/>
      <c r="BR140" s="253"/>
      <c r="BS140" s="253"/>
    </row>
    <row r="141" spans="1:71" s="67" customFormat="1" ht="34.5" customHeight="1">
      <c r="A141" s="179" t="s">
        <v>132</v>
      </c>
      <c r="B141" s="68"/>
      <c r="C141" s="90"/>
      <c r="D141" s="91"/>
      <c r="E141" s="274" t="s">
        <v>129</v>
      </c>
      <c r="F141" s="275"/>
      <c r="G141" s="275"/>
      <c r="H141" s="276"/>
      <c r="I141" s="321"/>
      <c r="J141" s="81"/>
      <c r="K141" s="82"/>
      <c r="L141" s="80">
        <v>0</v>
      </c>
      <c r="M141" s="253">
        <v>0</v>
      </c>
      <c r="N141" s="253">
        <v>0</v>
      </c>
      <c r="O141" s="253">
        <v>0</v>
      </c>
      <c r="P141" s="253">
        <v>0</v>
      </c>
      <c r="Q141" s="253">
        <v>0</v>
      </c>
      <c r="R141" s="253"/>
      <c r="S141" s="253"/>
      <c r="T141" s="253"/>
      <c r="U141" s="253"/>
      <c r="V141" s="253"/>
      <c r="W141" s="253"/>
      <c r="X141" s="253"/>
      <c r="Y141" s="253"/>
      <c r="Z141" s="253"/>
      <c r="AA141" s="253"/>
      <c r="AB141" s="253"/>
      <c r="AC141" s="253"/>
      <c r="AD141" s="253"/>
      <c r="AE141" s="253"/>
      <c r="AF141" s="253"/>
      <c r="AG141" s="253"/>
      <c r="AH141" s="253"/>
      <c r="AI141" s="253"/>
      <c r="AJ141" s="253"/>
      <c r="AK141" s="253"/>
      <c r="AL141" s="253"/>
      <c r="AM141" s="253"/>
      <c r="AN141" s="253"/>
      <c r="AO141" s="253"/>
      <c r="AP141" s="253"/>
      <c r="AQ141" s="253"/>
      <c r="AR141" s="253"/>
      <c r="AS141" s="253"/>
      <c r="AT141" s="253"/>
      <c r="AU141" s="253"/>
      <c r="AV141" s="253"/>
      <c r="AW141" s="253"/>
      <c r="AX141" s="253"/>
      <c r="AY141" s="253"/>
      <c r="AZ141" s="253"/>
      <c r="BA141" s="253"/>
      <c r="BB141" s="253"/>
      <c r="BC141" s="253"/>
      <c r="BD141" s="253"/>
      <c r="BE141" s="253"/>
      <c r="BF141" s="253"/>
      <c r="BG141" s="253"/>
      <c r="BH141" s="253"/>
      <c r="BI141" s="253"/>
      <c r="BJ141" s="253"/>
      <c r="BK141" s="253"/>
      <c r="BL141" s="253"/>
      <c r="BM141" s="253"/>
      <c r="BN141" s="253"/>
      <c r="BO141" s="253"/>
      <c r="BP141" s="253"/>
      <c r="BQ141" s="253"/>
      <c r="BR141" s="253"/>
      <c r="BS141" s="253"/>
    </row>
    <row r="142" spans="1:71" s="67" customFormat="1" ht="34.5" customHeight="1">
      <c r="A142" s="179" t="s">
        <v>133</v>
      </c>
      <c r="B142" s="68"/>
      <c r="C142" s="301" t="s">
        <v>134</v>
      </c>
      <c r="D142" s="302"/>
      <c r="E142" s="302"/>
      <c r="F142" s="302"/>
      <c r="G142" s="302"/>
      <c r="H142" s="303"/>
      <c r="I142" s="321"/>
      <c r="J142" s="83"/>
      <c r="K142" s="84"/>
      <c r="L142" s="80">
        <v>0</v>
      </c>
      <c r="M142" s="253">
        <v>0</v>
      </c>
      <c r="N142" s="253">
        <v>0</v>
      </c>
      <c r="O142" s="253">
        <v>0</v>
      </c>
      <c r="P142" s="253">
        <v>0</v>
      </c>
      <c r="Q142" s="253">
        <v>0</v>
      </c>
      <c r="R142" s="253"/>
      <c r="S142" s="253"/>
      <c r="T142" s="253"/>
      <c r="U142" s="253"/>
      <c r="V142" s="253"/>
      <c r="W142" s="253"/>
      <c r="X142" s="253"/>
      <c r="Y142" s="253"/>
      <c r="Z142" s="253"/>
      <c r="AA142" s="253"/>
      <c r="AB142" s="253"/>
      <c r="AC142" s="253"/>
      <c r="AD142" s="253"/>
      <c r="AE142" s="253"/>
      <c r="AF142" s="253"/>
      <c r="AG142" s="253"/>
      <c r="AH142" s="253"/>
      <c r="AI142" s="253"/>
      <c r="AJ142" s="253"/>
      <c r="AK142" s="253"/>
      <c r="AL142" s="253"/>
      <c r="AM142" s="253"/>
      <c r="AN142" s="253"/>
      <c r="AO142" s="253"/>
      <c r="AP142" s="253"/>
      <c r="AQ142" s="253"/>
      <c r="AR142" s="253"/>
      <c r="AS142" s="253"/>
      <c r="AT142" s="253"/>
      <c r="AU142" s="253"/>
      <c r="AV142" s="253"/>
      <c r="AW142" s="253"/>
      <c r="AX142" s="253"/>
      <c r="AY142" s="253"/>
      <c r="AZ142" s="253"/>
      <c r="BA142" s="253"/>
      <c r="BB142" s="253"/>
      <c r="BC142" s="253"/>
      <c r="BD142" s="253"/>
      <c r="BE142" s="253"/>
      <c r="BF142" s="253"/>
      <c r="BG142" s="253"/>
      <c r="BH142" s="253"/>
      <c r="BI142" s="253"/>
      <c r="BJ142" s="253"/>
      <c r="BK142" s="253"/>
      <c r="BL142" s="253"/>
      <c r="BM142" s="253"/>
      <c r="BN142" s="253"/>
      <c r="BO142" s="253"/>
      <c r="BP142" s="253"/>
      <c r="BQ142" s="253"/>
      <c r="BR142" s="253"/>
      <c r="BS142" s="253"/>
    </row>
    <row r="143" spans="1:71" s="74" customFormat="1">
      <c r="A143" s="178"/>
      <c r="B143" s="14"/>
      <c r="C143" s="14"/>
      <c r="D143" s="14"/>
      <c r="E143" s="14"/>
      <c r="F143" s="14"/>
      <c r="G143" s="14"/>
      <c r="H143" s="10"/>
      <c r="I143" s="10"/>
      <c r="J143" s="71"/>
      <c r="K143" s="72"/>
      <c r="L143" s="73"/>
      <c r="M143" s="73"/>
      <c r="N143" s="73"/>
      <c r="O143" s="73"/>
      <c r="P143" s="73"/>
      <c r="Q143" s="73"/>
    </row>
    <row r="144" spans="1:71" s="74" customFormat="1">
      <c r="A144" s="178"/>
      <c r="B144" s="14"/>
      <c r="C144" s="14"/>
      <c r="D144" s="14"/>
      <c r="E144" s="14"/>
      <c r="F144" s="14"/>
      <c r="G144" s="14"/>
      <c r="H144" s="10"/>
      <c r="I144" s="10"/>
      <c r="J144" s="71"/>
      <c r="K144" s="72"/>
      <c r="L144" s="73"/>
      <c r="M144" s="73"/>
      <c r="N144" s="73"/>
      <c r="O144" s="73"/>
      <c r="P144" s="73"/>
      <c r="Q144" s="73"/>
    </row>
    <row r="145" spans="1:71" s="92" customFormat="1">
      <c r="A145" s="178"/>
      <c r="C145" s="3"/>
      <c r="D145" s="3"/>
      <c r="E145" s="3"/>
      <c r="F145" s="3"/>
      <c r="G145" s="3"/>
      <c r="H145" s="214"/>
      <c r="I145" s="214"/>
      <c r="J145" s="51"/>
      <c r="K145" s="24"/>
      <c r="L145" s="86"/>
      <c r="M145" s="86"/>
      <c r="N145" s="86"/>
      <c r="O145" s="86"/>
      <c r="P145" s="86"/>
      <c r="Q145" s="86"/>
    </row>
    <row r="146" spans="1:71" s="1" customFormat="1">
      <c r="A146" s="178"/>
      <c r="B146" s="14" t="s">
        <v>135</v>
      </c>
      <c r="C146" s="14"/>
      <c r="D146" s="14"/>
      <c r="E146" s="14"/>
      <c r="F146" s="14"/>
      <c r="G146" s="14"/>
      <c r="H146" s="10"/>
      <c r="I146" s="10"/>
      <c r="J146" s="51"/>
      <c r="K146" s="24"/>
      <c r="L146" s="86"/>
      <c r="M146" s="86"/>
      <c r="N146" s="86"/>
      <c r="O146" s="86"/>
      <c r="P146" s="86"/>
      <c r="Q146" s="86"/>
      <c r="R146" s="86"/>
      <c r="S146" s="86"/>
      <c r="T146" s="86"/>
      <c r="U146" s="86"/>
      <c r="V146" s="86"/>
    </row>
    <row r="147" spans="1:71">
      <c r="A147" s="178"/>
      <c r="B147" s="14"/>
      <c r="C147" s="14"/>
      <c r="D147" s="14"/>
      <c r="E147" s="14"/>
      <c r="F147" s="14"/>
      <c r="G147" s="14"/>
      <c r="H147" s="10"/>
      <c r="I147" s="10"/>
      <c r="L147" s="175"/>
      <c r="M147" s="175"/>
      <c r="N147" s="175"/>
      <c r="O147" s="175"/>
      <c r="P147" s="175"/>
      <c r="Q147" s="175"/>
      <c r="R147" s="62"/>
      <c r="S147" s="62"/>
      <c r="T147" s="62"/>
      <c r="U147" s="62"/>
      <c r="V147" s="62"/>
    </row>
    <row r="148" spans="1:71" ht="34.5" customHeight="1">
      <c r="A148" s="178"/>
      <c r="B148" s="14"/>
      <c r="C148" s="3"/>
      <c r="D148" s="3"/>
      <c r="F148" s="3"/>
      <c r="G148" s="3"/>
      <c r="H148" s="214"/>
      <c r="I148" s="214"/>
      <c r="J148" s="63" t="s">
        <v>81</v>
      </c>
      <c r="K148" s="64"/>
      <c r="L148" s="245" t="str">
        <f>IF(ISBLANK(L$9),"",L$9)</f>
        <v>4階病棟</v>
      </c>
      <c r="M148" s="249" t="str">
        <f t="shared" ref="M148:BS148" si="13">IF(ISBLANK(M$9),"",M$9)</f>
        <v>回復期リハビリテーション病棟</v>
      </c>
      <c r="N148" s="249" t="str">
        <f t="shared" si="13"/>
        <v>地域包括ケア病棟</v>
      </c>
      <c r="O148" s="249" t="str">
        <f t="shared" si="13"/>
        <v>地域包括ケア病棟サテライト</v>
      </c>
      <c r="P148" s="249" t="str">
        <f t="shared" si="13"/>
        <v>特殊疾患病棟</v>
      </c>
      <c r="Q148" s="249" t="str">
        <f t="shared" si="13"/>
        <v>療養病棟2階</v>
      </c>
      <c r="R148" s="249" t="str">
        <f t="shared" si="13"/>
        <v/>
      </c>
      <c r="S148" s="249" t="str">
        <f t="shared" si="13"/>
        <v/>
      </c>
      <c r="T148" s="249" t="str">
        <f t="shared" si="13"/>
        <v/>
      </c>
      <c r="U148" s="249" t="str">
        <f t="shared" si="13"/>
        <v/>
      </c>
      <c r="V148" s="249" t="str">
        <f t="shared" si="13"/>
        <v/>
      </c>
      <c r="W148" s="249" t="str">
        <f t="shared" si="13"/>
        <v/>
      </c>
      <c r="X148" s="249" t="str">
        <f t="shared" si="13"/>
        <v/>
      </c>
      <c r="Y148" s="249" t="str">
        <f t="shared" si="13"/>
        <v/>
      </c>
      <c r="Z148" s="249" t="str">
        <f t="shared" si="13"/>
        <v/>
      </c>
      <c r="AA148" s="249" t="str">
        <f t="shared" si="13"/>
        <v/>
      </c>
      <c r="AB148" s="249" t="str">
        <f t="shared" si="13"/>
        <v/>
      </c>
      <c r="AC148" s="249" t="str">
        <f t="shared" si="13"/>
        <v/>
      </c>
      <c r="AD148" s="249" t="str">
        <f t="shared" si="13"/>
        <v/>
      </c>
      <c r="AE148" s="249" t="str">
        <f t="shared" si="13"/>
        <v/>
      </c>
      <c r="AF148" s="249" t="str">
        <f t="shared" si="13"/>
        <v/>
      </c>
      <c r="AG148" s="249" t="str">
        <f t="shared" si="13"/>
        <v/>
      </c>
      <c r="AH148" s="249" t="str">
        <f t="shared" si="13"/>
        <v/>
      </c>
      <c r="AI148" s="249" t="str">
        <f t="shared" si="13"/>
        <v/>
      </c>
      <c r="AJ148" s="249" t="str">
        <f t="shared" si="13"/>
        <v/>
      </c>
      <c r="AK148" s="249" t="str">
        <f t="shared" si="13"/>
        <v/>
      </c>
      <c r="AL148" s="249" t="str">
        <f t="shared" si="13"/>
        <v/>
      </c>
      <c r="AM148" s="249" t="str">
        <f t="shared" si="13"/>
        <v/>
      </c>
      <c r="AN148" s="249" t="str">
        <f t="shared" si="13"/>
        <v/>
      </c>
      <c r="AO148" s="249" t="str">
        <f t="shared" si="13"/>
        <v/>
      </c>
      <c r="AP148" s="249" t="str">
        <f t="shared" si="13"/>
        <v/>
      </c>
      <c r="AQ148" s="249" t="str">
        <f t="shared" si="13"/>
        <v/>
      </c>
      <c r="AR148" s="249" t="str">
        <f t="shared" si="13"/>
        <v/>
      </c>
      <c r="AS148" s="249" t="str">
        <f t="shared" si="13"/>
        <v/>
      </c>
      <c r="AT148" s="249" t="str">
        <f t="shared" si="13"/>
        <v/>
      </c>
      <c r="AU148" s="249" t="str">
        <f t="shared" si="13"/>
        <v/>
      </c>
      <c r="AV148" s="249" t="str">
        <f t="shared" si="13"/>
        <v/>
      </c>
      <c r="AW148" s="249" t="str">
        <f t="shared" si="13"/>
        <v/>
      </c>
      <c r="AX148" s="249" t="str">
        <f t="shared" si="13"/>
        <v/>
      </c>
      <c r="AY148" s="249" t="str">
        <f t="shared" si="13"/>
        <v/>
      </c>
      <c r="AZ148" s="249" t="str">
        <f t="shared" si="13"/>
        <v/>
      </c>
      <c r="BA148" s="249" t="str">
        <f t="shared" si="13"/>
        <v/>
      </c>
      <c r="BB148" s="249" t="str">
        <f t="shared" si="13"/>
        <v/>
      </c>
      <c r="BC148" s="249" t="str">
        <f t="shared" si="13"/>
        <v/>
      </c>
      <c r="BD148" s="249" t="str">
        <f t="shared" si="13"/>
        <v/>
      </c>
      <c r="BE148" s="249" t="str">
        <f t="shared" si="13"/>
        <v/>
      </c>
      <c r="BF148" s="249" t="str">
        <f t="shared" si="13"/>
        <v/>
      </c>
      <c r="BG148" s="249" t="str">
        <f t="shared" si="13"/>
        <v/>
      </c>
      <c r="BH148" s="249" t="str">
        <f t="shared" si="13"/>
        <v/>
      </c>
      <c r="BI148" s="249" t="str">
        <f t="shared" si="13"/>
        <v/>
      </c>
      <c r="BJ148" s="249" t="str">
        <f t="shared" si="13"/>
        <v/>
      </c>
      <c r="BK148" s="249" t="str">
        <f t="shared" si="13"/>
        <v/>
      </c>
      <c r="BL148" s="249" t="str">
        <f t="shared" si="13"/>
        <v/>
      </c>
      <c r="BM148" s="249" t="str">
        <f t="shared" si="13"/>
        <v/>
      </c>
      <c r="BN148" s="249" t="str">
        <f t="shared" si="13"/>
        <v/>
      </c>
      <c r="BO148" s="249" t="str">
        <f t="shared" si="13"/>
        <v/>
      </c>
      <c r="BP148" s="249" t="str">
        <f t="shared" si="13"/>
        <v/>
      </c>
      <c r="BQ148" s="249" t="str">
        <f t="shared" si="13"/>
        <v/>
      </c>
      <c r="BR148" s="249" t="str">
        <f t="shared" si="13"/>
        <v/>
      </c>
      <c r="BS148" s="249" t="str">
        <f t="shared" si="13"/>
        <v/>
      </c>
    </row>
    <row r="149" spans="1:71" ht="20.25" customHeight="1">
      <c r="A149" s="178"/>
      <c r="B149" s="1"/>
      <c r="C149" s="3"/>
      <c r="D149" s="3"/>
      <c r="F149" s="3"/>
      <c r="G149" s="3"/>
      <c r="H149" s="214"/>
      <c r="I149" s="56" t="s">
        <v>82</v>
      </c>
      <c r="J149" s="57"/>
      <c r="K149" s="65"/>
      <c r="L149" s="59" t="str">
        <f t="shared" ref="L149:AQ149" si="14">IF(ISBLANK(L$95),"",L$95)</f>
        <v>急性期</v>
      </c>
      <c r="M149" s="249" t="str">
        <f t="shared" si="14"/>
        <v>回復期</v>
      </c>
      <c r="N149" s="249" t="str">
        <f t="shared" si="14"/>
        <v>回復期</v>
      </c>
      <c r="O149" s="249" t="str">
        <f t="shared" si="14"/>
        <v>休棟中（今後廃止する予定）</v>
      </c>
      <c r="P149" s="249" t="str">
        <f t="shared" si="14"/>
        <v>慢性期</v>
      </c>
      <c r="Q149" s="249" t="str">
        <f t="shared" si="14"/>
        <v>慢性期</v>
      </c>
      <c r="R149" s="249" t="str">
        <f t="shared" si="14"/>
        <v/>
      </c>
      <c r="S149" s="249" t="str">
        <f t="shared" si="14"/>
        <v/>
      </c>
      <c r="T149" s="249" t="str">
        <f t="shared" si="14"/>
        <v/>
      </c>
      <c r="U149" s="249" t="str">
        <f t="shared" si="14"/>
        <v/>
      </c>
      <c r="V149" s="249" t="str">
        <f t="shared" si="14"/>
        <v/>
      </c>
      <c r="W149" s="249" t="str">
        <f t="shared" si="14"/>
        <v/>
      </c>
      <c r="X149" s="249" t="str">
        <f t="shared" si="14"/>
        <v/>
      </c>
      <c r="Y149" s="249" t="str">
        <f t="shared" si="14"/>
        <v/>
      </c>
      <c r="Z149" s="249" t="str">
        <f t="shared" si="14"/>
        <v/>
      </c>
      <c r="AA149" s="249" t="str">
        <f t="shared" si="14"/>
        <v/>
      </c>
      <c r="AB149" s="249" t="str">
        <f t="shared" si="14"/>
        <v/>
      </c>
      <c r="AC149" s="249" t="str">
        <f t="shared" si="14"/>
        <v/>
      </c>
      <c r="AD149" s="249" t="str">
        <f t="shared" si="14"/>
        <v/>
      </c>
      <c r="AE149" s="249" t="str">
        <f t="shared" si="14"/>
        <v/>
      </c>
      <c r="AF149" s="249" t="str">
        <f t="shared" si="14"/>
        <v/>
      </c>
      <c r="AG149" s="249" t="str">
        <f t="shared" si="14"/>
        <v/>
      </c>
      <c r="AH149" s="249" t="str">
        <f t="shared" si="14"/>
        <v/>
      </c>
      <c r="AI149" s="249" t="str">
        <f t="shared" si="14"/>
        <v/>
      </c>
      <c r="AJ149" s="249" t="str">
        <f t="shared" si="14"/>
        <v/>
      </c>
      <c r="AK149" s="249" t="str">
        <f t="shared" si="14"/>
        <v/>
      </c>
      <c r="AL149" s="249" t="str">
        <f t="shared" si="14"/>
        <v/>
      </c>
      <c r="AM149" s="249" t="str">
        <f t="shared" si="14"/>
        <v/>
      </c>
      <c r="AN149" s="249" t="str">
        <f t="shared" si="14"/>
        <v/>
      </c>
      <c r="AO149" s="249" t="str">
        <f t="shared" si="14"/>
        <v/>
      </c>
      <c r="AP149" s="249" t="str">
        <f t="shared" si="14"/>
        <v/>
      </c>
      <c r="AQ149" s="249" t="str">
        <f t="shared" si="14"/>
        <v/>
      </c>
      <c r="AR149" s="249" t="str">
        <f t="shared" ref="AR149:BS149" si="15">IF(ISBLANK(AR$95),"",AR$95)</f>
        <v/>
      </c>
      <c r="AS149" s="249" t="str">
        <f t="shared" si="15"/>
        <v/>
      </c>
      <c r="AT149" s="249" t="str">
        <f t="shared" si="15"/>
        <v/>
      </c>
      <c r="AU149" s="249" t="str">
        <f t="shared" si="15"/>
        <v/>
      </c>
      <c r="AV149" s="249" t="str">
        <f t="shared" si="15"/>
        <v/>
      </c>
      <c r="AW149" s="249" t="str">
        <f t="shared" si="15"/>
        <v/>
      </c>
      <c r="AX149" s="249" t="str">
        <f t="shared" si="15"/>
        <v/>
      </c>
      <c r="AY149" s="249" t="str">
        <f t="shared" si="15"/>
        <v/>
      </c>
      <c r="AZ149" s="249" t="str">
        <f t="shared" si="15"/>
        <v/>
      </c>
      <c r="BA149" s="249" t="str">
        <f t="shared" si="15"/>
        <v/>
      </c>
      <c r="BB149" s="249" t="str">
        <f t="shared" si="15"/>
        <v/>
      </c>
      <c r="BC149" s="249" t="str">
        <f t="shared" si="15"/>
        <v/>
      </c>
      <c r="BD149" s="249" t="str">
        <f t="shared" si="15"/>
        <v/>
      </c>
      <c r="BE149" s="249" t="str">
        <f t="shared" si="15"/>
        <v/>
      </c>
      <c r="BF149" s="249" t="str">
        <f t="shared" si="15"/>
        <v/>
      </c>
      <c r="BG149" s="249" t="str">
        <f t="shared" si="15"/>
        <v/>
      </c>
      <c r="BH149" s="249" t="str">
        <f t="shared" si="15"/>
        <v/>
      </c>
      <c r="BI149" s="249" t="str">
        <f t="shared" si="15"/>
        <v/>
      </c>
      <c r="BJ149" s="249" t="str">
        <f t="shared" si="15"/>
        <v/>
      </c>
      <c r="BK149" s="249" t="str">
        <f t="shared" si="15"/>
        <v/>
      </c>
      <c r="BL149" s="249" t="str">
        <f t="shared" si="15"/>
        <v/>
      </c>
      <c r="BM149" s="249" t="str">
        <f t="shared" si="15"/>
        <v/>
      </c>
      <c r="BN149" s="249" t="str">
        <f t="shared" si="15"/>
        <v/>
      </c>
      <c r="BO149" s="249" t="str">
        <f t="shared" si="15"/>
        <v/>
      </c>
      <c r="BP149" s="249" t="str">
        <f t="shared" si="15"/>
        <v/>
      </c>
      <c r="BQ149" s="249" t="str">
        <f t="shared" si="15"/>
        <v/>
      </c>
      <c r="BR149" s="249" t="str">
        <f t="shared" si="15"/>
        <v/>
      </c>
      <c r="BS149" s="249" t="str">
        <f t="shared" si="15"/>
        <v/>
      </c>
    </row>
    <row r="150" spans="1:71" s="67" customFormat="1" ht="106.5" customHeight="1">
      <c r="A150" s="179" t="s">
        <v>136</v>
      </c>
      <c r="B150" s="1"/>
      <c r="C150" s="274" t="s">
        <v>135</v>
      </c>
      <c r="D150" s="275"/>
      <c r="E150" s="275"/>
      <c r="F150" s="275"/>
      <c r="G150" s="275"/>
      <c r="H150" s="276"/>
      <c r="I150" s="98" t="s">
        <v>137</v>
      </c>
      <c r="J150" s="272" t="s">
        <v>138</v>
      </c>
      <c r="K150" s="66"/>
      <c r="L150" s="197"/>
      <c r="M150" s="248"/>
      <c r="N150" s="248"/>
      <c r="O150" s="248"/>
      <c r="P150" s="248"/>
      <c r="Q150" s="248"/>
      <c r="R150" s="248"/>
      <c r="S150" s="248"/>
      <c r="T150" s="248"/>
      <c r="U150" s="248"/>
      <c r="V150" s="248"/>
      <c r="W150" s="248"/>
      <c r="X150" s="248"/>
      <c r="Y150" s="248"/>
      <c r="Z150" s="248"/>
      <c r="AA150" s="248"/>
      <c r="AB150" s="248"/>
      <c r="AC150" s="248"/>
      <c r="AD150" s="248"/>
      <c r="AE150" s="248"/>
      <c r="AF150" s="248"/>
      <c r="AG150" s="248"/>
      <c r="AH150" s="248"/>
      <c r="AI150" s="248"/>
      <c r="AJ150" s="248"/>
      <c r="AK150" s="248"/>
      <c r="AL150" s="248"/>
      <c r="AM150" s="248"/>
      <c r="AN150" s="248"/>
      <c r="AO150" s="248"/>
      <c r="AP150" s="248"/>
      <c r="AQ150" s="248"/>
      <c r="AR150" s="248"/>
      <c r="AS150" s="248"/>
      <c r="AT150" s="248"/>
      <c r="AU150" s="248"/>
      <c r="AV150" s="248"/>
      <c r="AW150" s="248"/>
      <c r="AX150" s="248"/>
      <c r="AY150" s="248"/>
      <c r="AZ150" s="248"/>
      <c r="BA150" s="248"/>
      <c r="BB150" s="248"/>
      <c r="BC150" s="248"/>
      <c r="BD150" s="248"/>
      <c r="BE150" s="248"/>
      <c r="BF150" s="248"/>
      <c r="BG150" s="248"/>
      <c r="BH150" s="248"/>
      <c r="BI150" s="248"/>
      <c r="BJ150" s="248"/>
      <c r="BK150" s="248"/>
      <c r="BL150" s="248"/>
      <c r="BM150" s="248"/>
      <c r="BN150" s="248"/>
      <c r="BO150" s="248"/>
      <c r="BP150" s="248"/>
      <c r="BQ150" s="248"/>
      <c r="BR150" s="248"/>
      <c r="BS150" s="248"/>
    </row>
    <row r="151" spans="1:71" s="74" customFormat="1">
      <c r="A151" s="178"/>
      <c r="B151" s="14"/>
      <c r="C151" s="14"/>
      <c r="D151" s="14"/>
      <c r="E151" s="14"/>
      <c r="F151" s="14"/>
      <c r="G151" s="14"/>
      <c r="H151" s="10"/>
      <c r="I151" s="10"/>
      <c r="J151" s="71"/>
      <c r="K151" s="72"/>
      <c r="L151" s="86"/>
      <c r="M151" s="86"/>
      <c r="N151" s="86"/>
      <c r="O151" s="86"/>
      <c r="P151" s="86"/>
      <c r="Q151" s="86"/>
    </row>
    <row r="152" spans="1:71" s="67" customFormat="1">
      <c r="A152" s="178"/>
      <c r="B152" s="68"/>
      <c r="C152" s="52"/>
      <c r="D152" s="52"/>
      <c r="E152" s="52"/>
      <c r="F152" s="52"/>
      <c r="G152" s="52"/>
      <c r="H152" s="75"/>
      <c r="I152" s="75"/>
      <c r="J152" s="71"/>
      <c r="K152" s="72"/>
      <c r="L152" s="86"/>
      <c r="M152" s="86"/>
      <c r="N152" s="86"/>
      <c r="O152" s="86"/>
      <c r="P152" s="86"/>
      <c r="Q152" s="86"/>
    </row>
    <row r="153" spans="1:71" s="74" customFormat="1">
      <c r="A153" s="178"/>
      <c r="B153" s="1"/>
      <c r="C153" s="3"/>
      <c r="D153" s="3"/>
      <c r="E153" s="3"/>
      <c r="F153" s="3"/>
      <c r="G153" s="3"/>
      <c r="H153" s="214"/>
      <c r="I153" s="214"/>
      <c r="J153" s="99"/>
      <c r="K153" s="24"/>
      <c r="L153" s="86"/>
      <c r="M153" s="86"/>
      <c r="N153" s="86"/>
      <c r="O153" s="86"/>
      <c r="P153" s="86"/>
      <c r="Q153" s="86"/>
    </row>
    <row r="154" spans="1:71" s="74" customFormat="1">
      <c r="A154" s="207"/>
      <c r="B154" s="14" t="s">
        <v>139</v>
      </c>
      <c r="C154" s="85"/>
      <c r="D154" s="85"/>
      <c r="E154" s="85"/>
      <c r="F154" s="85"/>
      <c r="G154" s="85"/>
      <c r="H154" s="10"/>
      <c r="I154" s="10"/>
      <c r="J154" s="51"/>
      <c r="K154" s="24"/>
      <c r="L154" s="86"/>
      <c r="M154" s="86"/>
      <c r="N154" s="86"/>
      <c r="O154" s="86"/>
      <c r="P154" s="86"/>
      <c r="Q154" s="86"/>
    </row>
    <row r="155" spans="1:71">
      <c r="A155" s="178"/>
      <c r="B155" s="14"/>
      <c r="C155" s="14"/>
      <c r="D155" s="14"/>
      <c r="E155" s="14"/>
      <c r="F155" s="14"/>
      <c r="G155" s="14"/>
      <c r="H155" s="10"/>
      <c r="I155" s="10"/>
      <c r="L155" s="175"/>
      <c r="M155" s="175"/>
      <c r="N155" s="175"/>
      <c r="O155" s="175"/>
      <c r="P155" s="175"/>
      <c r="Q155" s="175"/>
      <c r="R155" s="8"/>
      <c r="S155" s="8"/>
      <c r="T155" s="8"/>
      <c r="U155" s="8"/>
      <c r="V155" s="8"/>
    </row>
    <row r="156" spans="1:71" ht="34.5" customHeight="1">
      <c r="A156" s="207"/>
      <c r="B156" s="14"/>
      <c r="C156" s="3"/>
      <c r="D156" s="3"/>
      <c r="F156" s="3"/>
      <c r="G156" s="3"/>
      <c r="H156" s="214"/>
      <c r="I156" s="214"/>
      <c r="J156" s="63" t="s">
        <v>81</v>
      </c>
      <c r="K156" s="64"/>
      <c r="L156" s="245" t="str">
        <f>IF(ISBLANK(L$9),"",L$9)</f>
        <v>4階病棟</v>
      </c>
      <c r="M156" s="249" t="str">
        <f t="shared" ref="M156:BS156" si="16">IF(ISBLANK(M$9),"",M$9)</f>
        <v>回復期リハビリテーション病棟</v>
      </c>
      <c r="N156" s="249" t="str">
        <f t="shared" si="16"/>
        <v>地域包括ケア病棟</v>
      </c>
      <c r="O156" s="249" t="str">
        <f t="shared" si="16"/>
        <v>地域包括ケア病棟サテライト</v>
      </c>
      <c r="P156" s="249" t="str">
        <f t="shared" si="16"/>
        <v>特殊疾患病棟</v>
      </c>
      <c r="Q156" s="249" t="str">
        <f t="shared" si="16"/>
        <v>療養病棟2階</v>
      </c>
      <c r="R156" s="249" t="str">
        <f t="shared" si="16"/>
        <v/>
      </c>
      <c r="S156" s="249" t="str">
        <f t="shared" si="16"/>
        <v/>
      </c>
      <c r="T156" s="249" t="str">
        <f t="shared" si="16"/>
        <v/>
      </c>
      <c r="U156" s="249" t="str">
        <f t="shared" si="16"/>
        <v/>
      </c>
      <c r="V156" s="249" t="str">
        <f t="shared" si="16"/>
        <v/>
      </c>
      <c r="W156" s="249" t="str">
        <f t="shared" si="16"/>
        <v/>
      </c>
      <c r="X156" s="249" t="str">
        <f t="shared" si="16"/>
        <v/>
      </c>
      <c r="Y156" s="249" t="str">
        <f t="shared" si="16"/>
        <v/>
      </c>
      <c r="Z156" s="249" t="str">
        <f t="shared" si="16"/>
        <v/>
      </c>
      <c r="AA156" s="249" t="str">
        <f t="shared" si="16"/>
        <v/>
      </c>
      <c r="AB156" s="249" t="str">
        <f t="shared" si="16"/>
        <v/>
      </c>
      <c r="AC156" s="249" t="str">
        <f t="shared" si="16"/>
        <v/>
      </c>
      <c r="AD156" s="249" t="str">
        <f t="shared" si="16"/>
        <v/>
      </c>
      <c r="AE156" s="249" t="str">
        <f t="shared" si="16"/>
        <v/>
      </c>
      <c r="AF156" s="249" t="str">
        <f t="shared" si="16"/>
        <v/>
      </c>
      <c r="AG156" s="249" t="str">
        <f t="shared" si="16"/>
        <v/>
      </c>
      <c r="AH156" s="249" t="str">
        <f t="shared" si="16"/>
        <v/>
      </c>
      <c r="AI156" s="249" t="str">
        <f t="shared" si="16"/>
        <v/>
      </c>
      <c r="AJ156" s="249" t="str">
        <f t="shared" si="16"/>
        <v/>
      </c>
      <c r="AK156" s="249" t="str">
        <f t="shared" si="16"/>
        <v/>
      </c>
      <c r="AL156" s="249" t="str">
        <f t="shared" si="16"/>
        <v/>
      </c>
      <c r="AM156" s="249" t="str">
        <f t="shared" si="16"/>
        <v/>
      </c>
      <c r="AN156" s="249" t="str">
        <f t="shared" si="16"/>
        <v/>
      </c>
      <c r="AO156" s="249" t="str">
        <f t="shared" si="16"/>
        <v/>
      </c>
      <c r="AP156" s="249" t="str">
        <f t="shared" si="16"/>
        <v/>
      </c>
      <c r="AQ156" s="249" t="str">
        <f t="shared" si="16"/>
        <v/>
      </c>
      <c r="AR156" s="249" t="str">
        <f t="shared" si="16"/>
        <v/>
      </c>
      <c r="AS156" s="249" t="str">
        <f t="shared" si="16"/>
        <v/>
      </c>
      <c r="AT156" s="249" t="str">
        <f t="shared" si="16"/>
        <v/>
      </c>
      <c r="AU156" s="249" t="str">
        <f t="shared" si="16"/>
        <v/>
      </c>
      <c r="AV156" s="249" t="str">
        <f t="shared" si="16"/>
        <v/>
      </c>
      <c r="AW156" s="249" t="str">
        <f t="shared" si="16"/>
        <v/>
      </c>
      <c r="AX156" s="249" t="str">
        <f t="shared" si="16"/>
        <v/>
      </c>
      <c r="AY156" s="249" t="str">
        <f t="shared" si="16"/>
        <v/>
      </c>
      <c r="AZ156" s="249" t="str">
        <f t="shared" si="16"/>
        <v/>
      </c>
      <c r="BA156" s="249" t="str">
        <f t="shared" si="16"/>
        <v/>
      </c>
      <c r="BB156" s="249" t="str">
        <f t="shared" si="16"/>
        <v/>
      </c>
      <c r="BC156" s="249" t="str">
        <f t="shared" si="16"/>
        <v/>
      </c>
      <c r="BD156" s="249" t="str">
        <f t="shared" si="16"/>
        <v/>
      </c>
      <c r="BE156" s="249" t="str">
        <f t="shared" si="16"/>
        <v/>
      </c>
      <c r="BF156" s="249" t="str">
        <f t="shared" si="16"/>
        <v/>
      </c>
      <c r="BG156" s="249" t="str">
        <f t="shared" si="16"/>
        <v/>
      </c>
      <c r="BH156" s="249" t="str">
        <f t="shared" si="16"/>
        <v/>
      </c>
      <c r="BI156" s="249" t="str">
        <f t="shared" si="16"/>
        <v/>
      </c>
      <c r="BJ156" s="249" t="str">
        <f t="shared" si="16"/>
        <v/>
      </c>
      <c r="BK156" s="249" t="str">
        <f t="shared" si="16"/>
        <v/>
      </c>
      <c r="BL156" s="249" t="str">
        <f t="shared" si="16"/>
        <v/>
      </c>
      <c r="BM156" s="249" t="str">
        <f t="shared" si="16"/>
        <v/>
      </c>
      <c r="BN156" s="249" t="str">
        <f t="shared" si="16"/>
        <v/>
      </c>
      <c r="BO156" s="249" t="str">
        <f t="shared" si="16"/>
        <v/>
      </c>
      <c r="BP156" s="249" t="str">
        <f t="shared" si="16"/>
        <v/>
      </c>
      <c r="BQ156" s="249" t="str">
        <f t="shared" si="16"/>
        <v/>
      </c>
      <c r="BR156" s="249" t="str">
        <f t="shared" si="16"/>
        <v/>
      </c>
      <c r="BS156" s="249" t="str">
        <f t="shared" si="16"/>
        <v/>
      </c>
    </row>
    <row r="157" spans="1:71" ht="20.25" customHeight="1">
      <c r="A157" s="181" t="s">
        <v>140</v>
      </c>
      <c r="B157" s="1"/>
      <c r="C157" s="3"/>
      <c r="D157" s="3"/>
      <c r="F157" s="3"/>
      <c r="G157" s="3"/>
      <c r="H157" s="214"/>
      <c r="I157" s="56" t="s">
        <v>82</v>
      </c>
      <c r="J157" s="57"/>
      <c r="K157" s="65"/>
      <c r="L157" s="59" t="str">
        <f t="shared" ref="L157:AQ157" si="17">IF(ISBLANK(L$95),"",L$95)</f>
        <v>急性期</v>
      </c>
      <c r="M157" s="249" t="str">
        <f t="shared" si="17"/>
        <v>回復期</v>
      </c>
      <c r="N157" s="249" t="str">
        <f t="shared" si="17"/>
        <v>回復期</v>
      </c>
      <c r="O157" s="249" t="str">
        <f t="shared" si="17"/>
        <v>休棟中（今後廃止する予定）</v>
      </c>
      <c r="P157" s="249" t="str">
        <f t="shared" si="17"/>
        <v>慢性期</v>
      </c>
      <c r="Q157" s="249" t="str">
        <f t="shared" si="17"/>
        <v>慢性期</v>
      </c>
      <c r="R157" s="249" t="str">
        <f t="shared" si="17"/>
        <v/>
      </c>
      <c r="S157" s="249" t="str">
        <f t="shared" si="17"/>
        <v/>
      </c>
      <c r="T157" s="249" t="str">
        <f t="shared" si="17"/>
        <v/>
      </c>
      <c r="U157" s="249" t="str">
        <f t="shared" si="17"/>
        <v/>
      </c>
      <c r="V157" s="249" t="str">
        <f t="shared" si="17"/>
        <v/>
      </c>
      <c r="W157" s="249" t="str">
        <f t="shared" si="17"/>
        <v/>
      </c>
      <c r="X157" s="249" t="str">
        <f t="shared" si="17"/>
        <v/>
      </c>
      <c r="Y157" s="249" t="str">
        <f t="shared" si="17"/>
        <v/>
      </c>
      <c r="Z157" s="249" t="str">
        <f t="shared" si="17"/>
        <v/>
      </c>
      <c r="AA157" s="249" t="str">
        <f t="shared" si="17"/>
        <v/>
      </c>
      <c r="AB157" s="249" t="str">
        <f t="shared" si="17"/>
        <v/>
      </c>
      <c r="AC157" s="249" t="str">
        <f t="shared" si="17"/>
        <v/>
      </c>
      <c r="AD157" s="249" t="str">
        <f t="shared" si="17"/>
        <v/>
      </c>
      <c r="AE157" s="249" t="str">
        <f t="shared" si="17"/>
        <v/>
      </c>
      <c r="AF157" s="249" t="str">
        <f t="shared" si="17"/>
        <v/>
      </c>
      <c r="AG157" s="249" t="str">
        <f t="shared" si="17"/>
        <v/>
      </c>
      <c r="AH157" s="249" t="str">
        <f t="shared" si="17"/>
        <v/>
      </c>
      <c r="AI157" s="249" t="str">
        <f t="shared" si="17"/>
        <v/>
      </c>
      <c r="AJ157" s="249" t="str">
        <f t="shared" si="17"/>
        <v/>
      </c>
      <c r="AK157" s="249" t="str">
        <f t="shared" si="17"/>
        <v/>
      </c>
      <c r="AL157" s="249" t="str">
        <f t="shared" si="17"/>
        <v/>
      </c>
      <c r="AM157" s="249" t="str">
        <f t="shared" si="17"/>
        <v/>
      </c>
      <c r="AN157" s="249" t="str">
        <f t="shared" si="17"/>
        <v/>
      </c>
      <c r="AO157" s="249" t="str">
        <f t="shared" si="17"/>
        <v/>
      </c>
      <c r="AP157" s="249" t="str">
        <f t="shared" si="17"/>
        <v/>
      </c>
      <c r="AQ157" s="249" t="str">
        <f t="shared" si="17"/>
        <v/>
      </c>
      <c r="AR157" s="249" t="str">
        <f t="shared" ref="AR157:BS157" si="18">IF(ISBLANK(AR$95),"",AR$95)</f>
        <v/>
      </c>
      <c r="AS157" s="249" t="str">
        <f t="shared" si="18"/>
        <v/>
      </c>
      <c r="AT157" s="249" t="str">
        <f t="shared" si="18"/>
        <v/>
      </c>
      <c r="AU157" s="249" t="str">
        <f t="shared" si="18"/>
        <v/>
      </c>
      <c r="AV157" s="249" t="str">
        <f t="shared" si="18"/>
        <v/>
      </c>
      <c r="AW157" s="249" t="str">
        <f t="shared" si="18"/>
        <v/>
      </c>
      <c r="AX157" s="249" t="str">
        <f t="shared" si="18"/>
        <v/>
      </c>
      <c r="AY157" s="249" t="str">
        <f t="shared" si="18"/>
        <v/>
      </c>
      <c r="AZ157" s="249" t="str">
        <f t="shared" si="18"/>
        <v/>
      </c>
      <c r="BA157" s="249" t="str">
        <f t="shared" si="18"/>
        <v/>
      </c>
      <c r="BB157" s="249" t="str">
        <f t="shared" si="18"/>
        <v/>
      </c>
      <c r="BC157" s="249" t="str">
        <f t="shared" si="18"/>
        <v/>
      </c>
      <c r="BD157" s="249" t="str">
        <f t="shared" si="18"/>
        <v/>
      </c>
      <c r="BE157" s="249" t="str">
        <f t="shared" si="18"/>
        <v/>
      </c>
      <c r="BF157" s="249" t="str">
        <f t="shared" si="18"/>
        <v/>
      </c>
      <c r="BG157" s="249" t="str">
        <f t="shared" si="18"/>
        <v/>
      </c>
      <c r="BH157" s="249" t="str">
        <f t="shared" si="18"/>
        <v/>
      </c>
      <c r="BI157" s="249" t="str">
        <f t="shared" si="18"/>
        <v/>
      </c>
      <c r="BJ157" s="249" t="str">
        <f t="shared" si="18"/>
        <v/>
      </c>
      <c r="BK157" s="249" t="str">
        <f t="shared" si="18"/>
        <v/>
      </c>
      <c r="BL157" s="249" t="str">
        <f t="shared" si="18"/>
        <v/>
      </c>
      <c r="BM157" s="249" t="str">
        <f t="shared" si="18"/>
        <v/>
      </c>
      <c r="BN157" s="249" t="str">
        <f t="shared" si="18"/>
        <v/>
      </c>
      <c r="BO157" s="249" t="str">
        <f t="shared" si="18"/>
        <v/>
      </c>
      <c r="BP157" s="249" t="str">
        <f t="shared" si="18"/>
        <v/>
      </c>
      <c r="BQ157" s="249" t="str">
        <f t="shared" si="18"/>
        <v/>
      </c>
      <c r="BR157" s="249" t="str">
        <f t="shared" si="18"/>
        <v/>
      </c>
      <c r="BS157" s="249" t="str">
        <f t="shared" si="18"/>
        <v/>
      </c>
    </row>
    <row r="158" spans="1:71" s="67" customFormat="1" ht="34.5" customHeight="1">
      <c r="A158" s="182" t="s">
        <v>141</v>
      </c>
      <c r="B158" s="96"/>
      <c r="C158" s="274" t="s">
        <v>142</v>
      </c>
      <c r="D158" s="275"/>
      <c r="E158" s="275"/>
      <c r="F158" s="275"/>
      <c r="G158" s="275"/>
      <c r="H158" s="276"/>
      <c r="I158" s="332" t="s">
        <v>143</v>
      </c>
      <c r="J158" s="193" t="s">
        <v>144</v>
      </c>
      <c r="K158" s="66"/>
      <c r="L158" s="87"/>
      <c r="M158" s="248"/>
      <c r="N158" s="248"/>
      <c r="O158" s="248"/>
      <c r="P158" s="248"/>
      <c r="Q158" s="248"/>
      <c r="R158" s="248"/>
      <c r="S158" s="248"/>
      <c r="T158" s="248"/>
      <c r="U158" s="248"/>
      <c r="V158" s="248"/>
      <c r="W158" s="248"/>
      <c r="X158" s="248"/>
      <c r="Y158" s="248"/>
      <c r="Z158" s="248"/>
      <c r="AA158" s="248"/>
      <c r="AB158" s="248"/>
      <c r="AC158" s="248"/>
      <c r="AD158" s="248"/>
      <c r="AE158" s="248"/>
      <c r="AF158" s="248"/>
      <c r="AG158" s="248"/>
      <c r="AH158" s="248"/>
      <c r="AI158" s="248"/>
      <c r="AJ158" s="248"/>
      <c r="AK158" s="248"/>
      <c r="AL158" s="248"/>
      <c r="AM158" s="248"/>
      <c r="AN158" s="248"/>
      <c r="AO158" s="248"/>
      <c r="AP158" s="248"/>
      <c r="AQ158" s="248"/>
      <c r="AR158" s="248"/>
      <c r="AS158" s="248"/>
      <c r="AT158" s="248"/>
      <c r="AU158" s="248"/>
      <c r="AV158" s="248"/>
      <c r="AW158" s="248"/>
      <c r="AX158" s="248"/>
      <c r="AY158" s="248"/>
      <c r="AZ158" s="248"/>
      <c r="BA158" s="248"/>
      <c r="BB158" s="248"/>
      <c r="BC158" s="248"/>
      <c r="BD158" s="248"/>
      <c r="BE158" s="248"/>
      <c r="BF158" s="248"/>
      <c r="BG158" s="248"/>
      <c r="BH158" s="248"/>
      <c r="BI158" s="248"/>
      <c r="BJ158" s="248"/>
      <c r="BK158" s="248"/>
      <c r="BL158" s="248"/>
      <c r="BM158" s="248"/>
      <c r="BN158" s="248"/>
      <c r="BO158" s="248"/>
      <c r="BP158" s="248"/>
      <c r="BQ158" s="248"/>
      <c r="BR158" s="248"/>
      <c r="BS158" s="248"/>
    </row>
    <row r="159" spans="1:71" s="67" customFormat="1" ht="34.5" customHeight="1">
      <c r="A159" s="182" t="s">
        <v>145</v>
      </c>
      <c r="B159" s="96"/>
      <c r="C159" s="274" t="s">
        <v>146</v>
      </c>
      <c r="D159" s="275"/>
      <c r="E159" s="275"/>
      <c r="F159" s="275"/>
      <c r="G159" s="275"/>
      <c r="H159" s="276"/>
      <c r="I159" s="333"/>
      <c r="J159" s="193" t="s">
        <v>144</v>
      </c>
      <c r="K159" s="66"/>
      <c r="L159" s="81"/>
      <c r="M159" s="248"/>
      <c r="N159" s="248"/>
      <c r="O159" s="248"/>
      <c r="P159" s="248"/>
      <c r="Q159" s="248"/>
      <c r="R159" s="248"/>
      <c r="S159" s="248"/>
      <c r="T159" s="248"/>
      <c r="U159" s="248"/>
      <c r="V159" s="248"/>
      <c r="W159" s="248"/>
      <c r="X159" s="248"/>
      <c r="Y159" s="248"/>
      <c r="Z159" s="248"/>
      <c r="AA159" s="248"/>
      <c r="AB159" s="248"/>
      <c r="AC159" s="248"/>
      <c r="AD159" s="248"/>
      <c r="AE159" s="248"/>
      <c r="AF159" s="248"/>
      <c r="AG159" s="248"/>
      <c r="AH159" s="248"/>
      <c r="AI159" s="248"/>
      <c r="AJ159" s="248"/>
      <c r="AK159" s="248"/>
      <c r="AL159" s="248"/>
      <c r="AM159" s="248"/>
      <c r="AN159" s="248"/>
      <c r="AO159" s="248"/>
      <c r="AP159" s="248"/>
      <c r="AQ159" s="248"/>
      <c r="AR159" s="248"/>
      <c r="AS159" s="248"/>
      <c r="AT159" s="248"/>
      <c r="AU159" s="248"/>
      <c r="AV159" s="248"/>
      <c r="AW159" s="248"/>
      <c r="AX159" s="248"/>
      <c r="AY159" s="248"/>
      <c r="AZ159" s="248"/>
      <c r="BA159" s="248"/>
      <c r="BB159" s="248"/>
      <c r="BC159" s="248"/>
      <c r="BD159" s="248"/>
      <c r="BE159" s="248"/>
      <c r="BF159" s="248"/>
      <c r="BG159" s="248"/>
      <c r="BH159" s="248"/>
      <c r="BI159" s="248"/>
      <c r="BJ159" s="248"/>
      <c r="BK159" s="248"/>
      <c r="BL159" s="248"/>
      <c r="BM159" s="248"/>
      <c r="BN159" s="248"/>
      <c r="BO159" s="248"/>
      <c r="BP159" s="248"/>
      <c r="BQ159" s="248"/>
      <c r="BR159" s="248"/>
      <c r="BS159" s="248"/>
    </row>
    <row r="160" spans="1:71" s="67" customFormat="1" ht="34.5" customHeight="1">
      <c r="A160" s="182" t="s">
        <v>147</v>
      </c>
      <c r="B160" s="96"/>
      <c r="C160" s="274" t="s">
        <v>148</v>
      </c>
      <c r="D160" s="275"/>
      <c r="E160" s="275"/>
      <c r="F160" s="275"/>
      <c r="G160" s="275"/>
      <c r="H160" s="276"/>
      <c r="I160" s="334"/>
      <c r="J160" s="193" t="s">
        <v>149</v>
      </c>
      <c r="K160" s="66"/>
      <c r="L160" s="83"/>
      <c r="M160" s="248"/>
      <c r="N160" s="248"/>
      <c r="O160" s="248"/>
      <c r="P160" s="248"/>
      <c r="Q160" s="248"/>
      <c r="R160" s="248"/>
      <c r="S160" s="248"/>
      <c r="T160" s="248"/>
      <c r="U160" s="248"/>
      <c r="V160" s="248"/>
      <c r="W160" s="248"/>
      <c r="X160" s="248"/>
      <c r="Y160" s="248"/>
      <c r="Z160" s="248"/>
      <c r="AA160" s="248"/>
      <c r="AB160" s="248"/>
      <c r="AC160" s="248"/>
      <c r="AD160" s="248"/>
      <c r="AE160" s="248"/>
      <c r="AF160" s="248"/>
      <c r="AG160" s="248"/>
      <c r="AH160" s="248"/>
      <c r="AI160" s="248"/>
      <c r="AJ160" s="248"/>
      <c r="AK160" s="248"/>
      <c r="AL160" s="248"/>
      <c r="AM160" s="248"/>
      <c r="AN160" s="248"/>
      <c r="AO160" s="248"/>
      <c r="AP160" s="248"/>
      <c r="AQ160" s="248"/>
      <c r="AR160" s="248"/>
      <c r="AS160" s="248"/>
      <c r="AT160" s="248"/>
      <c r="AU160" s="248"/>
      <c r="AV160" s="248"/>
      <c r="AW160" s="248"/>
      <c r="AX160" s="248"/>
      <c r="AY160" s="248"/>
      <c r="AZ160" s="248"/>
      <c r="BA160" s="248"/>
      <c r="BB160" s="248"/>
      <c r="BC160" s="248"/>
      <c r="BD160" s="248"/>
      <c r="BE160" s="248"/>
      <c r="BF160" s="248"/>
      <c r="BG160" s="248"/>
      <c r="BH160" s="248"/>
      <c r="BI160" s="248"/>
      <c r="BJ160" s="248"/>
      <c r="BK160" s="248"/>
      <c r="BL160" s="248"/>
      <c r="BM160" s="248"/>
      <c r="BN160" s="248"/>
      <c r="BO160" s="248"/>
      <c r="BP160" s="248"/>
      <c r="BQ160" s="248"/>
      <c r="BR160" s="248"/>
      <c r="BS160" s="248"/>
    </row>
    <row r="161" spans="1:71" s="74" customFormat="1">
      <c r="A161" s="178"/>
      <c r="B161" s="14"/>
      <c r="C161" s="176"/>
      <c r="D161" s="14"/>
      <c r="E161" s="14"/>
      <c r="F161" s="14"/>
      <c r="G161" s="14"/>
      <c r="H161" s="10"/>
      <c r="I161" s="10"/>
      <c r="J161" s="71"/>
      <c r="K161" s="72"/>
      <c r="L161" s="62"/>
      <c r="M161" s="62"/>
      <c r="N161" s="62"/>
      <c r="O161" s="62"/>
      <c r="P161" s="62"/>
      <c r="Q161" s="62"/>
    </row>
    <row r="162" spans="1:71" s="67" customFormat="1">
      <c r="A162" s="178"/>
      <c r="B162" s="68"/>
      <c r="C162" s="52"/>
      <c r="D162" s="52"/>
      <c r="E162" s="52"/>
      <c r="F162" s="52"/>
      <c r="G162" s="52"/>
      <c r="H162" s="75"/>
      <c r="I162" s="75"/>
      <c r="J162" s="71"/>
      <c r="K162" s="72"/>
      <c r="L162" s="73"/>
      <c r="M162" s="73"/>
      <c r="N162" s="73"/>
      <c r="O162" s="73"/>
      <c r="P162" s="73"/>
      <c r="Q162" s="73"/>
    </row>
    <row r="163" spans="1:71" s="74" customFormat="1">
      <c r="A163" s="178"/>
      <c r="B163" s="1"/>
      <c r="C163" s="3"/>
      <c r="D163" s="3"/>
      <c r="E163" s="3"/>
      <c r="F163" s="3"/>
      <c r="G163" s="3"/>
      <c r="H163" s="214"/>
      <c r="I163" s="214"/>
      <c r="J163" s="99"/>
      <c r="K163" s="24"/>
      <c r="L163" s="86"/>
      <c r="M163" s="86"/>
      <c r="N163" s="86"/>
      <c r="O163" s="86"/>
      <c r="P163" s="86"/>
      <c r="Q163" s="86"/>
    </row>
    <row r="164" spans="1:71" s="74" customFormat="1">
      <c r="A164" s="178"/>
      <c r="B164" s="14" t="s">
        <v>150</v>
      </c>
      <c r="C164" s="85"/>
      <c r="D164" s="85"/>
      <c r="E164" s="85"/>
      <c r="F164" s="85"/>
      <c r="G164" s="85"/>
      <c r="H164" s="10"/>
      <c r="I164" s="10"/>
      <c r="J164" s="51"/>
      <c r="K164" s="24"/>
      <c r="L164" s="86"/>
      <c r="M164" s="86"/>
      <c r="N164" s="86"/>
      <c r="O164" s="86"/>
      <c r="P164" s="86"/>
      <c r="Q164" s="86"/>
    </row>
    <row r="165" spans="1:71">
      <c r="A165" s="178"/>
      <c r="B165" s="14"/>
      <c r="C165" s="14"/>
      <c r="D165" s="14"/>
      <c r="E165" s="14"/>
      <c r="F165" s="14"/>
      <c r="G165" s="14"/>
      <c r="H165" s="10"/>
      <c r="I165" s="10"/>
      <c r="L165" s="175"/>
      <c r="M165" s="175"/>
      <c r="N165" s="175"/>
      <c r="O165" s="175"/>
      <c r="P165" s="175"/>
      <c r="Q165" s="175"/>
      <c r="R165" s="8"/>
      <c r="S165" s="8"/>
      <c r="T165" s="8"/>
      <c r="U165" s="8"/>
      <c r="V165" s="8"/>
    </row>
    <row r="166" spans="1:71" ht="34.5" customHeight="1">
      <c r="A166" s="178"/>
      <c r="B166" s="14"/>
      <c r="C166" s="3"/>
      <c r="D166" s="3"/>
      <c r="F166" s="3"/>
      <c r="G166" s="3"/>
      <c r="H166" s="214"/>
      <c r="I166" s="214"/>
      <c r="J166" s="63" t="s">
        <v>81</v>
      </c>
      <c r="K166" s="64"/>
      <c r="L166" s="245" t="str">
        <f>IF(ISBLANK(L$9),"",L$9)</f>
        <v>4階病棟</v>
      </c>
      <c r="M166" s="249" t="str">
        <f t="shared" ref="M166:BS166" si="19">IF(ISBLANK(M$9),"",M$9)</f>
        <v>回復期リハビリテーション病棟</v>
      </c>
      <c r="N166" s="249" t="str">
        <f t="shared" si="19"/>
        <v>地域包括ケア病棟</v>
      </c>
      <c r="O166" s="249" t="str">
        <f t="shared" si="19"/>
        <v>地域包括ケア病棟サテライト</v>
      </c>
      <c r="P166" s="249" t="str">
        <f t="shared" si="19"/>
        <v>特殊疾患病棟</v>
      </c>
      <c r="Q166" s="249" t="str">
        <f t="shared" si="19"/>
        <v>療養病棟2階</v>
      </c>
      <c r="R166" s="249" t="str">
        <f t="shared" si="19"/>
        <v/>
      </c>
      <c r="S166" s="249" t="str">
        <f t="shared" si="19"/>
        <v/>
      </c>
      <c r="T166" s="249" t="str">
        <f t="shared" si="19"/>
        <v/>
      </c>
      <c r="U166" s="249" t="str">
        <f t="shared" si="19"/>
        <v/>
      </c>
      <c r="V166" s="249" t="str">
        <f t="shared" si="19"/>
        <v/>
      </c>
      <c r="W166" s="249" t="str">
        <f t="shared" si="19"/>
        <v/>
      </c>
      <c r="X166" s="249" t="str">
        <f t="shared" si="19"/>
        <v/>
      </c>
      <c r="Y166" s="249" t="str">
        <f t="shared" si="19"/>
        <v/>
      </c>
      <c r="Z166" s="249" t="str">
        <f t="shared" si="19"/>
        <v/>
      </c>
      <c r="AA166" s="249" t="str">
        <f t="shared" si="19"/>
        <v/>
      </c>
      <c r="AB166" s="249" t="str">
        <f t="shared" si="19"/>
        <v/>
      </c>
      <c r="AC166" s="249" t="str">
        <f t="shared" si="19"/>
        <v/>
      </c>
      <c r="AD166" s="249" t="str">
        <f t="shared" si="19"/>
        <v/>
      </c>
      <c r="AE166" s="249" t="str">
        <f t="shared" si="19"/>
        <v/>
      </c>
      <c r="AF166" s="249" t="str">
        <f t="shared" si="19"/>
        <v/>
      </c>
      <c r="AG166" s="249" t="str">
        <f t="shared" si="19"/>
        <v/>
      </c>
      <c r="AH166" s="249" t="str">
        <f t="shared" si="19"/>
        <v/>
      </c>
      <c r="AI166" s="249" t="str">
        <f t="shared" si="19"/>
        <v/>
      </c>
      <c r="AJ166" s="249" t="str">
        <f t="shared" si="19"/>
        <v/>
      </c>
      <c r="AK166" s="249" t="str">
        <f t="shared" si="19"/>
        <v/>
      </c>
      <c r="AL166" s="249" t="str">
        <f t="shared" si="19"/>
        <v/>
      </c>
      <c r="AM166" s="249" t="str">
        <f t="shared" si="19"/>
        <v/>
      </c>
      <c r="AN166" s="249" t="str">
        <f t="shared" si="19"/>
        <v/>
      </c>
      <c r="AO166" s="249" t="str">
        <f t="shared" si="19"/>
        <v/>
      </c>
      <c r="AP166" s="249" t="str">
        <f t="shared" si="19"/>
        <v/>
      </c>
      <c r="AQ166" s="249" t="str">
        <f t="shared" si="19"/>
        <v/>
      </c>
      <c r="AR166" s="249" t="str">
        <f t="shared" si="19"/>
        <v/>
      </c>
      <c r="AS166" s="249" t="str">
        <f t="shared" si="19"/>
        <v/>
      </c>
      <c r="AT166" s="249" t="str">
        <f t="shared" si="19"/>
        <v/>
      </c>
      <c r="AU166" s="249" t="str">
        <f t="shared" si="19"/>
        <v/>
      </c>
      <c r="AV166" s="249" t="str">
        <f t="shared" si="19"/>
        <v/>
      </c>
      <c r="AW166" s="249" t="str">
        <f t="shared" si="19"/>
        <v/>
      </c>
      <c r="AX166" s="249" t="str">
        <f t="shared" si="19"/>
        <v/>
      </c>
      <c r="AY166" s="249" t="str">
        <f t="shared" si="19"/>
        <v/>
      </c>
      <c r="AZ166" s="249" t="str">
        <f t="shared" si="19"/>
        <v/>
      </c>
      <c r="BA166" s="249" t="str">
        <f t="shared" si="19"/>
        <v/>
      </c>
      <c r="BB166" s="249" t="str">
        <f t="shared" si="19"/>
        <v/>
      </c>
      <c r="BC166" s="249" t="str">
        <f t="shared" si="19"/>
        <v/>
      </c>
      <c r="BD166" s="249" t="str">
        <f t="shared" si="19"/>
        <v/>
      </c>
      <c r="BE166" s="249" t="str">
        <f t="shared" si="19"/>
        <v/>
      </c>
      <c r="BF166" s="249" t="str">
        <f t="shared" si="19"/>
        <v/>
      </c>
      <c r="BG166" s="249" t="str">
        <f t="shared" si="19"/>
        <v/>
      </c>
      <c r="BH166" s="249" t="str">
        <f t="shared" si="19"/>
        <v/>
      </c>
      <c r="BI166" s="249" t="str">
        <f t="shared" si="19"/>
        <v/>
      </c>
      <c r="BJ166" s="249" t="str">
        <f t="shared" si="19"/>
        <v/>
      </c>
      <c r="BK166" s="249" t="str">
        <f t="shared" si="19"/>
        <v/>
      </c>
      <c r="BL166" s="249" t="str">
        <f t="shared" si="19"/>
        <v/>
      </c>
      <c r="BM166" s="249" t="str">
        <f t="shared" si="19"/>
        <v/>
      </c>
      <c r="BN166" s="249" t="str">
        <f t="shared" si="19"/>
        <v/>
      </c>
      <c r="BO166" s="249" t="str">
        <f t="shared" si="19"/>
        <v/>
      </c>
      <c r="BP166" s="249" t="str">
        <f t="shared" si="19"/>
        <v/>
      </c>
      <c r="BQ166" s="249" t="str">
        <f t="shared" si="19"/>
        <v/>
      </c>
      <c r="BR166" s="249" t="str">
        <f t="shared" si="19"/>
        <v/>
      </c>
      <c r="BS166" s="249" t="str">
        <f t="shared" si="19"/>
        <v/>
      </c>
    </row>
    <row r="167" spans="1:71" ht="20.25" customHeight="1">
      <c r="A167" s="178"/>
      <c r="B167" s="1"/>
      <c r="C167" s="52"/>
      <c r="D167" s="3"/>
      <c r="F167" s="3"/>
      <c r="G167" s="3"/>
      <c r="H167" s="214"/>
      <c r="I167" s="56" t="s">
        <v>82</v>
      </c>
      <c r="J167" s="57"/>
      <c r="K167" s="65"/>
      <c r="L167" s="59" t="str">
        <f t="shared" ref="L167:AQ167" si="20">IF(ISBLANK(L$95),"",L$95)</f>
        <v>急性期</v>
      </c>
      <c r="M167" s="249" t="str">
        <f t="shared" si="20"/>
        <v>回復期</v>
      </c>
      <c r="N167" s="249" t="str">
        <f t="shared" si="20"/>
        <v>回復期</v>
      </c>
      <c r="O167" s="249" t="str">
        <f t="shared" si="20"/>
        <v>休棟中（今後廃止する予定）</v>
      </c>
      <c r="P167" s="249" t="str">
        <f t="shared" si="20"/>
        <v>慢性期</v>
      </c>
      <c r="Q167" s="249" t="str">
        <f t="shared" si="20"/>
        <v>慢性期</v>
      </c>
      <c r="R167" s="249" t="str">
        <f t="shared" si="20"/>
        <v/>
      </c>
      <c r="S167" s="249" t="str">
        <f t="shared" si="20"/>
        <v/>
      </c>
      <c r="T167" s="249" t="str">
        <f t="shared" si="20"/>
        <v/>
      </c>
      <c r="U167" s="249" t="str">
        <f t="shared" si="20"/>
        <v/>
      </c>
      <c r="V167" s="249" t="str">
        <f t="shared" si="20"/>
        <v/>
      </c>
      <c r="W167" s="249" t="str">
        <f t="shared" si="20"/>
        <v/>
      </c>
      <c r="X167" s="249" t="str">
        <f t="shared" si="20"/>
        <v/>
      </c>
      <c r="Y167" s="249" t="str">
        <f t="shared" si="20"/>
        <v/>
      </c>
      <c r="Z167" s="249" t="str">
        <f t="shared" si="20"/>
        <v/>
      </c>
      <c r="AA167" s="249" t="str">
        <f t="shared" si="20"/>
        <v/>
      </c>
      <c r="AB167" s="249" t="str">
        <f t="shared" si="20"/>
        <v/>
      </c>
      <c r="AC167" s="249" t="str">
        <f t="shared" si="20"/>
        <v/>
      </c>
      <c r="AD167" s="249" t="str">
        <f t="shared" si="20"/>
        <v/>
      </c>
      <c r="AE167" s="249" t="str">
        <f t="shared" si="20"/>
        <v/>
      </c>
      <c r="AF167" s="249" t="str">
        <f t="shared" si="20"/>
        <v/>
      </c>
      <c r="AG167" s="249" t="str">
        <f t="shared" si="20"/>
        <v/>
      </c>
      <c r="AH167" s="249" t="str">
        <f t="shared" si="20"/>
        <v/>
      </c>
      <c r="AI167" s="249" t="str">
        <f t="shared" si="20"/>
        <v/>
      </c>
      <c r="AJ167" s="249" t="str">
        <f t="shared" si="20"/>
        <v/>
      </c>
      <c r="AK167" s="249" t="str">
        <f t="shared" si="20"/>
        <v/>
      </c>
      <c r="AL167" s="249" t="str">
        <f t="shared" si="20"/>
        <v/>
      </c>
      <c r="AM167" s="249" t="str">
        <f t="shared" si="20"/>
        <v/>
      </c>
      <c r="AN167" s="249" t="str">
        <f t="shared" si="20"/>
        <v/>
      </c>
      <c r="AO167" s="249" t="str">
        <f t="shared" si="20"/>
        <v/>
      </c>
      <c r="AP167" s="249" t="str">
        <f t="shared" si="20"/>
        <v/>
      </c>
      <c r="AQ167" s="249" t="str">
        <f t="shared" si="20"/>
        <v/>
      </c>
      <c r="AR167" s="249" t="str">
        <f t="shared" ref="AR167:BS167" si="21">IF(ISBLANK(AR$95),"",AR$95)</f>
        <v/>
      </c>
      <c r="AS167" s="249" t="str">
        <f t="shared" si="21"/>
        <v/>
      </c>
      <c r="AT167" s="249" t="str">
        <f t="shared" si="21"/>
        <v/>
      </c>
      <c r="AU167" s="249" t="str">
        <f t="shared" si="21"/>
        <v/>
      </c>
      <c r="AV167" s="249" t="str">
        <f t="shared" si="21"/>
        <v/>
      </c>
      <c r="AW167" s="249" t="str">
        <f t="shared" si="21"/>
        <v/>
      </c>
      <c r="AX167" s="249" t="str">
        <f t="shared" si="21"/>
        <v/>
      </c>
      <c r="AY167" s="249" t="str">
        <f t="shared" si="21"/>
        <v/>
      </c>
      <c r="AZ167" s="249" t="str">
        <f t="shared" si="21"/>
        <v/>
      </c>
      <c r="BA167" s="249" t="str">
        <f t="shared" si="21"/>
        <v/>
      </c>
      <c r="BB167" s="249" t="str">
        <f t="shared" si="21"/>
        <v/>
      </c>
      <c r="BC167" s="249" t="str">
        <f t="shared" si="21"/>
        <v/>
      </c>
      <c r="BD167" s="249" t="str">
        <f t="shared" si="21"/>
        <v/>
      </c>
      <c r="BE167" s="249" t="str">
        <f t="shared" si="21"/>
        <v/>
      </c>
      <c r="BF167" s="249" t="str">
        <f t="shared" si="21"/>
        <v/>
      </c>
      <c r="BG167" s="249" t="str">
        <f t="shared" si="21"/>
        <v/>
      </c>
      <c r="BH167" s="249" t="str">
        <f t="shared" si="21"/>
        <v/>
      </c>
      <c r="BI167" s="249" t="str">
        <f t="shared" si="21"/>
        <v/>
      </c>
      <c r="BJ167" s="249" t="str">
        <f t="shared" si="21"/>
        <v/>
      </c>
      <c r="BK167" s="249" t="str">
        <f t="shared" si="21"/>
        <v/>
      </c>
      <c r="BL167" s="249" t="str">
        <f t="shared" si="21"/>
        <v/>
      </c>
      <c r="BM167" s="249" t="str">
        <f t="shared" si="21"/>
        <v/>
      </c>
      <c r="BN167" s="249" t="str">
        <f t="shared" si="21"/>
        <v/>
      </c>
      <c r="BO167" s="249" t="str">
        <f t="shared" si="21"/>
        <v/>
      </c>
      <c r="BP167" s="249" t="str">
        <f t="shared" si="21"/>
        <v/>
      </c>
      <c r="BQ167" s="249" t="str">
        <f t="shared" si="21"/>
        <v/>
      </c>
      <c r="BR167" s="249" t="str">
        <f t="shared" si="21"/>
        <v/>
      </c>
      <c r="BS167" s="249" t="str">
        <f t="shared" si="21"/>
        <v/>
      </c>
    </row>
    <row r="168" spans="1:71" s="67" customFormat="1" ht="56.1" customHeight="1">
      <c r="A168" s="179" t="s">
        <v>151</v>
      </c>
      <c r="B168" s="96"/>
      <c r="C168" s="274" t="s">
        <v>152</v>
      </c>
      <c r="D168" s="275"/>
      <c r="E168" s="275"/>
      <c r="F168" s="275"/>
      <c r="G168" s="275"/>
      <c r="H168" s="276"/>
      <c r="I168" s="213" t="s">
        <v>153</v>
      </c>
      <c r="J168" s="193" t="s">
        <v>149</v>
      </c>
      <c r="K168" s="66"/>
      <c r="L168" s="87"/>
      <c r="M168" s="248"/>
      <c r="N168" s="248"/>
      <c r="O168" s="248"/>
      <c r="P168" s="248"/>
      <c r="Q168" s="248"/>
      <c r="R168" s="248"/>
      <c r="S168" s="248"/>
      <c r="T168" s="248"/>
      <c r="U168" s="248"/>
      <c r="V168" s="248"/>
      <c r="W168" s="248"/>
      <c r="X168" s="248"/>
      <c r="Y168" s="248"/>
      <c r="Z168" s="248"/>
      <c r="AA168" s="248"/>
      <c r="AB168" s="248"/>
      <c r="AC168" s="248"/>
      <c r="AD168" s="248"/>
      <c r="AE168" s="248"/>
      <c r="AF168" s="248"/>
      <c r="AG168" s="248"/>
      <c r="AH168" s="248"/>
      <c r="AI168" s="248"/>
      <c r="AJ168" s="248"/>
      <c r="AK168" s="248"/>
      <c r="AL168" s="248"/>
      <c r="AM168" s="248"/>
      <c r="AN168" s="248"/>
      <c r="AO168" s="248"/>
      <c r="AP168" s="248"/>
      <c r="AQ168" s="248"/>
      <c r="AR168" s="248"/>
      <c r="AS168" s="248"/>
      <c r="AT168" s="248"/>
      <c r="AU168" s="248"/>
      <c r="AV168" s="248"/>
      <c r="AW168" s="248"/>
      <c r="AX168" s="248"/>
      <c r="AY168" s="248"/>
      <c r="AZ168" s="248"/>
      <c r="BA168" s="248"/>
      <c r="BB168" s="248"/>
      <c r="BC168" s="248"/>
      <c r="BD168" s="248"/>
      <c r="BE168" s="248"/>
      <c r="BF168" s="248"/>
      <c r="BG168" s="248"/>
      <c r="BH168" s="248"/>
      <c r="BI168" s="248"/>
      <c r="BJ168" s="248"/>
      <c r="BK168" s="248"/>
      <c r="BL168" s="248"/>
      <c r="BM168" s="248"/>
      <c r="BN168" s="248"/>
      <c r="BO168" s="248"/>
      <c r="BP168" s="248"/>
      <c r="BQ168" s="248"/>
      <c r="BR168" s="248"/>
      <c r="BS168" s="248"/>
    </row>
    <row r="169" spans="1:71" s="67" customFormat="1" ht="98.1" customHeight="1">
      <c r="A169" s="179" t="s">
        <v>154</v>
      </c>
      <c r="B169" s="96"/>
      <c r="C169" s="274" t="s">
        <v>155</v>
      </c>
      <c r="D169" s="275"/>
      <c r="E169" s="275"/>
      <c r="F169" s="275"/>
      <c r="G169" s="275"/>
      <c r="H169" s="276"/>
      <c r="I169" s="100" t="s">
        <v>156</v>
      </c>
      <c r="J169" s="193" t="s">
        <v>144</v>
      </c>
      <c r="K169" s="66"/>
      <c r="L169" s="83"/>
      <c r="M169" s="248"/>
      <c r="N169" s="248"/>
      <c r="O169" s="248"/>
      <c r="P169" s="248"/>
      <c r="Q169" s="248"/>
      <c r="R169" s="248"/>
      <c r="S169" s="248"/>
      <c r="T169" s="248"/>
      <c r="U169" s="248"/>
      <c r="V169" s="248"/>
      <c r="W169" s="248"/>
      <c r="X169" s="248"/>
      <c r="Y169" s="248"/>
      <c r="Z169" s="248"/>
      <c r="AA169" s="248"/>
      <c r="AB169" s="248"/>
      <c r="AC169" s="248"/>
      <c r="AD169" s="248"/>
      <c r="AE169" s="248"/>
      <c r="AF169" s="248"/>
      <c r="AG169" s="248"/>
      <c r="AH169" s="248"/>
      <c r="AI169" s="248"/>
      <c r="AJ169" s="248"/>
      <c r="AK169" s="248"/>
      <c r="AL169" s="248"/>
      <c r="AM169" s="248"/>
      <c r="AN169" s="248"/>
      <c r="AO169" s="248"/>
      <c r="AP169" s="248"/>
      <c r="AQ169" s="248"/>
      <c r="AR169" s="248"/>
      <c r="AS169" s="248"/>
      <c r="AT169" s="248"/>
      <c r="AU169" s="248"/>
      <c r="AV169" s="248"/>
      <c r="AW169" s="248"/>
      <c r="AX169" s="248"/>
      <c r="AY169" s="248"/>
      <c r="AZ169" s="248"/>
      <c r="BA169" s="248"/>
      <c r="BB169" s="248"/>
      <c r="BC169" s="248"/>
      <c r="BD169" s="248"/>
      <c r="BE169" s="248"/>
      <c r="BF169" s="248"/>
      <c r="BG169" s="248"/>
      <c r="BH169" s="248"/>
      <c r="BI169" s="248"/>
      <c r="BJ169" s="248"/>
      <c r="BK169" s="248"/>
      <c r="BL169" s="248"/>
      <c r="BM169" s="248"/>
      <c r="BN169" s="248"/>
      <c r="BO169" s="248"/>
      <c r="BP169" s="248"/>
      <c r="BQ169" s="248"/>
      <c r="BR169" s="248"/>
      <c r="BS169" s="248"/>
    </row>
    <row r="170" spans="1:71" s="74" customFormat="1">
      <c r="A170" s="178"/>
      <c r="B170" s="14"/>
      <c r="C170" s="14"/>
      <c r="D170" s="14"/>
      <c r="E170" s="14"/>
      <c r="F170" s="14"/>
      <c r="G170" s="14"/>
      <c r="H170" s="10"/>
      <c r="I170" s="10"/>
      <c r="J170" s="71"/>
      <c r="K170" s="72"/>
      <c r="L170" s="62"/>
      <c r="M170" s="62"/>
      <c r="N170" s="62"/>
      <c r="O170" s="62"/>
      <c r="P170" s="62"/>
      <c r="Q170" s="62"/>
    </row>
    <row r="171" spans="1:71" s="67" customFormat="1">
      <c r="A171" s="178"/>
      <c r="B171" s="68"/>
      <c r="C171" s="52"/>
      <c r="D171" s="52"/>
      <c r="E171" s="52"/>
      <c r="F171" s="52"/>
      <c r="G171" s="52"/>
      <c r="H171" s="75"/>
      <c r="I171" s="75"/>
      <c r="J171" s="71"/>
      <c r="K171" s="72"/>
      <c r="L171" s="73"/>
      <c r="M171" s="73"/>
      <c r="N171" s="73"/>
      <c r="O171" s="73"/>
      <c r="P171" s="73"/>
      <c r="Q171" s="73"/>
    </row>
    <row r="172" spans="1:71" s="74" customFormat="1">
      <c r="A172" s="178"/>
      <c r="B172" s="96"/>
      <c r="C172" s="3"/>
      <c r="D172" s="3"/>
      <c r="E172" s="101"/>
      <c r="F172" s="101"/>
      <c r="G172" s="101"/>
      <c r="H172" s="102"/>
      <c r="I172" s="102"/>
      <c r="J172" s="71"/>
      <c r="K172" s="72"/>
      <c r="L172" s="73"/>
      <c r="M172" s="73"/>
      <c r="N172" s="73"/>
      <c r="O172" s="73"/>
      <c r="P172" s="73"/>
      <c r="Q172" s="73"/>
    </row>
    <row r="173" spans="1:71" s="74" customFormat="1">
      <c r="A173" s="178"/>
      <c r="B173" s="14" t="s">
        <v>157</v>
      </c>
      <c r="C173" s="85"/>
      <c r="D173" s="85"/>
      <c r="E173" s="85"/>
      <c r="F173" s="85"/>
      <c r="G173" s="10"/>
      <c r="H173" s="10"/>
      <c r="I173" s="10"/>
      <c r="J173" s="51"/>
      <c r="K173" s="24"/>
      <c r="L173" s="86"/>
      <c r="M173" s="86"/>
      <c r="N173" s="86"/>
      <c r="O173" s="86"/>
      <c r="P173" s="86"/>
      <c r="Q173" s="86"/>
    </row>
    <row r="174" spans="1:71">
      <c r="A174" s="178"/>
      <c r="B174" s="14"/>
      <c r="C174" s="14"/>
      <c r="D174" s="14"/>
      <c r="E174" s="14"/>
      <c r="F174" s="14"/>
      <c r="G174" s="14"/>
      <c r="H174" s="10"/>
      <c r="I174" s="10"/>
      <c r="L174" s="175"/>
      <c r="M174" s="175"/>
      <c r="N174" s="175"/>
      <c r="O174" s="175"/>
      <c r="P174" s="175"/>
      <c r="Q174" s="175"/>
      <c r="R174" s="8"/>
      <c r="S174" s="8"/>
      <c r="T174" s="8"/>
      <c r="U174" s="8"/>
      <c r="V174" s="8"/>
    </row>
    <row r="175" spans="1:71" s="240" customFormat="1" ht="34.5" customHeight="1">
      <c r="A175" s="178"/>
      <c r="B175" s="14"/>
      <c r="C175" s="3"/>
      <c r="D175" s="3"/>
      <c r="E175" s="3"/>
      <c r="F175" s="3"/>
      <c r="G175" s="3"/>
      <c r="H175" s="214"/>
      <c r="I175" s="214"/>
      <c r="J175" s="63" t="s">
        <v>81</v>
      </c>
      <c r="K175" s="64"/>
      <c r="L175" s="245" t="str">
        <f>IF(ISBLANK(L$9),"",L$9)</f>
        <v>4階病棟</v>
      </c>
      <c r="M175" s="249" t="str">
        <f t="shared" ref="M175:BS175" si="22">IF(ISBLANK(M$9),"",M$9)</f>
        <v>回復期リハビリテーション病棟</v>
      </c>
      <c r="N175" s="249" t="str">
        <f t="shared" si="22"/>
        <v>地域包括ケア病棟</v>
      </c>
      <c r="O175" s="249" t="str">
        <f t="shared" si="22"/>
        <v>地域包括ケア病棟サテライト</v>
      </c>
      <c r="P175" s="249" t="str">
        <f t="shared" si="22"/>
        <v>特殊疾患病棟</v>
      </c>
      <c r="Q175" s="249" t="str">
        <f t="shared" si="22"/>
        <v>療養病棟2階</v>
      </c>
      <c r="R175" s="249" t="str">
        <f t="shared" si="22"/>
        <v/>
      </c>
      <c r="S175" s="249" t="str">
        <f t="shared" si="22"/>
        <v/>
      </c>
      <c r="T175" s="249" t="str">
        <f t="shared" si="22"/>
        <v/>
      </c>
      <c r="U175" s="249" t="str">
        <f t="shared" si="22"/>
        <v/>
      </c>
      <c r="V175" s="249" t="str">
        <f t="shared" si="22"/>
        <v/>
      </c>
      <c r="W175" s="249" t="str">
        <f t="shared" si="22"/>
        <v/>
      </c>
      <c r="X175" s="249" t="str">
        <f t="shared" si="22"/>
        <v/>
      </c>
      <c r="Y175" s="249" t="str">
        <f t="shared" si="22"/>
        <v/>
      </c>
      <c r="Z175" s="249" t="str">
        <f t="shared" si="22"/>
        <v/>
      </c>
      <c r="AA175" s="249" t="str">
        <f t="shared" si="22"/>
        <v/>
      </c>
      <c r="AB175" s="249" t="str">
        <f t="shared" si="22"/>
        <v/>
      </c>
      <c r="AC175" s="249" t="str">
        <f t="shared" si="22"/>
        <v/>
      </c>
      <c r="AD175" s="249" t="str">
        <f t="shared" si="22"/>
        <v/>
      </c>
      <c r="AE175" s="249" t="str">
        <f t="shared" si="22"/>
        <v/>
      </c>
      <c r="AF175" s="249" t="str">
        <f t="shared" si="22"/>
        <v/>
      </c>
      <c r="AG175" s="249" t="str">
        <f t="shared" si="22"/>
        <v/>
      </c>
      <c r="AH175" s="249" t="str">
        <f t="shared" si="22"/>
        <v/>
      </c>
      <c r="AI175" s="249" t="str">
        <f t="shared" si="22"/>
        <v/>
      </c>
      <c r="AJ175" s="249" t="str">
        <f t="shared" si="22"/>
        <v/>
      </c>
      <c r="AK175" s="249" t="str">
        <f t="shared" si="22"/>
        <v/>
      </c>
      <c r="AL175" s="249" t="str">
        <f t="shared" si="22"/>
        <v/>
      </c>
      <c r="AM175" s="249" t="str">
        <f t="shared" si="22"/>
        <v/>
      </c>
      <c r="AN175" s="249" t="str">
        <f t="shared" si="22"/>
        <v/>
      </c>
      <c r="AO175" s="249" t="str">
        <f t="shared" si="22"/>
        <v/>
      </c>
      <c r="AP175" s="249" t="str">
        <f t="shared" si="22"/>
        <v/>
      </c>
      <c r="AQ175" s="249" t="str">
        <f t="shared" si="22"/>
        <v/>
      </c>
      <c r="AR175" s="249" t="str">
        <f t="shared" si="22"/>
        <v/>
      </c>
      <c r="AS175" s="249" t="str">
        <f t="shared" si="22"/>
        <v/>
      </c>
      <c r="AT175" s="249" t="str">
        <f t="shared" si="22"/>
        <v/>
      </c>
      <c r="AU175" s="249" t="str">
        <f t="shared" si="22"/>
        <v/>
      </c>
      <c r="AV175" s="249" t="str">
        <f t="shared" si="22"/>
        <v/>
      </c>
      <c r="AW175" s="249" t="str">
        <f t="shared" si="22"/>
        <v/>
      </c>
      <c r="AX175" s="249" t="str">
        <f t="shared" si="22"/>
        <v/>
      </c>
      <c r="AY175" s="249" t="str">
        <f t="shared" si="22"/>
        <v/>
      </c>
      <c r="AZ175" s="249" t="str">
        <f t="shared" si="22"/>
        <v/>
      </c>
      <c r="BA175" s="249" t="str">
        <f t="shared" si="22"/>
        <v/>
      </c>
      <c r="BB175" s="249" t="str">
        <f t="shared" si="22"/>
        <v/>
      </c>
      <c r="BC175" s="249" t="str">
        <f t="shared" si="22"/>
        <v/>
      </c>
      <c r="BD175" s="249" t="str">
        <f t="shared" si="22"/>
        <v/>
      </c>
      <c r="BE175" s="249" t="str">
        <f t="shared" si="22"/>
        <v/>
      </c>
      <c r="BF175" s="249" t="str">
        <f t="shared" si="22"/>
        <v/>
      </c>
      <c r="BG175" s="249" t="str">
        <f t="shared" si="22"/>
        <v/>
      </c>
      <c r="BH175" s="249" t="str">
        <f t="shared" si="22"/>
        <v/>
      </c>
      <c r="BI175" s="249" t="str">
        <f t="shared" si="22"/>
        <v/>
      </c>
      <c r="BJ175" s="249" t="str">
        <f t="shared" si="22"/>
        <v/>
      </c>
      <c r="BK175" s="249" t="str">
        <f t="shared" si="22"/>
        <v/>
      </c>
      <c r="BL175" s="249" t="str">
        <f t="shared" si="22"/>
        <v/>
      </c>
      <c r="BM175" s="249" t="str">
        <f t="shared" si="22"/>
        <v/>
      </c>
      <c r="BN175" s="249" t="str">
        <f t="shared" si="22"/>
        <v/>
      </c>
      <c r="BO175" s="249" t="str">
        <f t="shared" si="22"/>
        <v/>
      </c>
      <c r="BP175" s="249" t="str">
        <f t="shared" si="22"/>
        <v/>
      </c>
      <c r="BQ175" s="249" t="str">
        <f t="shared" si="22"/>
        <v/>
      </c>
      <c r="BR175" s="249" t="str">
        <f t="shared" si="22"/>
        <v/>
      </c>
      <c r="BS175" s="249" t="str">
        <f t="shared" si="22"/>
        <v/>
      </c>
    </row>
    <row r="176" spans="1:71" s="240" customFormat="1">
      <c r="A176" s="178"/>
      <c r="B176" s="1"/>
      <c r="C176" s="52"/>
      <c r="D176" s="3"/>
      <c r="E176" s="3"/>
      <c r="F176" s="3"/>
      <c r="G176" s="3"/>
      <c r="H176" s="214"/>
      <c r="I176" s="56" t="s">
        <v>82</v>
      </c>
      <c r="J176" s="57"/>
      <c r="K176" s="65"/>
      <c r="L176" s="59" t="str">
        <f t="shared" ref="L176:AQ176" si="23">IF(ISBLANK(L$95),"",L$95)</f>
        <v>急性期</v>
      </c>
      <c r="M176" s="249" t="str">
        <f t="shared" si="23"/>
        <v>回復期</v>
      </c>
      <c r="N176" s="249" t="str">
        <f t="shared" si="23"/>
        <v>回復期</v>
      </c>
      <c r="O176" s="249" t="str">
        <f t="shared" si="23"/>
        <v>休棟中（今後廃止する予定）</v>
      </c>
      <c r="P176" s="249" t="str">
        <f t="shared" si="23"/>
        <v>慢性期</v>
      </c>
      <c r="Q176" s="249" t="str">
        <f t="shared" si="23"/>
        <v>慢性期</v>
      </c>
      <c r="R176" s="249" t="str">
        <f t="shared" si="23"/>
        <v/>
      </c>
      <c r="S176" s="249" t="str">
        <f t="shared" si="23"/>
        <v/>
      </c>
      <c r="T176" s="249" t="str">
        <f t="shared" si="23"/>
        <v/>
      </c>
      <c r="U176" s="249" t="str">
        <f t="shared" si="23"/>
        <v/>
      </c>
      <c r="V176" s="249" t="str">
        <f t="shared" si="23"/>
        <v/>
      </c>
      <c r="W176" s="249" t="str">
        <f t="shared" si="23"/>
        <v/>
      </c>
      <c r="X176" s="249" t="str">
        <f t="shared" si="23"/>
        <v/>
      </c>
      <c r="Y176" s="249" t="str">
        <f t="shared" si="23"/>
        <v/>
      </c>
      <c r="Z176" s="249" t="str">
        <f t="shared" si="23"/>
        <v/>
      </c>
      <c r="AA176" s="249" t="str">
        <f t="shared" si="23"/>
        <v/>
      </c>
      <c r="AB176" s="249" t="str">
        <f t="shared" si="23"/>
        <v/>
      </c>
      <c r="AC176" s="249" t="str">
        <f t="shared" si="23"/>
        <v/>
      </c>
      <c r="AD176" s="249" t="str">
        <f t="shared" si="23"/>
        <v/>
      </c>
      <c r="AE176" s="249" t="str">
        <f t="shared" si="23"/>
        <v/>
      </c>
      <c r="AF176" s="249" t="str">
        <f t="shared" si="23"/>
        <v/>
      </c>
      <c r="AG176" s="249" t="str">
        <f t="shared" si="23"/>
        <v/>
      </c>
      <c r="AH176" s="249" t="str">
        <f t="shared" si="23"/>
        <v/>
      </c>
      <c r="AI176" s="249" t="str">
        <f t="shared" si="23"/>
        <v/>
      </c>
      <c r="AJ176" s="249" t="str">
        <f t="shared" si="23"/>
        <v/>
      </c>
      <c r="AK176" s="249" t="str">
        <f t="shared" si="23"/>
        <v/>
      </c>
      <c r="AL176" s="249" t="str">
        <f t="shared" si="23"/>
        <v/>
      </c>
      <c r="AM176" s="249" t="str">
        <f t="shared" si="23"/>
        <v/>
      </c>
      <c r="AN176" s="249" t="str">
        <f t="shared" si="23"/>
        <v/>
      </c>
      <c r="AO176" s="249" t="str">
        <f t="shared" si="23"/>
        <v/>
      </c>
      <c r="AP176" s="249" t="str">
        <f t="shared" si="23"/>
        <v/>
      </c>
      <c r="AQ176" s="249" t="str">
        <f t="shared" si="23"/>
        <v/>
      </c>
      <c r="AR176" s="249" t="str">
        <f t="shared" ref="AR176:BS176" si="24">IF(ISBLANK(AR$95),"",AR$95)</f>
        <v/>
      </c>
      <c r="AS176" s="249" t="str">
        <f t="shared" si="24"/>
        <v/>
      </c>
      <c r="AT176" s="249" t="str">
        <f t="shared" si="24"/>
        <v/>
      </c>
      <c r="AU176" s="249" t="str">
        <f t="shared" si="24"/>
        <v/>
      </c>
      <c r="AV176" s="249" t="str">
        <f t="shared" si="24"/>
        <v/>
      </c>
      <c r="AW176" s="249" t="str">
        <f t="shared" si="24"/>
        <v/>
      </c>
      <c r="AX176" s="249" t="str">
        <f t="shared" si="24"/>
        <v/>
      </c>
      <c r="AY176" s="249" t="str">
        <f t="shared" si="24"/>
        <v/>
      </c>
      <c r="AZ176" s="249" t="str">
        <f t="shared" si="24"/>
        <v/>
      </c>
      <c r="BA176" s="249" t="str">
        <f t="shared" si="24"/>
        <v/>
      </c>
      <c r="BB176" s="249" t="str">
        <f t="shared" si="24"/>
        <v/>
      </c>
      <c r="BC176" s="249" t="str">
        <f t="shared" si="24"/>
        <v/>
      </c>
      <c r="BD176" s="249" t="str">
        <f t="shared" si="24"/>
        <v/>
      </c>
      <c r="BE176" s="249" t="str">
        <f t="shared" si="24"/>
        <v/>
      </c>
      <c r="BF176" s="249" t="str">
        <f t="shared" si="24"/>
        <v/>
      </c>
      <c r="BG176" s="249" t="str">
        <f t="shared" si="24"/>
        <v/>
      </c>
      <c r="BH176" s="249" t="str">
        <f t="shared" si="24"/>
        <v/>
      </c>
      <c r="BI176" s="249" t="str">
        <f t="shared" si="24"/>
        <v/>
      </c>
      <c r="BJ176" s="249" t="str">
        <f t="shared" si="24"/>
        <v/>
      </c>
      <c r="BK176" s="249" t="str">
        <f t="shared" si="24"/>
        <v/>
      </c>
      <c r="BL176" s="249" t="str">
        <f t="shared" si="24"/>
        <v/>
      </c>
      <c r="BM176" s="249" t="str">
        <f t="shared" si="24"/>
        <v/>
      </c>
      <c r="BN176" s="249" t="str">
        <f t="shared" si="24"/>
        <v/>
      </c>
      <c r="BO176" s="249" t="str">
        <f t="shared" si="24"/>
        <v/>
      </c>
      <c r="BP176" s="249" t="str">
        <f t="shared" si="24"/>
        <v/>
      </c>
      <c r="BQ176" s="249" t="str">
        <f t="shared" si="24"/>
        <v/>
      </c>
      <c r="BR176" s="249" t="str">
        <f t="shared" si="24"/>
        <v/>
      </c>
      <c r="BS176" s="249" t="str">
        <f t="shared" si="24"/>
        <v/>
      </c>
    </row>
    <row r="177" spans="1:71" s="67" customFormat="1" ht="56.1" customHeight="1">
      <c r="A177" s="179" t="s">
        <v>158</v>
      </c>
      <c r="B177" s="96"/>
      <c r="C177" s="274" t="s">
        <v>159</v>
      </c>
      <c r="D177" s="275"/>
      <c r="E177" s="275"/>
      <c r="F177" s="275"/>
      <c r="G177" s="275"/>
      <c r="H177" s="276"/>
      <c r="I177" s="103" t="s">
        <v>160</v>
      </c>
      <c r="J177" s="193" t="s">
        <v>161</v>
      </c>
      <c r="K177" s="66"/>
      <c r="L177" s="87"/>
      <c r="M177" s="248"/>
      <c r="N177" s="248"/>
      <c r="O177" s="248"/>
      <c r="P177" s="248"/>
      <c r="Q177" s="248"/>
      <c r="R177" s="248"/>
      <c r="S177" s="248"/>
      <c r="T177" s="248"/>
      <c r="U177" s="248"/>
      <c r="V177" s="248"/>
      <c r="W177" s="248"/>
      <c r="X177" s="248"/>
      <c r="Y177" s="248"/>
      <c r="Z177" s="248"/>
      <c r="AA177" s="248"/>
      <c r="AB177" s="248"/>
      <c r="AC177" s="248"/>
      <c r="AD177" s="248"/>
      <c r="AE177" s="248"/>
      <c r="AF177" s="248"/>
      <c r="AG177" s="248"/>
      <c r="AH177" s="248"/>
      <c r="AI177" s="248"/>
      <c r="AJ177" s="248"/>
      <c r="AK177" s="248"/>
      <c r="AL177" s="248"/>
      <c r="AM177" s="248"/>
      <c r="AN177" s="248"/>
      <c r="AO177" s="248"/>
      <c r="AP177" s="248"/>
      <c r="AQ177" s="248"/>
      <c r="AR177" s="248"/>
      <c r="AS177" s="248"/>
      <c r="AT177" s="248"/>
      <c r="AU177" s="248"/>
      <c r="AV177" s="248"/>
      <c r="AW177" s="248"/>
      <c r="AX177" s="248"/>
      <c r="AY177" s="248"/>
      <c r="AZ177" s="248"/>
      <c r="BA177" s="248"/>
      <c r="BB177" s="248"/>
      <c r="BC177" s="248"/>
      <c r="BD177" s="248"/>
      <c r="BE177" s="248"/>
      <c r="BF177" s="248"/>
      <c r="BG177" s="248"/>
      <c r="BH177" s="248"/>
      <c r="BI177" s="248"/>
      <c r="BJ177" s="248"/>
      <c r="BK177" s="248"/>
      <c r="BL177" s="248"/>
      <c r="BM177" s="248"/>
      <c r="BN177" s="248"/>
      <c r="BO177" s="248"/>
      <c r="BP177" s="248"/>
      <c r="BQ177" s="248"/>
      <c r="BR177" s="248"/>
      <c r="BS177" s="248"/>
    </row>
    <row r="178" spans="1:71" s="67" customFormat="1" ht="56.1" customHeight="1">
      <c r="A178" s="179"/>
      <c r="B178" s="96"/>
      <c r="C178" s="301" t="s">
        <v>162</v>
      </c>
      <c r="D178" s="302"/>
      <c r="E178" s="302"/>
      <c r="F178" s="302"/>
      <c r="G178" s="302"/>
      <c r="H178" s="303"/>
      <c r="I178" s="103" t="s">
        <v>163</v>
      </c>
      <c r="J178" s="193" t="s">
        <v>149</v>
      </c>
      <c r="K178" s="66"/>
      <c r="L178" s="81"/>
      <c r="M178" s="248"/>
      <c r="N178" s="248"/>
      <c r="O178" s="248"/>
      <c r="P178" s="248"/>
      <c r="Q178" s="248"/>
      <c r="R178" s="248"/>
      <c r="S178" s="248"/>
      <c r="T178" s="248"/>
      <c r="U178" s="248"/>
      <c r="V178" s="248"/>
      <c r="W178" s="248"/>
      <c r="X178" s="248"/>
      <c r="Y178" s="248"/>
      <c r="Z178" s="248"/>
      <c r="AA178" s="248"/>
      <c r="AB178" s="248"/>
      <c r="AC178" s="248"/>
      <c r="AD178" s="248"/>
      <c r="AE178" s="248"/>
      <c r="AF178" s="248"/>
      <c r="AG178" s="248"/>
      <c r="AH178" s="248"/>
      <c r="AI178" s="248"/>
      <c r="AJ178" s="248"/>
      <c r="AK178" s="248"/>
      <c r="AL178" s="248"/>
      <c r="AM178" s="248"/>
      <c r="AN178" s="248"/>
      <c r="AO178" s="248"/>
      <c r="AP178" s="248"/>
      <c r="AQ178" s="248"/>
      <c r="AR178" s="248"/>
      <c r="AS178" s="248"/>
      <c r="AT178" s="248"/>
      <c r="AU178" s="248"/>
      <c r="AV178" s="248"/>
      <c r="AW178" s="248"/>
      <c r="AX178" s="248"/>
      <c r="AY178" s="248"/>
      <c r="AZ178" s="248"/>
      <c r="BA178" s="248"/>
      <c r="BB178" s="248"/>
      <c r="BC178" s="248"/>
      <c r="BD178" s="248"/>
      <c r="BE178" s="248"/>
      <c r="BF178" s="248"/>
      <c r="BG178" s="248"/>
      <c r="BH178" s="248"/>
      <c r="BI178" s="248"/>
      <c r="BJ178" s="248"/>
      <c r="BK178" s="248"/>
      <c r="BL178" s="248"/>
      <c r="BM178" s="248"/>
      <c r="BN178" s="248"/>
      <c r="BO178" s="248"/>
      <c r="BP178" s="248"/>
      <c r="BQ178" s="248"/>
      <c r="BR178" s="248"/>
      <c r="BS178" s="248"/>
    </row>
    <row r="179" spans="1:71" s="67" customFormat="1" ht="56.1" customHeight="1">
      <c r="A179" s="179"/>
      <c r="B179" s="96"/>
      <c r="C179" s="301" t="s">
        <v>164</v>
      </c>
      <c r="D179" s="302"/>
      <c r="E179" s="302"/>
      <c r="F179" s="302"/>
      <c r="G179" s="302"/>
      <c r="H179" s="303"/>
      <c r="I179" s="103" t="s">
        <v>165</v>
      </c>
      <c r="J179" s="193" t="s">
        <v>149</v>
      </c>
      <c r="K179" s="66"/>
      <c r="L179" s="81"/>
      <c r="M179" s="248"/>
      <c r="N179" s="248"/>
      <c r="O179" s="248"/>
      <c r="P179" s="248"/>
      <c r="Q179" s="248"/>
      <c r="R179" s="248"/>
      <c r="S179" s="248"/>
      <c r="T179" s="248"/>
      <c r="U179" s="248"/>
      <c r="V179" s="248"/>
      <c r="W179" s="248"/>
      <c r="X179" s="248"/>
      <c r="Y179" s="248"/>
      <c r="Z179" s="248"/>
      <c r="AA179" s="248"/>
      <c r="AB179" s="248"/>
      <c r="AC179" s="248"/>
      <c r="AD179" s="248"/>
      <c r="AE179" s="248"/>
      <c r="AF179" s="248"/>
      <c r="AG179" s="248"/>
      <c r="AH179" s="248"/>
      <c r="AI179" s="248"/>
      <c r="AJ179" s="248"/>
      <c r="AK179" s="248"/>
      <c r="AL179" s="248"/>
      <c r="AM179" s="248"/>
      <c r="AN179" s="248"/>
      <c r="AO179" s="248"/>
      <c r="AP179" s="248"/>
      <c r="AQ179" s="248"/>
      <c r="AR179" s="248"/>
      <c r="AS179" s="248"/>
      <c r="AT179" s="248"/>
      <c r="AU179" s="248"/>
      <c r="AV179" s="248"/>
      <c r="AW179" s="248"/>
      <c r="AX179" s="248"/>
      <c r="AY179" s="248"/>
      <c r="AZ179" s="248"/>
      <c r="BA179" s="248"/>
      <c r="BB179" s="248"/>
      <c r="BC179" s="248"/>
      <c r="BD179" s="248"/>
      <c r="BE179" s="248"/>
      <c r="BF179" s="248"/>
      <c r="BG179" s="248"/>
      <c r="BH179" s="248"/>
      <c r="BI179" s="248"/>
      <c r="BJ179" s="248"/>
      <c r="BK179" s="248"/>
      <c r="BL179" s="248"/>
      <c r="BM179" s="248"/>
      <c r="BN179" s="248"/>
      <c r="BO179" s="248"/>
      <c r="BP179" s="248"/>
      <c r="BQ179" s="248"/>
      <c r="BR179" s="248"/>
      <c r="BS179" s="248"/>
    </row>
    <row r="180" spans="1:71" s="67" customFormat="1" ht="56.1" customHeight="1">
      <c r="A180" s="179" t="s">
        <v>166</v>
      </c>
      <c r="B180" s="96"/>
      <c r="C180" s="274" t="s">
        <v>167</v>
      </c>
      <c r="D180" s="275"/>
      <c r="E180" s="275"/>
      <c r="F180" s="275"/>
      <c r="G180" s="275"/>
      <c r="H180" s="276"/>
      <c r="I180" s="103" t="s">
        <v>168</v>
      </c>
      <c r="J180" s="193" t="s">
        <v>149</v>
      </c>
      <c r="K180" s="66"/>
      <c r="L180" s="81"/>
      <c r="M180" s="248"/>
      <c r="N180" s="248"/>
      <c r="O180" s="248"/>
      <c r="P180" s="248"/>
      <c r="Q180" s="248"/>
      <c r="R180" s="248"/>
      <c r="S180" s="248"/>
      <c r="T180" s="248"/>
      <c r="U180" s="248"/>
      <c r="V180" s="248"/>
      <c r="W180" s="248"/>
      <c r="X180" s="248"/>
      <c r="Y180" s="248"/>
      <c r="Z180" s="248"/>
      <c r="AA180" s="248"/>
      <c r="AB180" s="248"/>
      <c r="AC180" s="248"/>
      <c r="AD180" s="248"/>
      <c r="AE180" s="248"/>
      <c r="AF180" s="248"/>
      <c r="AG180" s="248"/>
      <c r="AH180" s="248"/>
      <c r="AI180" s="248"/>
      <c r="AJ180" s="248"/>
      <c r="AK180" s="248"/>
      <c r="AL180" s="248"/>
      <c r="AM180" s="248"/>
      <c r="AN180" s="248"/>
      <c r="AO180" s="248"/>
      <c r="AP180" s="248"/>
      <c r="AQ180" s="248"/>
      <c r="AR180" s="248"/>
      <c r="AS180" s="248"/>
      <c r="AT180" s="248"/>
      <c r="AU180" s="248"/>
      <c r="AV180" s="248"/>
      <c r="AW180" s="248"/>
      <c r="AX180" s="248"/>
      <c r="AY180" s="248"/>
      <c r="AZ180" s="248"/>
      <c r="BA180" s="248"/>
      <c r="BB180" s="248"/>
      <c r="BC180" s="248"/>
      <c r="BD180" s="248"/>
      <c r="BE180" s="248"/>
      <c r="BF180" s="248"/>
      <c r="BG180" s="248"/>
      <c r="BH180" s="248"/>
      <c r="BI180" s="248"/>
      <c r="BJ180" s="248"/>
      <c r="BK180" s="248"/>
      <c r="BL180" s="248"/>
      <c r="BM180" s="248"/>
      <c r="BN180" s="248"/>
      <c r="BO180" s="248"/>
      <c r="BP180" s="248"/>
      <c r="BQ180" s="248"/>
      <c r="BR180" s="248"/>
      <c r="BS180" s="248"/>
    </row>
    <row r="181" spans="1:71" s="67" customFormat="1" ht="56.1" customHeight="1">
      <c r="A181" s="179" t="s">
        <v>169</v>
      </c>
      <c r="B181" s="96"/>
      <c r="C181" s="274" t="s">
        <v>170</v>
      </c>
      <c r="D181" s="275"/>
      <c r="E181" s="275"/>
      <c r="F181" s="275"/>
      <c r="G181" s="275"/>
      <c r="H181" s="276"/>
      <c r="I181" s="103" t="s">
        <v>171</v>
      </c>
      <c r="J181" s="193" t="s">
        <v>144</v>
      </c>
      <c r="K181" s="66"/>
      <c r="L181" s="83"/>
      <c r="M181" s="248"/>
      <c r="N181" s="248"/>
      <c r="O181" s="248"/>
      <c r="P181" s="248"/>
      <c r="Q181" s="248"/>
      <c r="R181" s="248"/>
      <c r="S181" s="248"/>
      <c r="T181" s="248"/>
      <c r="U181" s="248"/>
      <c r="V181" s="248"/>
      <c r="W181" s="248"/>
      <c r="X181" s="248"/>
      <c r="Y181" s="248"/>
      <c r="Z181" s="248"/>
      <c r="AA181" s="248"/>
      <c r="AB181" s="248"/>
      <c r="AC181" s="248"/>
      <c r="AD181" s="248"/>
      <c r="AE181" s="248"/>
      <c r="AF181" s="248"/>
      <c r="AG181" s="248"/>
      <c r="AH181" s="248"/>
      <c r="AI181" s="248"/>
      <c r="AJ181" s="248"/>
      <c r="AK181" s="248"/>
      <c r="AL181" s="248"/>
      <c r="AM181" s="248"/>
      <c r="AN181" s="248"/>
      <c r="AO181" s="248"/>
      <c r="AP181" s="248"/>
      <c r="AQ181" s="248"/>
      <c r="AR181" s="248"/>
      <c r="AS181" s="248"/>
      <c r="AT181" s="248"/>
      <c r="AU181" s="248"/>
      <c r="AV181" s="248"/>
      <c r="AW181" s="248"/>
      <c r="AX181" s="248"/>
      <c r="AY181" s="248"/>
      <c r="AZ181" s="248"/>
      <c r="BA181" s="248"/>
      <c r="BB181" s="248"/>
      <c r="BC181" s="248"/>
      <c r="BD181" s="248"/>
      <c r="BE181" s="248"/>
      <c r="BF181" s="248"/>
      <c r="BG181" s="248"/>
      <c r="BH181" s="248"/>
      <c r="BI181" s="248"/>
      <c r="BJ181" s="248"/>
      <c r="BK181" s="248"/>
      <c r="BL181" s="248"/>
      <c r="BM181" s="248"/>
      <c r="BN181" s="248"/>
      <c r="BO181" s="248"/>
      <c r="BP181" s="248"/>
      <c r="BQ181" s="248"/>
      <c r="BR181" s="248"/>
      <c r="BS181" s="248"/>
    </row>
    <row r="182" spans="1:71" s="74" customFormat="1">
      <c r="A182" s="178"/>
      <c r="B182" s="14"/>
      <c r="C182" s="14"/>
      <c r="D182" s="14"/>
      <c r="E182" s="14"/>
      <c r="F182" s="14"/>
      <c r="G182" s="14"/>
      <c r="H182" s="10"/>
      <c r="I182" s="10"/>
      <c r="J182" s="71"/>
      <c r="K182" s="72"/>
      <c r="L182" s="62"/>
      <c r="M182" s="62"/>
      <c r="N182" s="62"/>
      <c r="O182" s="62"/>
      <c r="P182" s="62"/>
      <c r="Q182" s="62"/>
    </row>
    <row r="183" spans="1:71" s="67" customFormat="1">
      <c r="A183" s="178"/>
      <c r="B183" s="68"/>
      <c r="C183" s="52"/>
      <c r="D183" s="52"/>
      <c r="E183" s="52"/>
      <c r="F183" s="52"/>
      <c r="G183" s="52"/>
      <c r="H183" s="75"/>
      <c r="I183" s="75"/>
      <c r="J183" s="71"/>
      <c r="K183" s="72"/>
      <c r="L183" s="73"/>
      <c r="M183" s="73"/>
      <c r="N183" s="73"/>
      <c r="O183" s="73"/>
      <c r="P183" s="73"/>
      <c r="Q183" s="73"/>
    </row>
    <row r="184" spans="1:71" s="74" customFormat="1">
      <c r="A184" s="178"/>
      <c r="B184" s="1"/>
      <c r="C184" s="3"/>
      <c r="D184" s="3"/>
      <c r="E184" s="3"/>
      <c r="F184" s="3"/>
      <c r="G184" s="3"/>
      <c r="H184" s="214"/>
      <c r="I184" s="214"/>
      <c r="J184" s="51"/>
      <c r="K184" s="24"/>
      <c r="L184" s="86"/>
      <c r="M184" s="86"/>
      <c r="N184" s="86"/>
      <c r="O184" s="86"/>
      <c r="P184" s="86"/>
      <c r="Q184" s="86"/>
    </row>
    <row r="185" spans="1:71">
      <c r="A185" s="178"/>
      <c r="B185" s="14" t="s">
        <v>172</v>
      </c>
      <c r="C185" s="14"/>
      <c r="D185" s="14"/>
      <c r="E185" s="14"/>
      <c r="F185" s="14"/>
      <c r="G185" s="14"/>
      <c r="H185" s="10"/>
      <c r="I185" s="10"/>
      <c r="J185" s="7"/>
      <c r="L185" s="104"/>
      <c r="M185" s="104"/>
      <c r="N185" s="104"/>
      <c r="O185" s="104"/>
      <c r="P185" s="104"/>
      <c r="Q185" s="104"/>
      <c r="R185" s="8"/>
      <c r="S185" s="8"/>
      <c r="T185" s="8"/>
      <c r="U185" s="8"/>
      <c r="V185" s="8"/>
    </row>
    <row r="186" spans="1:71">
      <c r="A186" s="178"/>
      <c r="B186" s="14"/>
      <c r="C186" s="14"/>
      <c r="D186" s="14"/>
      <c r="E186" s="14"/>
      <c r="F186" s="14"/>
      <c r="G186" s="14"/>
      <c r="H186" s="10"/>
      <c r="I186" s="10"/>
      <c r="L186" s="175"/>
      <c r="M186" s="175"/>
      <c r="N186" s="175"/>
      <c r="O186" s="175"/>
      <c r="P186" s="175"/>
      <c r="Q186" s="175"/>
      <c r="R186" s="8"/>
      <c r="S186" s="8"/>
      <c r="T186" s="8"/>
      <c r="U186" s="8"/>
      <c r="V186" s="8"/>
    </row>
    <row r="187" spans="1:71" ht="34.5" customHeight="1">
      <c r="A187" s="178"/>
      <c r="B187" s="14"/>
      <c r="C187" s="3"/>
      <c r="D187" s="3"/>
      <c r="F187" s="3"/>
      <c r="G187" s="3"/>
      <c r="H187" s="214"/>
      <c r="I187" s="214"/>
      <c r="J187" s="63" t="s">
        <v>81</v>
      </c>
      <c r="K187" s="64"/>
      <c r="L187" s="245" t="str">
        <f>IF(ISBLANK(L$9),"",L$9)</f>
        <v>4階病棟</v>
      </c>
      <c r="M187" s="249" t="str">
        <f t="shared" ref="M187:BS187" si="25">IF(ISBLANK(M$9),"",M$9)</f>
        <v>回復期リハビリテーション病棟</v>
      </c>
      <c r="N187" s="247" t="str">
        <f t="shared" si="25"/>
        <v>地域包括ケア病棟</v>
      </c>
      <c r="O187" s="247" t="str">
        <f t="shared" si="25"/>
        <v>地域包括ケア病棟サテライト</v>
      </c>
      <c r="P187" s="247" t="str">
        <f t="shared" si="25"/>
        <v>特殊疾患病棟</v>
      </c>
      <c r="Q187" s="247" t="str">
        <f t="shared" si="25"/>
        <v>療養病棟2階</v>
      </c>
      <c r="R187" s="247" t="str">
        <f t="shared" si="25"/>
        <v/>
      </c>
      <c r="S187" s="247" t="str">
        <f t="shared" si="25"/>
        <v/>
      </c>
      <c r="T187" s="247" t="str">
        <f t="shared" si="25"/>
        <v/>
      </c>
      <c r="U187" s="247" t="str">
        <f t="shared" si="25"/>
        <v/>
      </c>
      <c r="V187" s="247" t="str">
        <f t="shared" si="25"/>
        <v/>
      </c>
      <c r="W187" s="247" t="str">
        <f t="shared" si="25"/>
        <v/>
      </c>
      <c r="X187" s="247" t="str">
        <f t="shared" si="25"/>
        <v/>
      </c>
      <c r="Y187" s="247" t="str">
        <f t="shared" si="25"/>
        <v/>
      </c>
      <c r="Z187" s="247" t="str">
        <f t="shared" si="25"/>
        <v/>
      </c>
      <c r="AA187" s="247" t="str">
        <f t="shared" si="25"/>
        <v/>
      </c>
      <c r="AB187" s="247" t="str">
        <f t="shared" si="25"/>
        <v/>
      </c>
      <c r="AC187" s="247" t="str">
        <f t="shared" si="25"/>
        <v/>
      </c>
      <c r="AD187" s="247" t="str">
        <f t="shared" si="25"/>
        <v/>
      </c>
      <c r="AE187" s="247" t="str">
        <f t="shared" si="25"/>
        <v/>
      </c>
      <c r="AF187" s="247" t="str">
        <f t="shared" si="25"/>
        <v/>
      </c>
      <c r="AG187" s="247" t="str">
        <f t="shared" si="25"/>
        <v/>
      </c>
      <c r="AH187" s="247" t="str">
        <f t="shared" si="25"/>
        <v/>
      </c>
      <c r="AI187" s="247" t="str">
        <f t="shared" si="25"/>
        <v/>
      </c>
      <c r="AJ187" s="247" t="str">
        <f t="shared" si="25"/>
        <v/>
      </c>
      <c r="AK187" s="247" t="str">
        <f t="shared" si="25"/>
        <v/>
      </c>
      <c r="AL187" s="247" t="str">
        <f t="shared" si="25"/>
        <v/>
      </c>
      <c r="AM187" s="247" t="str">
        <f t="shared" si="25"/>
        <v/>
      </c>
      <c r="AN187" s="247" t="str">
        <f t="shared" si="25"/>
        <v/>
      </c>
      <c r="AO187" s="247" t="str">
        <f t="shared" si="25"/>
        <v/>
      </c>
      <c r="AP187" s="247" t="str">
        <f t="shared" si="25"/>
        <v/>
      </c>
      <c r="AQ187" s="247" t="str">
        <f t="shared" si="25"/>
        <v/>
      </c>
      <c r="AR187" s="247" t="str">
        <f t="shared" si="25"/>
        <v/>
      </c>
      <c r="AS187" s="247" t="str">
        <f t="shared" si="25"/>
        <v/>
      </c>
      <c r="AT187" s="247" t="str">
        <f t="shared" si="25"/>
        <v/>
      </c>
      <c r="AU187" s="247" t="str">
        <f t="shared" si="25"/>
        <v/>
      </c>
      <c r="AV187" s="247" t="str">
        <f t="shared" si="25"/>
        <v/>
      </c>
      <c r="AW187" s="247" t="str">
        <f t="shared" si="25"/>
        <v/>
      </c>
      <c r="AX187" s="247" t="str">
        <f t="shared" si="25"/>
        <v/>
      </c>
      <c r="AY187" s="247" t="str">
        <f t="shared" si="25"/>
        <v/>
      </c>
      <c r="AZ187" s="247" t="str">
        <f t="shared" si="25"/>
        <v/>
      </c>
      <c r="BA187" s="247" t="str">
        <f t="shared" si="25"/>
        <v/>
      </c>
      <c r="BB187" s="247" t="str">
        <f t="shared" si="25"/>
        <v/>
      </c>
      <c r="BC187" s="247" t="str">
        <f t="shared" si="25"/>
        <v/>
      </c>
      <c r="BD187" s="247" t="str">
        <f t="shared" si="25"/>
        <v/>
      </c>
      <c r="BE187" s="247" t="str">
        <f t="shared" si="25"/>
        <v/>
      </c>
      <c r="BF187" s="247" t="str">
        <f t="shared" si="25"/>
        <v/>
      </c>
      <c r="BG187" s="247" t="str">
        <f t="shared" si="25"/>
        <v/>
      </c>
      <c r="BH187" s="247" t="str">
        <f t="shared" si="25"/>
        <v/>
      </c>
      <c r="BI187" s="247" t="str">
        <f t="shared" si="25"/>
        <v/>
      </c>
      <c r="BJ187" s="247" t="str">
        <f t="shared" si="25"/>
        <v/>
      </c>
      <c r="BK187" s="247" t="str">
        <f t="shared" si="25"/>
        <v/>
      </c>
      <c r="BL187" s="247" t="str">
        <f t="shared" si="25"/>
        <v/>
      </c>
      <c r="BM187" s="247" t="str">
        <f t="shared" si="25"/>
        <v/>
      </c>
      <c r="BN187" s="247" t="str">
        <f t="shared" si="25"/>
        <v/>
      </c>
      <c r="BO187" s="247" t="str">
        <f t="shared" si="25"/>
        <v/>
      </c>
      <c r="BP187" s="247" t="str">
        <f t="shared" si="25"/>
        <v/>
      </c>
      <c r="BQ187" s="247" t="str">
        <f t="shared" si="25"/>
        <v/>
      </c>
      <c r="BR187" s="247" t="str">
        <f t="shared" si="25"/>
        <v/>
      </c>
      <c r="BS187" s="247" t="str">
        <f t="shared" si="25"/>
        <v/>
      </c>
    </row>
    <row r="188" spans="1:71" ht="20.25" customHeight="1">
      <c r="A188" s="178"/>
      <c r="B188" s="1"/>
      <c r="C188" s="52"/>
      <c r="D188" s="3"/>
      <c r="F188" s="3"/>
      <c r="G188" s="3"/>
      <c r="H188" s="214"/>
      <c r="I188" s="56" t="s">
        <v>82</v>
      </c>
      <c r="J188" s="57"/>
      <c r="K188" s="65"/>
      <c r="L188" s="59" t="str">
        <f>IF(ISBLANK(L$95),"",L$95)</f>
        <v>急性期</v>
      </c>
      <c r="M188" s="250" t="str">
        <f t="shared" ref="M188:BS188" si="26">IF(ISBLANK(M$95),"",M$95)</f>
        <v>回復期</v>
      </c>
      <c r="N188" s="59" t="str">
        <f t="shared" si="26"/>
        <v>回復期</v>
      </c>
      <c r="O188" s="59" t="str">
        <f t="shared" si="26"/>
        <v>休棟中（今後廃止する予定）</v>
      </c>
      <c r="P188" s="59" t="str">
        <f t="shared" si="26"/>
        <v>慢性期</v>
      </c>
      <c r="Q188" s="59" t="str">
        <f t="shared" si="26"/>
        <v>慢性期</v>
      </c>
      <c r="R188" s="59" t="str">
        <f t="shared" si="26"/>
        <v/>
      </c>
      <c r="S188" s="59" t="str">
        <f t="shared" si="26"/>
        <v/>
      </c>
      <c r="T188" s="59" t="str">
        <f t="shared" si="26"/>
        <v/>
      </c>
      <c r="U188" s="59" t="str">
        <f t="shared" si="26"/>
        <v/>
      </c>
      <c r="V188" s="59" t="str">
        <f t="shared" si="26"/>
        <v/>
      </c>
      <c r="W188" s="59" t="str">
        <f t="shared" si="26"/>
        <v/>
      </c>
      <c r="X188" s="59" t="str">
        <f t="shared" si="26"/>
        <v/>
      </c>
      <c r="Y188" s="59" t="str">
        <f t="shared" si="26"/>
        <v/>
      </c>
      <c r="Z188" s="59" t="str">
        <f t="shared" si="26"/>
        <v/>
      </c>
      <c r="AA188" s="59" t="str">
        <f t="shared" si="26"/>
        <v/>
      </c>
      <c r="AB188" s="59" t="str">
        <f t="shared" si="26"/>
        <v/>
      </c>
      <c r="AC188" s="59" t="str">
        <f t="shared" si="26"/>
        <v/>
      </c>
      <c r="AD188" s="59" t="str">
        <f t="shared" si="26"/>
        <v/>
      </c>
      <c r="AE188" s="59" t="str">
        <f t="shared" si="26"/>
        <v/>
      </c>
      <c r="AF188" s="59" t="str">
        <f t="shared" si="26"/>
        <v/>
      </c>
      <c r="AG188" s="59" t="str">
        <f t="shared" si="26"/>
        <v/>
      </c>
      <c r="AH188" s="59" t="str">
        <f t="shared" si="26"/>
        <v/>
      </c>
      <c r="AI188" s="59" t="str">
        <f t="shared" si="26"/>
        <v/>
      </c>
      <c r="AJ188" s="59" t="str">
        <f t="shared" si="26"/>
        <v/>
      </c>
      <c r="AK188" s="59" t="str">
        <f t="shared" si="26"/>
        <v/>
      </c>
      <c r="AL188" s="59" t="str">
        <f t="shared" si="26"/>
        <v/>
      </c>
      <c r="AM188" s="59" t="str">
        <f t="shared" si="26"/>
        <v/>
      </c>
      <c r="AN188" s="59" t="str">
        <f t="shared" si="26"/>
        <v/>
      </c>
      <c r="AO188" s="59" t="str">
        <f t="shared" si="26"/>
        <v/>
      </c>
      <c r="AP188" s="59" t="str">
        <f t="shared" si="26"/>
        <v/>
      </c>
      <c r="AQ188" s="59" t="str">
        <f t="shared" si="26"/>
        <v/>
      </c>
      <c r="AR188" s="59" t="str">
        <f t="shared" si="26"/>
        <v/>
      </c>
      <c r="AS188" s="59" t="str">
        <f t="shared" si="26"/>
        <v/>
      </c>
      <c r="AT188" s="59" t="str">
        <f t="shared" si="26"/>
        <v/>
      </c>
      <c r="AU188" s="59" t="str">
        <f t="shared" si="26"/>
        <v/>
      </c>
      <c r="AV188" s="59" t="str">
        <f t="shared" si="26"/>
        <v/>
      </c>
      <c r="AW188" s="59" t="str">
        <f t="shared" si="26"/>
        <v/>
      </c>
      <c r="AX188" s="59" t="str">
        <f t="shared" si="26"/>
        <v/>
      </c>
      <c r="AY188" s="59" t="str">
        <f t="shared" si="26"/>
        <v/>
      </c>
      <c r="AZ188" s="59" t="str">
        <f t="shared" si="26"/>
        <v/>
      </c>
      <c r="BA188" s="59" t="str">
        <f t="shared" si="26"/>
        <v/>
      </c>
      <c r="BB188" s="59" t="str">
        <f t="shared" si="26"/>
        <v/>
      </c>
      <c r="BC188" s="59" t="str">
        <f t="shared" si="26"/>
        <v/>
      </c>
      <c r="BD188" s="59" t="str">
        <f t="shared" si="26"/>
        <v/>
      </c>
      <c r="BE188" s="59" t="str">
        <f t="shared" si="26"/>
        <v/>
      </c>
      <c r="BF188" s="59" t="str">
        <f t="shared" si="26"/>
        <v/>
      </c>
      <c r="BG188" s="59" t="str">
        <f t="shared" si="26"/>
        <v/>
      </c>
      <c r="BH188" s="59" t="str">
        <f t="shared" si="26"/>
        <v/>
      </c>
      <c r="BI188" s="59" t="str">
        <f t="shared" si="26"/>
        <v/>
      </c>
      <c r="BJ188" s="59" t="str">
        <f t="shared" si="26"/>
        <v/>
      </c>
      <c r="BK188" s="59" t="str">
        <f t="shared" si="26"/>
        <v/>
      </c>
      <c r="BL188" s="59" t="str">
        <f t="shared" si="26"/>
        <v/>
      </c>
      <c r="BM188" s="59" t="str">
        <f t="shared" si="26"/>
        <v/>
      </c>
      <c r="BN188" s="59" t="str">
        <f t="shared" si="26"/>
        <v/>
      </c>
      <c r="BO188" s="59" t="str">
        <f t="shared" si="26"/>
        <v/>
      </c>
      <c r="BP188" s="59" t="str">
        <f t="shared" si="26"/>
        <v/>
      </c>
      <c r="BQ188" s="59" t="str">
        <f t="shared" si="26"/>
        <v/>
      </c>
      <c r="BR188" s="59" t="str">
        <f t="shared" si="26"/>
        <v/>
      </c>
      <c r="BS188" s="59" t="str">
        <f t="shared" si="26"/>
        <v/>
      </c>
    </row>
    <row r="189" spans="1:71" s="67" customFormat="1" ht="34.5" customHeight="1">
      <c r="A189" s="179" t="s">
        <v>173</v>
      </c>
      <c r="B189" s="68"/>
      <c r="C189" s="329" t="s">
        <v>174</v>
      </c>
      <c r="D189" s="331"/>
      <c r="E189" s="331"/>
      <c r="F189" s="331"/>
      <c r="G189" s="329" t="s">
        <v>175</v>
      </c>
      <c r="H189" s="329"/>
      <c r="I189" s="335" t="s">
        <v>176</v>
      </c>
      <c r="J189" s="198">
        <v>11</v>
      </c>
      <c r="K189" s="66" t="str">
        <f>IF(OR(COUNTIF(L189:BS189,"未確認")&gt;0,COUNTIF(L189:BS189,"~*")&gt;0),"※","")</f>
        <v/>
      </c>
      <c r="L189" s="106"/>
      <c r="M189" s="254"/>
      <c r="N189" s="254"/>
      <c r="O189" s="254"/>
      <c r="P189" s="254"/>
      <c r="Q189" s="254"/>
      <c r="R189" s="254"/>
      <c r="S189" s="254"/>
      <c r="T189" s="254"/>
      <c r="U189" s="254"/>
      <c r="V189" s="254"/>
      <c r="W189" s="254"/>
      <c r="X189" s="254"/>
      <c r="Y189" s="254"/>
      <c r="Z189" s="254"/>
      <c r="AA189" s="254"/>
      <c r="AB189" s="254"/>
      <c r="AC189" s="254"/>
      <c r="AD189" s="254"/>
      <c r="AE189" s="254"/>
      <c r="AF189" s="254"/>
      <c r="AG189" s="254"/>
      <c r="AH189" s="254"/>
      <c r="AI189" s="254"/>
      <c r="AJ189" s="254"/>
      <c r="AK189" s="254"/>
      <c r="AL189" s="254"/>
      <c r="AM189" s="254"/>
      <c r="AN189" s="254"/>
      <c r="AO189" s="254"/>
      <c r="AP189" s="254"/>
      <c r="AQ189" s="254"/>
      <c r="AR189" s="254"/>
      <c r="AS189" s="254"/>
      <c r="AT189" s="254"/>
      <c r="AU189" s="254"/>
      <c r="AV189" s="254"/>
      <c r="AW189" s="254"/>
      <c r="AX189" s="254"/>
      <c r="AY189" s="254"/>
      <c r="AZ189" s="254"/>
      <c r="BA189" s="254"/>
      <c r="BB189" s="254"/>
      <c r="BC189" s="254"/>
      <c r="BD189" s="254"/>
      <c r="BE189" s="254"/>
      <c r="BF189" s="254"/>
      <c r="BG189" s="254"/>
      <c r="BH189" s="254"/>
      <c r="BI189" s="254"/>
      <c r="BJ189" s="254"/>
      <c r="BK189" s="254"/>
      <c r="BL189" s="254"/>
      <c r="BM189" s="254"/>
      <c r="BN189" s="254"/>
      <c r="BO189" s="254"/>
      <c r="BP189" s="254"/>
      <c r="BQ189" s="254"/>
      <c r="BR189" s="254"/>
      <c r="BS189" s="254"/>
    </row>
    <row r="190" spans="1:71" s="67" customFormat="1" ht="34.5" customHeight="1">
      <c r="A190" s="179" t="s">
        <v>173</v>
      </c>
      <c r="B190" s="68"/>
      <c r="C190" s="331"/>
      <c r="D190" s="331"/>
      <c r="E190" s="331"/>
      <c r="F190" s="331"/>
      <c r="G190" s="329" t="s">
        <v>177</v>
      </c>
      <c r="H190" s="329"/>
      <c r="I190" s="336"/>
      <c r="J190" s="199">
        <v>3.6</v>
      </c>
      <c r="K190" s="66" t="str">
        <f t="shared" ref="K190:K216" si="27">IF(OR(COUNTIF(L190:BS190,"未確認")&gt;0,COUNTIF(L190:BS190,"~*")&gt;0),"※","")</f>
        <v/>
      </c>
      <c r="L190" s="107"/>
      <c r="M190" s="254"/>
      <c r="N190" s="254"/>
      <c r="O190" s="254"/>
      <c r="P190" s="254"/>
      <c r="Q190" s="254"/>
      <c r="R190" s="254"/>
      <c r="S190" s="254"/>
      <c r="T190" s="254"/>
      <c r="U190" s="254"/>
      <c r="V190" s="254"/>
      <c r="W190" s="254"/>
      <c r="X190" s="254"/>
      <c r="Y190" s="254"/>
      <c r="Z190" s="254"/>
      <c r="AA190" s="254"/>
      <c r="AB190" s="254"/>
      <c r="AC190" s="254"/>
      <c r="AD190" s="254"/>
      <c r="AE190" s="254"/>
      <c r="AF190" s="254"/>
      <c r="AG190" s="254"/>
      <c r="AH190" s="254"/>
      <c r="AI190" s="254"/>
      <c r="AJ190" s="254"/>
      <c r="AK190" s="254"/>
      <c r="AL190" s="254"/>
      <c r="AM190" s="254"/>
      <c r="AN190" s="254"/>
      <c r="AO190" s="254"/>
      <c r="AP190" s="254"/>
      <c r="AQ190" s="254"/>
      <c r="AR190" s="254"/>
      <c r="AS190" s="254"/>
      <c r="AT190" s="254"/>
      <c r="AU190" s="254"/>
      <c r="AV190" s="254"/>
      <c r="AW190" s="254"/>
      <c r="AX190" s="254"/>
      <c r="AY190" s="254"/>
      <c r="AZ190" s="254"/>
      <c r="BA190" s="254"/>
      <c r="BB190" s="254"/>
      <c r="BC190" s="254"/>
      <c r="BD190" s="254"/>
      <c r="BE190" s="254"/>
      <c r="BF190" s="254"/>
      <c r="BG190" s="254"/>
      <c r="BH190" s="254"/>
      <c r="BI190" s="254"/>
      <c r="BJ190" s="254"/>
      <c r="BK190" s="254"/>
      <c r="BL190" s="254"/>
      <c r="BM190" s="254"/>
      <c r="BN190" s="254"/>
      <c r="BO190" s="254"/>
      <c r="BP190" s="254"/>
      <c r="BQ190" s="254"/>
      <c r="BR190" s="254"/>
      <c r="BS190" s="254"/>
    </row>
    <row r="191" spans="1:71" s="67" customFormat="1" ht="34.5" customHeight="1">
      <c r="A191" s="179" t="s">
        <v>178</v>
      </c>
      <c r="B191" s="68"/>
      <c r="C191" s="329" t="s">
        <v>179</v>
      </c>
      <c r="D191" s="331"/>
      <c r="E191" s="331"/>
      <c r="F191" s="331"/>
      <c r="G191" s="329" t="s">
        <v>175</v>
      </c>
      <c r="H191" s="329"/>
      <c r="I191" s="336"/>
      <c r="J191" s="198">
        <v>0</v>
      </c>
      <c r="K191" s="66" t="str">
        <f t="shared" si="27"/>
        <v/>
      </c>
      <c r="L191" s="106"/>
      <c r="M191" s="254"/>
      <c r="N191" s="254"/>
      <c r="O191" s="254"/>
      <c r="P191" s="254"/>
      <c r="Q191" s="254"/>
      <c r="R191" s="254"/>
      <c r="S191" s="254"/>
      <c r="T191" s="254"/>
      <c r="U191" s="254"/>
      <c r="V191" s="254"/>
      <c r="W191" s="254"/>
      <c r="X191" s="254"/>
      <c r="Y191" s="254"/>
      <c r="Z191" s="254"/>
      <c r="AA191" s="254"/>
      <c r="AB191" s="254"/>
      <c r="AC191" s="254"/>
      <c r="AD191" s="254"/>
      <c r="AE191" s="254"/>
      <c r="AF191" s="254"/>
      <c r="AG191" s="254"/>
      <c r="AH191" s="254"/>
      <c r="AI191" s="254"/>
      <c r="AJ191" s="254"/>
      <c r="AK191" s="254"/>
      <c r="AL191" s="254"/>
      <c r="AM191" s="254"/>
      <c r="AN191" s="254"/>
      <c r="AO191" s="254"/>
      <c r="AP191" s="254"/>
      <c r="AQ191" s="254"/>
      <c r="AR191" s="254"/>
      <c r="AS191" s="254"/>
      <c r="AT191" s="254"/>
      <c r="AU191" s="254"/>
      <c r="AV191" s="254"/>
      <c r="AW191" s="254"/>
      <c r="AX191" s="254"/>
      <c r="AY191" s="254"/>
      <c r="AZ191" s="254"/>
      <c r="BA191" s="254"/>
      <c r="BB191" s="254"/>
      <c r="BC191" s="254"/>
      <c r="BD191" s="254"/>
      <c r="BE191" s="254"/>
      <c r="BF191" s="254"/>
      <c r="BG191" s="254"/>
      <c r="BH191" s="254"/>
      <c r="BI191" s="254"/>
      <c r="BJ191" s="254"/>
      <c r="BK191" s="254"/>
      <c r="BL191" s="254"/>
      <c r="BM191" s="254"/>
      <c r="BN191" s="254"/>
      <c r="BO191" s="254"/>
      <c r="BP191" s="254"/>
      <c r="BQ191" s="254"/>
      <c r="BR191" s="254"/>
      <c r="BS191" s="254"/>
    </row>
    <row r="192" spans="1:71" s="67" customFormat="1" ht="34.5" customHeight="1">
      <c r="A192" s="179" t="s">
        <v>178</v>
      </c>
      <c r="B192" s="68"/>
      <c r="C192" s="331"/>
      <c r="D192" s="331"/>
      <c r="E192" s="331"/>
      <c r="F192" s="331"/>
      <c r="G192" s="329" t="s">
        <v>177</v>
      </c>
      <c r="H192" s="329"/>
      <c r="I192" s="336"/>
      <c r="J192" s="199">
        <v>0</v>
      </c>
      <c r="K192" s="66" t="str">
        <f t="shared" si="27"/>
        <v/>
      </c>
      <c r="L192" s="107"/>
      <c r="M192" s="254"/>
      <c r="N192" s="254"/>
      <c r="O192" s="254"/>
      <c r="P192" s="254"/>
      <c r="Q192" s="254"/>
      <c r="R192" s="254"/>
      <c r="S192" s="254"/>
      <c r="T192" s="254"/>
      <c r="U192" s="254"/>
      <c r="V192" s="254"/>
      <c r="W192" s="254"/>
      <c r="X192" s="254"/>
      <c r="Y192" s="254"/>
      <c r="Z192" s="254"/>
      <c r="AA192" s="254"/>
      <c r="AB192" s="254"/>
      <c r="AC192" s="254"/>
      <c r="AD192" s="254"/>
      <c r="AE192" s="254"/>
      <c r="AF192" s="254"/>
      <c r="AG192" s="254"/>
      <c r="AH192" s="254"/>
      <c r="AI192" s="254"/>
      <c r="AJ192" s="254"/>
      <c r="AK192" s="254"/>
      <c r="AL192" s="254"/>
      <c r="AM192" s="254"/>
      <c r="AN192" s="254"/>
      <c r="AO192" s="254"/>
      <c r="AP192" s="254"/>
      <c r="AQ192" s="254"/>
      <c r="AR192" s="254"/>
      <c r="AS192" s="254"/>
      <c r="AT192" s="254"/>
      <c r="AU192" s="254"/>
      <c r="AV192" s="254"/>
      <c r="AW192" s="254"/>
      <c r="AX192" s="254"/>
      <c r="AY192" s="254"/>
      <c r="AZ192" s="254"/>
      <c r="BA192" s="254"/>
      <c r="BB192" s="254"/>
      <c r="BC192" s="254"/>
      <c r="BD192" s="254"/>
      <c r="BE192" s="254"/>
      <c r="BF192" s="254"/>
      <c r="BG192" s="254"/>
      <c r="BH192" s="254"/>
      <c r="BI192" s="254"/>
      <c r="BJ192" s="254"/>
      <c r="BK192" s="254"/>
      <c r="BL192" s="254"/>
      <c r="BM192" s="254"/>
      <c r="BN192" s="254"/>
      <c r="BO192" s="254"/>
      <c r="BP192" s="254"/>
      <c r="BQ192" s="254"/>
      <c r="BR192" s="254"/>
      <c r="BS192" s="254"/>
    </row>
    <row r="193" spans="1:71" s="67" customFormat="1" ht="34.5" customHeight="1">
      <c r="A193" s="183" t="s">
        <v>180</v>
      </c>
      <c r="B193" s="97"/>
      <c r="C193" s="329" t="s">
        <v>181</v>
      </c>
      <c r="D193" s="329"/>
      <c r="E193" s="329"/>
      <c r="F193" s="329"/>
      <c r="G193" s="329" t="s">
        <v>175</v>
      </c>
      <c r="H193" s="329"/>
      <c r="I193" s="336"/>
      <c r="J193" s="198">
        <f>IF(SUM(L193:BS193)=0,IF(COUNTIF(L193:BS193,"未確認")&gt;0,"未確認",IF(COUNTIF(L193:BS193,"~*")&gt;0,"*",SUM(L193:BS193))),SUM(L193:BS193))</f>
        <v>95</v>
      </c>
      <c r="K193" s="66" t="str">
        <f t="shared" si="27"/>
        <v/>
      </c>
      <c r="L193" s="108">
        <v>27</v>
      </c>
      <c r="M193" s="255">
        <v>17</v>
      </c>
      <c r="N193" s="255">
        <v>22</v>
      </c>
      <c r="O193" s="255">
        <v>0</v>
      </c>
      <c r="P193" s="255">
        <v>14</v>
      </c>
      <c r="Q193" s="255">
        <v>15</v>
      </c>
      <c r="R193" s="255"/>
      <c r="S193" s="255"/>
      <c r="T193" s="255"/>
      <c r="U193" s="255"/>
      <c r="V193" s="255"/>
      <c r="W193" s="255"/>
      <c r="X193" s="255"/>
      <c r="Y193" s="255"/>
      <c r="Z193" s="255"/>
      <c r="AA193" s="255"/>
      <c r="AB193" s="255"/>
      <c r="AC193" s="255"/>
      <c r="AD193" s="255"/>
      <c r="AE193" s="255"/>
      <c r="AF193" s="255"/>
      <c r="AG193" s="255"/>
      <c r="AH193" s="255"/>
      <c r="AI193" s="255"/>
      <c r="AJ193" s="255"/>
      <c r="AK193" s="255"/>
      <c r="AL193" s="255"/>
      <c r="AM193" s="255"/>
      <c r="AN193" s="255"/>
      <c r="AO193" s="255"/>
      <c r="AP193" s="255"/>
      <c r="AQ193" s="255"/>
      <c r="AR193" s="255"/>
      <c r="AS193" s="255"/>
      <c r="AT193" s="255"/>
      <c r="AU193" s="255"/>
      <c r="AV193" s="255"/>
      <c r="AW193" s="255"/>
      <c r="AX193" s="255"/>
      <c r="AY193" s="255"/>
      <c r="AZ193" s="255"/>
      <c r="BA193" s="255"/>
      <c r="BB193" s="255"/>
      <c r="BC193" s="255"/>
      <c r="BD193" s="255"/>
      <c r="BE193" s="255"/>
      <c r="BF193" s="255"/>
      <c r="BG193" s="255"/>
      <c r="BH193" s="255"/>
      <c r="BI193" s="255"/>
      <c r="BJ193" s="255"/>
      <c r="BK193" s="255"/>
      <c r="BL193" s="255"/>
      <c r="BM193" s="255"/>
      <c r="BN193" s="255"/>
      <c r="BO193" s="255"/>
      <c r="BP193" s="255"/>
      <c r="BQ193" s="255"/>
      <c r="BR193" s="255"/>
      <c r="BS193" s="255"/>
    </row>
    <row r="194" spans="1:71" s="67" customFormat="1" ht="34.5" customHeight="1">
      <c r="A194" s="183" t="s">
        <v>180</v>
      </c>
      <c r="B194" s="97"/>
      <c r="C194" s="329"/>
      <c r="D194" s="329"/>
      <c r="E194" s="329"/>
      <c r="F194" s="329"/>
      <c r="G194" s="329" t="s">
        <v>177</v>
      </c>
      <c r="H194" s="329"/>
      <c r="I194" s="336"/>
      <c r="J194" s="199">
        <f t="shared" ref="J194:J216" si="28">IF(SUM(L194:BS194)=0,IF(COUNTIF(L194:BS194,"未確認")&gt;0,"未確認",IF(COUNTIF(L194:BS194,"~*")&gt;0,"*",SUM(L194:BS194))),SUM(L194:BS194))</f>
        <v>3</v>
      </c>
      <c r="K194" s="273" t="str">
        <f t="shared" si="27"/>
        <v/>
      </c>
      <c r="L194" s="109">
        <v>0</v>
      </c>
      <c r="M194" s="254">
        <v>0.9</v>
      </c>
      <c r="N194" s="254">
        <v>0.5</v>
      </c>
      <c r="O194" s="254">
        <v>0</v>
      </c>
      <c r="P194" s="254">
        <v>0.8</v>
      </c>
      <c r="Q194" s="254">
        <v>0.8</v>
      </c>
      <c r="R194" s="254"/>
      <c r="S194" s="254"/>
      <c r="T194" s="254"/>
      <c r="U194" s="254"/>
      <c r="V194" s="254"/>
      <c r="W194" s="254"/>
      <c r="X194" s="254"/>
      <c r="Y194" s="254"/>
      <c r="Z194" s="254"/>
      <c r="AA194" s="254"/>
      <c r="AB194" s="254"/>
      <c r="AC194" s="254"/>
      <c r="AD194" s="254"/>
      <c r="AE194" s="254"/>
      <c r="AF194" s="254"/>
      <c r="AG194" s="254"/>
      <c r="AH194" s="254"/>
      <c r="AI194" s="254"/>
      <c r="AJ194" s="254"/>
      <c r="AK194" s="254"/>
      <c r="AL194" s="254"/>
      <c r="AM194" s="254"/>
      <c r="AN194" s="254"/>
      <c r="AO194" s="254"/>
      <c r="AP194" s="254"/>
      <c r="AQ194" s="254"/>
      <c r="AR194" s="254"/>
      <c r="AS194" s="254"/>
      <c r="AT194" s="254"/>
      <c r="AU194" s="254"/>
      <c r="AV194" s="254"/>
      <c r="AW194" s="254"/>
      <c r="AX194" s="254"/>
      <c r="AY194" s="254"/>
      <c r="AZ194" s="254"/>
      <c r="BA194" s="254"/>
      <c r="BB194" s="254"/>
      <c r="BC194" s="254"/>
      <c r="BD194" s="254"/>
      <c r="BE194" s="254"/>
      <c r="BF194" s="254"/>
      <c r="BG194" s="254"/>
      <c r="BH194" s="254"/>
      <c r="BI194" s="254"/>
      <c r="BJ194" s="254"/>
      <c r="BK194" s="254"/>
      <c r="BL194" s="254"/>
      <c r="BM194" s="254"/>
      <c r="BN194" s="254"/>
      <c r="BO194" s="254"/>
      <c r="BP194" s="254"/>
      <c r="BQ194" s="254"/>
      <c r="BR194" s="254"/>
      <c r="BS194" s="254"/>
    </row>
    <row r="195" spans="1:71" s="67" customFormat="1" ht="34.5" customHeight="1">
      <c r="A195" s="183" t="s">
        <v>182</v>
      </c>
      <c r="B195" s="97"/>
      <c r="C195" s="329" t="s">
        <v>183</v>
      </c>
      <c r="D195" s="330"/>
      <c r="E195" s="330"/>
      <c r="F195" s="330"/>
      <c r="G195" s="329" t="s">
        <v>175</v>
      </c>
      <c r="H195" s="329"/>
      <c r="I195" s="336"/>
      <c r="J195" s="198">
        <f t="shared" si="28"/>
        <v>4</v>
      </c>
      <c r="K195" s="66" t="str">
        <f t="shared" si="27"/>
        <v/>
      </c>
      <c r="L195" s="108">
        <v>0</v>
      </c>
      <c r="M195" s="255">
        <v>2</v>
      </c>
      <c r="N195" s="255">
        <v>1</v>
      </c>
      <c r="O195" s="255">
        <v>0</v>
      </c>
      <c r="P195" s="255">
        <v>1</v>
      </c>
      <c r="Q195" s="255">
        <v>0</v>
      </c>
      <c r="R195" s="255"/>
      <c r="S195" s="255"/>
      <c r="T195" s="255"/>
      <c r="U195" s="255"/>
      <c r="V195" s="255"/>
      <c r="W195" s="255"/>
      <c r="X195" s="255"/>
      <c r="Y195" s="255"/>
      <c r="Z195" s="255"/>
      <c r="AA195" s="255"/>
      <c r="AB195" s="255"/>
      <c r="AC195" s="255"/>
      <c r="AD195" s="255"/>
      <c r="AE195" s="255"/>
      <c r="AF195" s="255"/>
      <c r="AG195" s="255"/>
      <c r="AH195" s="255"/>
      <c r="AI195" s="255"/>
      <c r="AJ195" s="255"/>
      <c r="AK195" s="255"/>
      <c r="AL195" s="255"/>
      <c r="AM195" s="255"/>
      <c r="AN195" s="255"/>
      <c r="AO195" s="255"/>
      <c r="AP195" s="255"/>
      <c r="AQ195" s="255"/>
      <c r="AR195" s="255"/>
      <c r="AS195" s="255"/>
      <c r="AT195" s="255"/>
      <c r="AU195" s="255"/>
      <c r="AV195" s="255"/>
      <c r="AW195" s="255"/>
      <c r="AX195" s="255"/>
      <c r="AY195" s="255"/>
      <c r="AZ195" s="255"/>
      <c r="BA195" s="255"/>
      <c r="BB195" s="255"/>
      <c r="BC195" s="255"/>
      <c r="BD195" s="255"/>
      <c r="BE195" s="255"/>
      <c r="BF195" s="255"/>
      <c r="BG195" s="255"/>
      <c r="BH195" s="255"/>
      <c r="BI195" s="255"/>
      <c r="BJ195" s="255"/>
      <c r="BK195" s="255"/>
      <c r="BL195" s="255"/>
      <c r="BM195" s="255"/>
      <c r="BN195" s="255"/>
      <c r="BO195" s="255"/>
      <c r="BP195" s="255"/>
      <c r="BQ195" s="255"/>
      <c r="BR195" s="255"/>
      <c r="BS195" s="255"/>
    </row>
    <row r="196" spans="1:71" s="67" customFormat="1" ht="34.5" customHeight="1">
      <c r="A196" s="183" t="s">
        <v>182</v>
      </c>
      <c r="B196" s="97"/>
      <c r="C196" s="330"/>
      <c r="D196" s="330"/>
      <c r="E196" s="330"/>
      <c r="F196" s="330"/>
      <c r="G196" s="329" t="s">
        <v>177</v>
      </c>
      <c r="H196" s="329"/>
      <c r="I196" s="336"/>
      <c r="J196" s="199">
        <f t="shared" si="28"/>
        <v>0</v>
      </c>
      <c r="K196" s="273" t="str">
        <f t="shared" si="27"/>
        <v/>
      </c>
      <c r="L196" s="109">
        <v>0</v>
      </c>
      <c r="M196" s="254">
        <v>0</v>
      </c>
      <c r="N196" s="254">
        <v>0</v>
      </c>
      <c r="O196" s="254">
        <v>0</v>
      </c>
      <c r="P196" s="254">
        <v>0</v>
      </c>
      <c r="Q196" s="254">
        <v>0</v>
      </c>
      <c r="R196" s="254"/>
      <c r="S196" s="254"/>
      <c r="T196" s="254"/>
      <c r="U196" s="254"/>
      <c r="V196" s="254"/>
      <c r="W196" s="254"/>
      <c r="X196" s="254"/>
      <c r="Y196" s="254"/>
      <c r="Z196" s="254"/>
      <c r="AA196" s="254"/>
      <c r="AB196" s="254"/>
      <c r="AC196" s="254"/>
      <c r="AD196" s="254"/>
      <c r="AE196" s="254"/>
      <c r="AF196" s="254"/>
      <c r="AG196" s="254"/>
      <c r="AH196" s="254"/>
      <c r="AI196" s="254"/>
      <c r="AJ196" s="254"/>
      <c r="AK196" s="254"/>
      <c r="AL196" s="254"/>
      <c r="AM196" s="254"/>
      <c r="AN196" s="254"/>
      <c r="AO196" s="254"/>
      <c r="AP196" s="254"/>
      <c r="AQ196" s="254"/>
      <c r="AR196" s="254"/>
      <c r="AS196" s="254"/>
      <c r="AT196" s="254"/>
      <c r="AU196" s="254"/>
      <c r="AV196" s="254"/>
      <c r="AW196" s="254"/>
      <c r="AX196" s="254"/>
      <c r="AY196" s="254"/>
      <c r="AZ196" s="254"/>
      <c r="BA196" s="254"/>
      <c r="BB196" s="254"/>
      <c r="BC196" s="254"/>
      <c r="BD196" s="254"/>
      <c r="BE196" s="254"/>
      <c r="BF196" s="254"/>
      <c r="BG196" s="254"/>
      <c r="BH196" s="254"/>
      <c r="BI196" s="254"/>
      <c r="BJ196" s="254"/>
      <c r="BK196" s="254"/>
      <c r="BL196" s="254"/>
      <c r="BM196" s="254"/>
      <c r="BN196" s="254"/>
      <c r="BO196" s="254"/>
      <c r="BP196" s="254"/>
      <c r="BQ196" s="254"/>
      <c r="BR196" s="254"/>
      <c r="BS196" s="254"/>
    </row>
    <row r="197" spans="1:71" s="67" customFormat="1" ht="34.5" customHeight="1">
      <c r="A197" s="183" t="s">
        <v>184</v>
      </c>
      <c r="B197" s="97"/>
      <c r="C197" s="329" t="s">
        <v>185</v>
      </c>
      <c r="D197" s="330"/>
      <c r="E197" s="330"/>
      <c r="F197" s="330"/>
      <c r="G197" s="329" t="s">
        <v>175</v>
      </c>
      <c r="H197" s="329"/>
      <c r="I197" s="336"/>
      <c r="J197" s="198">
        <f t="shared" si="28"/>
        <v>35</v>
      </c>
      <c r="K197" s="66" t="str">
        <f t="shared" si="27"/>
        <v/>
      </c>
      <c r="L197" s="108">
        <v>5</v>
      </c>
      <c r="M197" s="255">
        <v>8</v>
      </c>
      <c r="N197" s="255">
        <v>4</v>
      </c>
      <c r="O197" s="255">
        <v>0</v>
      </c>
      <c r="P197" s="255">
        <v>9</v>
      </c>
      <c r="Q197" s="255">
        <v>9</v>
      </c>
      <c r="R197" s="255"/>
      <c r="S197" s="255"/>
      <c r="T197" s="255"/>
      <c r="U197" s="255"/>
      <c r="V197" s="255"/>
      <c r="W197" s="255"/>
      <c r="X197" s="255"/>
      <c r="Y197" s="255"/>
      <c r="Z197" s="255"/>
      <c r="AA197" s="255"/>
      <c r="AB197" s="255"/>
      <c r="AC197" s="255"/>
      <c r="AD197" s="255"/>
      <c r="AE197" s="255"/>
      <c r="AF197" s="255"/>
      <c r="AG197" s="255"/>
      <c r="AH197" s="255"/>
      <c r="AI197" s="255"/>
      <c r="AJ197" s="255"/>
      <c r="AK197" s="255"/>
      <c r="AL197" s="255"/>
      <c r="AM197" s="255"/>
      <c r="AN197" s="255"/>
      <c r="AO197" s="255"/>
      <c r="AP197" s="255"/>
      <c r="AQ197" s="255"/>
      <c r="AR197" s="255"/>
      <c r="AS197" s="255"/>
      <c r="AT197" s="255"/>
      <c r="AU197" s="255"/>
      <c r="AV197" s="255"/>
      <c r="AW197" s="255"/>
      <c r="AX197" s="255"/>
      <c r="AY197" s="255"/>
      <c r="AZ197" s="255"/>
      <c r="BA197" s="255"/>
      <c r="BB197" s="255"/>
      <c r="BC197" s="255"/>
      <c r="BD197" s="255"/>
      <c r="BE197" s="255"/>
      <c r="BF197" s="255"/>
      <c r="BG197" s="255"/>
      <c r="BH197" s="255"/>
      <c r="BI197" s="255"/>
      <c r="BJ197" s="255"/>
      <c r="BK197" s="255"/>
      <c r="BL197" s="255"/>
      <c r="BM197" s="255"/>
      <c r="BN197" s="255"/>
      <c r="BO197" s="255"/>
      <c r="BP197" s="255"/>
      <c r="BQ197" s="255"/>
      <c r="BR197" s="255"/>
      <c r="BS197" s="255"/>
    </row>
    <row r="198" spans="1:71" s="67" customFormat="1" ht="34.5" customHeight="1">
      <c r="A198" s="183" t="s">
        <v>184</v>
      </c>
      <c r="B198" s="97"/>
      <c r="C198" s="330"/>
      <c r="D198" s="330"/>
      <c r="E198" s="330"/>
      <c r="F198" s="330"/>
      <c r="G198" s="329" t="s">
        <v>177</v>
      </c>
      <c r="H198" s="329"/>
      <c r="I198" s="336"/>
      <c r="J198" s="199">
        <f t="shared" si="28"/>
        <v>1.4000000000000001</v>
      </c>
      <c r="K198" s="273" t="str">
        <f t="shared" si="27"/>
        <v/>
      </c>
      <c r="L198" s="109">
        <v>0.4</v>
      </c>
      <c r="M198" s="254">
        <v>0</v>
      </c>
      <c r="N198" s="254">
        <v>0.2</v>
      </c>
      <c r="O198" s="254">
        <v>0</v>
      </c>
      <c r="P198" s="254">
        <v>0.8</v>
      </c>
      <c r="Q198" s="254">
        <v>0</v>
      </c>
      <c r="R198" s="254"/>
      <c r="S198" s="254"/>
      <c r="T198" s="254"/>
      <c r="U198" s="254"/>
      <c r="V198" s="254"/>
      <c r="W198" s="254"/>
      <c r="X198" s="254"/>
      <c r="Y198" s="254"/>
      <c r="Z198" s="254"/>
      <c r="AA198" s="254"/>
      <c r="AB198" s="254"/>
      <c r="AC198" s="254"/>
      <c r="AD198" s="254"/>
      <c r="AE198" s="254"/>
      <c r="AF198" s="254"/>
      <c r="AG198" s="254"/>
      <c r="AH198" s="254"/>
      <c r="AI198" s="254"/>
      <c r="AJ198" s="254"/>
      <c r="AK198" s="254"/>
      <c r="AL198" s="254"/>
      <c r="AM198" s="254"/>
      <c r="AN198" s="254"/>
      <c r="AO198" s="254"/>
      <c r="AP198" s="254"/>
      <c r="AQ198" s="254"/>
      <c r="AR198" s="254"/>
      <c r="AS198" s="254"/>
      <c r="AT198" s="254"/>
      <c r="AU198" s="254"/>
      <c r="AV198" s="254"/>
      <c r="AW198" s="254"/>
      <c r="AX198" s="254"/>
      <c r="AY198" s="254"/>
      <c r="AZ198" s="254"/>
      <c r="BA198" s="254"/>
      <c r="BB198" s="254"/>
      <c r="BC198" s="254"/>
      <c r="BD198" s="254"/>
      <c r="BE198" s="254"/>
      <c r="BF198" s="254"/>
      <c r="BG198" s="254"/>
      <c r="BH198" s="254"/>
      <c r="BI198" s="254"/>
      <c r="BJ198" s="254"/>
      <c r="BK198" s="254"/>
      <c r="BL198" s="254"/>
      <c r="BM198" s="254"/>
      <c r="BN198" s="254"/>
      <c r="BO198" s="254"/>
      <c r="BP198" s="254"/>
      <c r="BQ198" s="254"/>
      <c r="BR198" s="254"/>
      <c r="BS198" s="254"/>
    </row>
    <row r="199" spans="1:71" s="67" customFormat="1" ht="34.5" customHeight="1">
      <c r="A199" s="183" t="s">
        <v>186</v>
      </c>
      <c r="B199" s="97"/>
      <c r="C199" s="329" t="s">
        <v>187</v>
      </c>
      <c r="D199" s="330"/>
      <c r="E199" s="330"/>
      <c r="F199" s="330"/>
      <c r="G199" s="329" t="s">
        <v>175</v>
      </c>
      <c r="H199" s="329"/>
      <c r="I199" s="336"/>
      <c r="J199" s="198">
        <f t="shared" si="28"/>
        <v>0</v>
      </c>
      <c r="K199" s="66" t="str">
        <f t="shared" si="27"/>
        <v/>
      </c>
      <c r="L199" s="108">
        <v>0</v>
      </c>
      <c r="M199" s="255">
        <v>0</v>
      </c>
      <c r="N199" s="255">
        <v>0</v>
      </c>
      <c r="O199" s="255">
        <v>0</v>
      </c>
      <c r="P199" s="255">
        <v>0</v>
      </c>
      <c r="Q199" s="255">
        <v>0</v>
      </c>
      <c r="R199" s="255"/>
      <c r="S199" s="255"/>
      <c r="T199" s="255"/>
      <c r="U199" s="255"/>
      <c r="V199" s="255"/>
      <c r="W199" s="255"/>
      <c r="X199" s="255"/>
      <c r="Y199" s="255"/>
      <c r="Z199" s="255"/>
      <c r="AA199" s="255"/>
      <c r="AB199" s="255"/>
      <c r="AC199" s="255"/>
      <c r="AD199" s="255"/>
      <c r="AE199" s="255"/>
      <c r="AF199" s="255"/>
      <c r="AG199" s="255"/>
      <c r="AH199" s="255"/>
      <c r="AI199" s="255"/>
      <c r="AJ199" s="255"/>
      <c r="AK199" s="255"/>
      <c r="AL199" s="255"/>
      <c r="AM199" s="255"/>
      <c r="AN199" s="255"/>
      <c r="AO199" s="255"/>
      <c r="AP199" s="255"/>
      <c r="AQ199" s="255"/>
      <c r="AR199" s="255"/>
      <c r="AS199" s="255"/>
      <c r="AT199" s="255"/>
      <c r="AU199" s="255"/>
      <c r="AV199" s="255"/>
      <c r="AW199" s="255"/>
      <c r="AX199" s="255"/>
      <c r="AY199" s="255"/>
      <c r="AZ199" s="255"/>
      <c r="BA199" s="255"/>
      <c r="BB199" s="255"/>
      <c r="BC199" s="255"/>
      <c r="BD199" s="255"/>
      <c r="BE199" s="255"/>
      <c r="BF199" s="255"/>
      <c r="BG199" s="255"/>
      <c r="BH199" s="255"/>
      <c r="BI199" s="255"/>
      <c r="BJ199" s="255"/>
      <c r="BK199" s="255"/>
      <c r="BL199" s="255"/>
      <c r="BM199" s="255"/>
      <c r="BN199" s="255"/>
      <c r="BO199" s="255"/>
      <c r="BP199" s="255"/>
      <c r="BQ199" s="255"/>
      <c r="BR199" s="255"/>
      <c r="BS199" s="255"/>
    </row>
    <row r="200" spans="1:71" s="67" customFormat="1" ht="34.5" customHeight="1">
      <c r="A200" s="183" t="s">
        <v>186</v>
      </c>
      <c r="B200" s="68"/>
      <c r="C200" s="330"/>
      <c r="D200" s="330"/>
      <c r="E200" s="330"/>
      <c r="F200" s="330"/>
      <c r="G200" s="329" t="s">
        <v>177</v>
      </c>
      <c r="H200" s="329"/>
      <c r="I200" s="336"/>
      <c r="J200" s="199">
        <f t="shared" si="28"/>
        <v>0</v>
      </c>
      <c r="K200" s="273" t="str">
        <f t="shared" si="27"/>
        <v/>
      </c>
      <c r="L200" s="109">
        <v>0</v>
      </c>
      <c r="M200" s="254">
        <v>0</v>
      </c>
      <c r="N200" s="254">
        <v>0</v>
      </c>
      <c r="O200" s="254">
        <v>0</v>
      </c>
      <c r="P200" s="254">
        <v>0</v>
      </c>
      <c r="Q200" s="254">
        <v>0</v>
      </c>
      <c r="R200" s="254"/>
      <c r="S200" s="254"/>
      <c r="T200" s="254"/>
      <c r="U200" s="254"/>
      <c r="V200" s="254"/>
      <c r="W200" s="254"/>
      <c r="X200" s="254"/>
      <c r="Y200" s="254"/>
      <c r="Z200" s="254"/>
      <c r="AA200" s="254"/>
      <c r="AB200" s="254"/>
      <c r="AC200" s="254"/>
      <c r="AD200" s="254"/>
      <c r="AE200" s="254"/>
      <c r="AF200" s="254"/>
      <c r="AG200" s="254"/>
      <c r="AH200" s="254"/>
      <c r="AI200" s="254"/>
      <c r="AJ200" s="254"/>
      <c r="AK200" s="254"/>
      <c r="AL200" s="254"/>
      <c r="AM200" s="254"/>
      <c r="AN200" s="254"/>
      <c r="AO200" s="254"/>
      <c r="AP200" s="254"/>
      <c r="AQ200" s="254"/>
      <c r="AR200" s="254"/>
      <c r="AS200" s="254"/>
      <c r="AT200" s="254"/>
      <c r="AU200" s="254"/>
      <c r="AV200" s="254"/>
      <c r="AW200" s="254"/>
      <c r="AX200" s="254"/>
      <c r="AY200" s="254"/>
      <c r="AZ200" s="254"/>
      <c r="BA200" s="254"/>
      <c r="BB200" s="254"/>
      <c r="BC200" s="254"/>
      <c r="BD200" s="254"/>
      <c r="BE200" s="254"/>
      <c r="BF200" s="254"/>
      <c r="BG200" s="254"/>
      <c r="BH200" s="254"/>
      <c r="BI200" s="254"/>
      <c r="BJ200" s="254"/>
      <c r="BK200" s="254"/>
      <c r="BL200" s="254"/>
      <c r="BM200" s="254"/>
      <c r="BN200" s="254"/>
      <c r="BO200" s="254"/>
      <c r="BP200" s="254"/>
      <c r="BQ200" s="254"/>
      <c r="BR200" s="254"/>
      <c r="BS200" s="254"/>
    </row>
    <row r="201" spans="1:71" s="67" customFormat="1" ht="34.5" customHeight="1">
      <c r="A201" s="183" t="s">
        <v>188</v>
      </c>
      <c r="B201" s="68"/>
      <c r="C201" s="329" t="s">
        <v>189</v>
      </c>
      <c r="D201" s="330"/>
      <c r="E201" s="330"/>
      <c r="F201" s="330"/>
      <c r="G201" s="329" t="s">
        <v>175</v>
      </c>
      <c r="H201" s="329"/>
      <c r="I201" s="336"/>
      <c r="J201" s="198">
        <f t="shared" si="28"/>
        <v>3</v>
      </c>
      <c r="K201" s="66" t="str">
        <f t="shared" si="27"/>
        <v/>
      </c>
      <c r="L201" s="108">
        <v>0</v>
      </c>
      <c r="M201" s="255">
        <v>3</v>
      </c>
      <c r="N201" s="255">
        <v>0</v>
      </c>
      <c r="O201" s="255">
        <v>0</v>
      </c>
      <c r="P201" s="255">
        <v>0</v>
      </c>
      <c r="Q201" s="255">
        <v>0</v>
      </c>
      <c r="R201" s="255"/>
      <c r="S201" s="255"/>
      <c r="T201" s="255"/>
      <c r="U201" s="255"/>
      <c r="V201" s="255"/>
      <c r="W201" s="255"/>
      <c r="X201" s="255"/>
      <c r="Y201" s="255"/>
      <c r="Z201" s="255"/>
      <c r="AA201" s="255"/>
      <c r="AB201" s="255"/>
      <c r="AC201" s="255"/>
      <c r="AD201" s="255"/>
      <c r="AE201" s="255"/>
      <c r="AF201" s="255"/>
      <c r="AG201" s="255"/>
      <c r="AH201" s="255"/>
      <c r="AI201" s="255"/>
      <c r="AJ201" s="255"/>
      <c r="AK201" s="255"/>
      <c r="AL201" s="255"/>
      <c r="AM201" s="255"/>
      <c r="AN201" s="255"/>
      <c r="AO201" s="255"/>
      <c r="AP201" s="255"/>
      <c r="AQ201" s="255"/>
      <c r="AR201" s="255"/>
      <c r="AS201" s="255"/>
      <c r="AT201" s="255"/>
      <c r="AU201" s="255"/>
      <c r="AV201" s="255"/>
      <c r="AW201" s="255"/>
      <c r="AX201" s="255"/>
      <c r="AY201" s="255"/>
      <c r="AZ201" s="255"/>
      <c r="BA201" s="255"/>
      <c r="BB201" s="255"/>
      <c r="BC201" s="255"/>
      <c r="BD201" s="255"/>
      <c r="BE201" s="255"/>
      <c r="BF201" s="255"/>
      <c r="BG201" s="255"/>
      <c r="BH201" s="255"/>
      <c r="BI201" s="255"/>
      <c r="BJ201" s="255"/>
      <c r="BK201" s="255"/>
      <c r="BL201" s="255"/>
      <c r="BM201" s="255"/>
      <c r="BN201" s="255"/>
      <c r="BO201" s="255"/>
      <c r="BP201" s="255"/>
      <c r="BQ201" s="255"/>
      <c r="BR201" s="255"/>
      <c r="BS201" s="255"/>
    </row>
    <row r="202" spans="1:71" s="67" customFormat="1" ht="34.5" customHeight="1">
      <c r="A202" s="183" t="s">
        <v>188</v>
      </c>
      <c r="B202" s="68"/>
      <c r="C202" s="330"/>
      <c r="D202" s="330"/>
      <c r="E202" s="330"/>
      <c r="F202" s="330"/>
      <c r="G202" s="329" t="s">
        <v>177</v>
      </c>
      <c r="H202" s="329"/>
      <c r="I202" s="336"/>
      <c r="J202" s="199">
        <f t="shared" si="28"/>
        <v>0</v>
      </c>
      <c r="K202" s="273" t="str">
        <f t="shared" si="27"/>
        <v/>
      </c>
      <c r="L202" s="109">
        <v>0</v>
      </c>
      <c r="M202" s="254">
        <v>0</v>
      </c>
      <c r="N202" s="254">
        <v>0</v>
      </c>
      <c r="O202" s="254">
        <v>0</v>
      </c>
      <c r="P202" s="254">
        <v>0</v>
      </c>
      <c r="Q202" s="254">
        <v>0</v>
      </c>
      <c r="R202" s="254"/>
      <c r="S202" s="254"/>
      <c r="T202" s="254"/>
      <c r="U202" s="254"/>
      <c r="V202" s="254"/>
      <c r="W202" s="254"/>
      <c r="X202" s="254"/>
      <c r="Y202" s="254"/>
      <c r="Z202" s="254"/>
      <c r="AA202" s="254"/>
      <c r="AB202" s="254"/>
      <c r="AC202" s="254"/>
      <c r="AD202" s="254"/>
      <c r="AE202" s="254"/>
      <c r="AF202" s="254"/>
      <c r="AG202" s="254"/>
      <c r="AH202" s="254"/>
      <c r="AI202" s="254"/>
      <c r="AJ202" s="254"/>
      <c r="AK202" s="254"/>
      <c r="AL202" s="254"/>
      <c r="AM202" s="254"/>
      <c r="AN202" s="254"/>
      <c r="AO202" s="254"/>
      <c r="AP202" s="254"/>
      <c r="AQ202" s="254"/>
      <c r="AR202" s="254"/>
      <c r="AS202" s="254"/>
      <c r="AT202" s="254"/>
      <c r="AU202" s="254"/>
      <c r="AV202" s="254"/>
      <c r="AW202" s="254"/>
      <c r="AX202" s="254"/>
      <c r="AY202" s="254"/>
      <c r="AZ202" s="254"/>
      <c r="BA202" s="254"/>
      <c r="BB202" s="254"/>
      <c r="BC202" s="254"/>
      <c r="BD202" s="254"/>
      <c r="BE202" s="254"/>
      <c r="BF202" s="254"/>
      <c r="BG202" s="254"/>
      <c r="BH202" s="254"/>
      <c r="BI202" s="254"/>
      <c r="BJ202" s="254"/>
      <c r="BK202" s="254"/>
      <c r="BL202" s="254"/>
      <c r="BM202" s="254"/>
      <c r="BN202" s="254"/>
      <c r="BO202" s="254"/>
      <c r="BP202" s="254"/>
      <c r="BQ202" s="254"/>
      <c r="BR202" s="254"/>
      <c r="BS202" s="254"/>
    </row>
    <row r="203" spans="1:71" s="67" customFormat="1" ht="34.5" customHeight="1">
      <c r="A203" s="183" t="s">
        <v>190</v>
      </c>
      <c r="B203" s="68"/>
      <c r="C203" s="329" t="s">
        <v>191</v>
      </c>
      <c r="D203" s="330"/>
      <c r="E203" s="330"/>
      <c r="F203" s="330"/>
      <c r="G203" s="329" t="s">
        <v>175</v>
      </c>
      <c r="H203" s="329"/>
      <c r="I203" s="336"/>
      <c r="J203" s="198">
        <f t="shared" si="28"/>
        <v>2</v>
      </c>
      <c r="K203" s="66" t="str">
        <f t="shared" si="27"/>
        <v/>
      </c>
      <c r="L203" s="108">
        <v>0</v>
      </c>
      <c r="M203" s="255">
        <v>2</v>
      </c>
      <c r="N203" s="255">
        <v>0</v>
      </c>
      <c r="O203" s="255">
        <v>0</v>
      </c>
      <c r="P203" s="255">
        <v>0</v>
      </c>
      <c r="Q203" s="255">
        <v>0</v>
      </c>
      <c r="R203" s="255"/>
      <c r="S203" s="255"/>
      <c r="T203" s="255"/>
      <c r="U203" s="255"/>
      <c r="V203" s="255"/>
      <c r="W203" s="255"/>
      <c r="X203" s="255"/>
      <c r="Y203" s="255"/>
      <c r="Z203" s="255"/>
      <c r="AA203" s="255"/>
      <c r="AB203" s="255"/>
      <c r="AC203" s="255"/>
      <c r="AD203" s="255"/>
      <c r="AE203" s="255"/>
      <c r="AF203" s="255"/>
      <c r="AG203" s="255"/>
      <c r="AH203" s="255"/>
      <c r="AI203" s="255"/>
      <c r="AJ203" s="255"/>
      <c r="AK203" s="255"/>
      <c r="AL203" s="255"/>
      <c r="AM203" s="255"/>
      <c r="AN203" s="255"/>
      <c r="AO203" s="255"/>
      <c r="AP203" s="255"/>
      <c r="AQ203" s="255"/>
      <c r="AR203" s="255"/>
      <c r="AS203" s="255"/>
      <c r="AT203" s="255"/>
      <c r="AU203" s="255"/>
      <c r="AV203" s="255"/>
      <c r="AW203" s="255"/>
      <c r="AX203" s="255"/>
      <c r="AY203" s="255"/>
      <c r="AZ203" s="255"/>
      <c r="BA203" s="255"/>
      <c r="BB203" s="255"/>
      <c r="BC203" s="255"/>
      <c r="BD203" s="255"/>
      <c r="BE203" s="255"/>
      <c r="BF203" s="255"/>
      <c r="BG203" s="255"/>
      <c r="BH203" s="255"/>
      <c r="BI203" s="255"/>
      <c r="BJ203" s="255"/>
      <c r="BK203" s="255"/>
      <c r="BL203" s="255"/>
      <c r="BM203" s="255"/>
      <c r="BN203" s="255"/>
      <c r="BO203" s="255"/>
      <c r="BP203" s="255"/>
      <c r="BQ203" s="255"/>
      <c r="BR203" s="255"/>
      <c r="BS203" s="255"/>
    </row>
    <row r="204" spans="1:71" s="67" customFormat="1" ht="34.5" customHeight="1">
      <c r="A204" s="183" t="s">
        <v>190</v>
      </c>
      <c r="B204" s="68"/>
      <c r="C204" s="330"/>
      <c r="D204" s="330"/>
      <c r="E204" s="330"/>
      <c r="F204" s="330"/>
      <c r="G204" s="329" t="s">
        <v>177</v>
      </c>
      <c r="H204" s="329"/>
      <c r="I204" s="336"/>
      <c r="J204" s="199">
        <f t="shared" si="28"/>
        <v>0</v>
      </c>
      <c r="K204" s="273" t="str">
        <f t="shared" si="27"/>
        <v/>
      </c>
      <c r="L204" s="109">
        <v>0</v>
      </c>
      <c r="M204" s="254">
        <v>0</v>
      </c>
      <c r="N204" s="254">
        <v>0</v>
      </c>
      <c r="O204" s="254">
        <v>0</v>
      </c>
      <c r="P204" s="254">
        <v>0</v>
      </c>
      <c r="Q204" s="254">
        <v>0</v>
      </c>
      <c r="R204" s="254"/>
      <c r="S204" s="254"/>
      <c r="T204" s="254"/>
      <c r="U204" s="254"/>
      <c r="V204" s="254"/>
      <c r="W204" s="254"/>
      <c r="X204" s="254"/>
      <c r="Y204" s="254"/>
      <c r="Z204" s="254"/>
      <c r="AA204" s="254"/>
      <c r="AB204" s="254"/>
      <c r="AC204" s="254"/>
      <c r="AD204" s="254"/>
      <c r="AE204" s="254"/>
      <c r="AF204" s="254"/>
      <c r="AG204" s="254"/>
      <c r="AH204" s="254"/>
      <c r="AI204" s="254"/>
      <c r="AJ204" s="254"/>
      <c r="AK204" s="254"/>
      <c r="AL204" s="254"/>
      <c r="AM204" s="254"/>
      <c r="AN204" s="254"/>
      <c r="AO204" s="254"/>
      <c r="AP204" s="254"/>
      <c r="AQ204" s="254"/>
      <c r="AR204" s="254"/>
      <c r="AS204" s="254"/>
      <c r="AT204" s="254"/>
      <c r="AU204" s="254"/>
      <c r="AV204" s="254"/>
      <c r="AW204" s="254"/>
      <c r="AX204" s="254"/>
      <c r="AY204" s="254"/>
      <c r="AZ204" s="254"/>
      <c r="BA204" s="254"/>
      <c r="BB204" s="254"/>
      <c r="BC204" s="254"/>
      <c r="BD204" s="254"/>
      <c r="BE204" s="254"/>
      <c r="BF204" s="254"/>
      <c r="BG204" s="254"/>
      <c r="BH204" s="254"/>
      <c r="BI204" s="254"/>
      <c r="BJ204" s="254"/>
      <c r="BK204" s="254"/>
      <c r="BL204" s="254"/>
      <c r="BM204" s="254"/>
      <c r="BN204" s="254"/>
      <c r="BO204" s="254"/>
      <c r="BP204" s="254"/>
      <c r="BQ204" s="254"/>
      <c r="BR204" s="254"/>
      <c r="BS204" s="254"/>
    </row>
    <row r="205" spans="1:71" s="67" customFormat="1" ht="34.5" customHeight="1">
      <c r="A205" s="183" t="s">
        <v>192</v>
      </c>
      <c r="B205" s="68"/>
      <c r="C205" s="329" t="s">
        <v>193</v>
      </c>
      <c r="D205" s="330"/>
      <c r="E205" s="330"/>
      <c r="F205" s="330"/>
      <c r="G205" s="329" t="s">
        <v>175</v>
      </c>
      <c r="H205" s="329"/>
      <c r="I205" s="336"/>
      <c r="J205" s="198">
        <f t="shared" si="28"/>
        <v>1</v>
      </c>
      <c r="K205" s="66" t="str">
        <f t="shared" si="27"/>
        <v/>
      </c>
      <c r="L205" s="108">
        <v>0</v>
      </c>
      <c r="M205" s="255">
        <v>1</v>
      </c>
      <c r="N205" s="255">
        <v>0</v>
      </c>
      <c r="O205" s="255">
        <v>0</v>
      </c>
      <c r="P205" s="255">
        <v>0</v>
      </c>
      <c r="Q205" s="255">
        <v>0</v>
      </c>
      <c r="R205" s="255"/>
      <c r="S205" s="255"/>
      <c r="T205" s="255"/>
      <c r="U205" s="255"/>
      <c r="V205" s="255"/>
      <c r="W205" s="255"/>
      <c r="X205" s="255"/>
      <c r="Y205" s="255"/>
      <c r="Z205" s="255"/>
      <c r="AA205" s="255"/>
      <c r="AB205" s="255"/>
      <c r="AC205" s="255"/>
      <c r="AD205" s="255"/>
      <c r="AE205" s="255"/>
      <c r="AF205" s="255"/>
      <c r="AG205" s="255"/>
      <c r="AH205" s="255"/>
      <c r="AI205" s="255"/>
      <c r="AJ205" s="255"/>
      <c r="AK205" s="255"/>
      <c r="AL205" s="255"/>
      <c r="AM205" s="255"/>
      <c r="AN205" s="255"/>
      <c r="AO205" s="255"/>
      <c r="AP205" s="255"/>
      <c r="AQ205" s="255"/>
      <c r="AR205" s="255"/>
      <c r="AS205" s="255"/>
      <c r="AT205" s="255"/>
      <c r="AU205" s="255"/>
      <c r="AV205" s="255"/>
      <c r="AW205" s="255"/>
      <c r="AX205" s="255"/>
      <c r="AY205" s="255"/>
      <c r="AZ205" s="255"/>
      <c r="BA205" s="255"/>
      <c r="BB205" s="255"/>
      <c r="BC205" s="255"/>
      <c r="BD205" s="255"/>
      <c r="BE205" s="255"/>
      <c r="BF205" s="255"/>
      <c r="BG205" s="255"/>
      <c r="BH205" s="255"/>
      <c r="BI205" s="255"/>
      <c r="BJ205" s="255"/>
      <c r="BK205" s="255"/>
      <c r="BL205" s="255"/>
      <c r="BM205" s="255"/>
      <c r="BN205" s="255"/>
      <c r="BO205" s="255"/>
      <c r="BP205" s="255"/>
      <c r="BQ205" s="255"/>
      <c r="BR205" s="255"/>
      <c r="BS205" s="255"/>
    </row>
    <row r="206" spans="1:71" s="67" customFormat="1" ht="34.5" customHeight="1">
      <c r="A206" s="183" t="s">
        <v>192</v>
      </c>
      <c r="B206" s="68"/>
      <c r="C206" s="330"/>
      <c r="D206" s="330"/>
      <c r="E206" s="330"/>
      <c r="F206" s="330"/>
      <c r="G206" s="329" t="s">
        <v>177</v>
      </c>
      <c r="H206" s="329"/>
      <c r="I206" s="336"/>
      <c r="J206" s="199">
        <f t="shared" si="28"/>
        <v>0</v>
      </c>
      <c r="K206" s="273" t="str">
        <f t="shared" si="27"/>
        <v/>
      </c>
      <c r="L206" s="109">
        <v>0</v>
      </c>
      <c r="M206" s="254">
        <v>0</v>
      </c>
      <c r="N206" s="254">
        <v>0</v>
      </c>
      <c r="O206" s="254">
        <v>0</v>
      </c>
      <c r="P206" s="254">
        <v>0</v>
      </c>
      <c r="Q206" s="254">
        <v>0</v>
      </c>
      <c r="R206" s="254"/>
      <c r="S206" s="254"/>
      <c r="T206" s="254"/>
      <c r="U206" s="254"/>
      <c r="V206" s="254"/>
      <c r="W206" s="254"/>
      <c r="X206" s="254"/>
      <c r="Y206" s="254"/>
      <c r="Z206" s="254"/>
      <c r="AA206" s="254"/>
      <c r="AB206" s="254"/>
      <c r="AC206" s="254"/>
      <c r="AD206" s="254"/>
      <c r="AE206" s="254"/>
      <c r="AF206" s="254"/>
      <c r="AG206" s="254"/>
      <c r="AH206" s="254"/>
      <c r="AI206" s="254"/>
      <c r="AJ206" s="254"/>
      <c r="AK206" s="254"/>
      <c r="AL206" s="254"/>
      <c r="AM206" s="254"/>
      <c r="AN206" s="254"/>
      <c r="AO206" s="254"/>
      <c r="AP206" s="254"/>
      <c r="AQ206" s="254"/>
      <c r="AR206" s="254"/>
      <c r="AS206" s="254"/>
      <c r="AT206" s="254"/>
      <c r="AU206" s="254"/>
      <c r="AV206" s="254"/>
      <c r="AW206" s="254"/>
      <c r="AX206" s="254"/>
      <c r="AY206" s="254"/>
      <c r="AZ206" s="254"/>
      <c r="BA206" s="254"/>
      <c r="BB206" s="254"/>
      <c r="BC206" s="254"/>
      <c r="BD206" s="254"/>
      <c r="BE206" s="254"/>
      <c r="BF206" s="254"/>
      <c r="BG206" s="254"/>
      <c r="BH206" s="254"/>
      <c r="BI206" s="254"/>
      <c r="BJ206" s="254"/>
      <c r="BK206" s="254"/>
      <c r="BL206" s="254"/>
      <c r="BM206" s="254"/>
      <c r="BN206" s="254"/>
      <c r="BO206" s="254"/>
      <c r="BP206" s="254"/>
      <c r="BQ206" s="254"/>
      <c r="BR206" s="254"/>
      <c r="BS206" s="254"/>
    </row>
    <row r="207" spans="1:71" s="67" customFormat="1" ht="34.5" customHeight="1">
      <c r="A207" s="183" t="s">
        <v>194</v>
      </c>
      <c r="B207" s="68"/>
      <c r="C207" s="329" t="s">
        <v>195</v>
      </c>
      <c r="D207" s="330"/>
      <c r="E207" s="330"/>
      <c r="F207" s="330"/>
      <c r="G207" s="329" t="s">
        <v>175</v>
      </c>
      <c r="H207" s="329"/>
      <c r="I207" s="336"/>
      <c r="J207" s="198">
        <f t="shared" si="28"/>
        <v>0</v>
      </c>
      <c r="K207" s="66" t="str">
        <f t="shared" si="27"/>
        <v/>
      </c>
      <c r="L207" s="108">
        <v>0</v>
      </c>
      <c r="M207" s="255">
        <v>0</v>
      </c>
      <c r="N207" s="255">
        <v>0</v>
      </c>
      <c r="O207" s="255">
        <v>0</v>
      </c>
      <c r="P207" s="255">
        <v>0</v>
      </c>
      <c r="Q207" s="255">
        <v>0</v>
      </c>
      <c r="R207" s="255"/>
      <c r="S207" s="255"/>
      <c r="T207" s="255"/>
      <c r="U207" s="255"/>
      <c r="V207" s="255"/>
      <c r="W207" s="255"/>
      <c r="X207" s="255"/>
      <c r="Y207" s="255"/>
      <c r="Z207" s="255"/>
      <c r="AA207" s="255"/>
      <c r="AB207" s="255"/>
      <c r="AC207" s="255"/>
      <c r="AD207" s="255"/>
      <c r="AE207" s="255"/>
      <c r="AF207" s="255"/>
      <c r="AG207" s="255"/>
      <c r="AH207" s="255"/>
      <c r="AI207" s="255"/>
      <c r="AJ207" s="255"/>
      <c r="AK207" s="255"/>
      <c r="AL207" s="255"/>
      <c r="AM207" s="255"/>
      <c r="AN207" s="255"/>
      <c r="AO207" s="255"/>
      <c r="AP207" s="255"/>
      <c r="AQ207" s="255"/>
      <c r="AR207" s="255"/>
      <c r="AS207" s="255"/>
      <c r="AT207" s="255"/>
      <c r="AU207" s="255"/>
      <c r="AV207" s="255"/>
      <c r="AW207" s="255"/>
      <c r="AX207" s="255"/>
      <c r="AY207" s="255"/>
      <c r="AZ207" s="255"/>
      <c r="BA207" s="255"/>
      <c r="BB207" s="255"/>
      <c r="BC207" s="255"/>
      <c r="BD207" s="255"/>
      <c r="BE207" s="255"/>
      <c r="BF207" s="255"/>
      <c r="BG207" s="255"/>
      <c r="BH207" s="255"/>
      <c r="BI207" s="255"/>
      <c r="BJ207" s="255"/>
      <c r="BK207" s="255"/>
      <c r="BL207" s="255"/>
      <c r="BM207" s="255"/>
      <c r="BN207" s="255"/>
      <c r="BO207" s="255"/>
      <c r="BP207" s="255"/>
      <c r="BQ207" s="255"/>
      <c r="BR207" s="255"/>
      <c r="BS207" s="255"/>
    </row>
    <row r="208" spans="1:71" s="67" customFormat="1" ht="34.5" customHeight="1">
      <c r="A208" s="183" t="s">
        <v>194</v>
      </c>
      <c r="B208" s="68"/>
      <c r="C208" s="330"/>
      <c r="D208" s="330"/>
      <c r="E208" s="330"/>
      <c r="F208" s="330"/>
      <c r="G208" s="329" t="s">
        <v>177</v>
      </c>
      <c r="H208" s="329"/>
      <c r="I208" s="336"/>
      <c r="J208" s="199">
        <f t="shared" si="28"/>
        <v>0</v>
      </c>
      <c r="K208" s="273" t="str">
        <f t="shared" si="27"/>
        <v/>
      </c>
      <c r="L208" s="109">
        <v>0</v>
      </c>
      <c r="M208" s="254">
        <v>0</v>
      </c>
      <c r="N208" s="254">
        <v>0</v>
      </c>
      <c r="O208" s="254">
        <v>0</v>
      </c>
      <c r="P208" s="254">
        <v>0</v>
      </c>
      <c r="Q208" s="254">
        <v>0</v>
      </c>
      <c r="R208" s="254"/>
      <c r="S208" s="254"/>
      <c r="T208" s="254"/>
      <c r="U208" s="254"/>
      <c r="V208" s="254"/>
      <c r="W208" s="254"/>
      <c r="X208" s="254"/>
      <c r="Y208" s="254"/>
      <c r="Z208" s="254"/>
      <c r="AA208" s="254"/>
      <c r="AB208" s="254"/>
      <c r="AC208" s="254"/>
      <c r="AD208" s="254"/>
      <c r="AE208" s="254"/>
      <c r="AF208" s="254"/>
      <c r="AG208" s="254"/>
      <c r="AH208" s="254"/>
      <c r="AI208" s="254"/>
      <c r="AJ208" s="254"/>
      <c r="AK208" s="254"/>
      <c r="AL208" s="254"/>
      <c r="AM208" s="254"/>
      <c r="AN208" s="254"/>
      <c r="AO208" s="254"/>
      <c r="AP208" s="254"/>
      <c r="AQ208" s="254"/>
      <c r="AR208" s="254"/>
      <c r="AS208" s="254"/>
      <c r="AT208" s="254"/>
      <c r="AU208" s="254"/>
      <c r="AV208" s="254"/>
      <c r="AW208" s="254"/>
      <c r="AX208" s="254"/>
      <c r="AY208" s="254"/>
      <c r="AZ208" s="254"/>
      <c r="BA208" s="254"/>
      <c r="BB208" s="254"/>
      <c r="BC208" s="254"/>
      <c r="BD208" s="254"/>
      <c r="BE208" s="254"/>
      <c r="BF208" s="254"/>
      <c r="BG208" s="254"/>
      <c r="BH208" s="254"/>
      <c r="BI208" s="254"/>
      <c r="BJ208" s="254"/>
      <c r="BK208" s="254"/>
      <c r="BL208" s="254"/>
      <c r="BM208" s="254"/>
      <c r="BN208" s="254"/>
      <c r="BO208" s="254"/>
      <c r="BP208" s="254"/>
      <c r="BQ208" s="254"/>
      <c r="BR208" s="254"/>
      <c r="BS208" s="254"/>
    </row>
    <row r="209" spans="1:71" s="67" customFormat="1" ht="34.5" customHeight="1">
      <c r="A209" s="179" t="s">
        <v>196</v>
      </c>
      <c r="B209" s="68"/>
      <c r="C209" s="329" t="s">
        <v>197</v>
      </c>
      <c r="D209" s="331"/>
      <c r="E209" s="331"/>
      <c r="F209" s="331"/>
      <c r="G209" s="329" t="s">
        <v>175</v>
      </c>
      <c r="H209" s="329"/>
      <c r="I209" s="336"/>
      <c r="J209" s="198">
        <v>5</v>
      </c>
      <c r="K209" s="66" t="str">
        <f t="shared" si="27"/>
        <v/>
      </c>
      <c r="L209" s="106"/>
      <c r="M209" s="254"/>
      <c r="N209" s="254"/>
      <c r="O209" s="254"/>
      <c r="P209" s="254"/>
      <c r="Q209" s="254"/>
      <c r="R209" s="254"/>
      <c r="S209" s="254"/>
      <c r="T209" s="254"/>
      <c r="U209" s="254"/>
      <c r="V209" s="254"/>
      <c r="W209" s="254"/>
      <c r="X209" s="254"/>
      <c r="Y209" s="254"/>
      <c r="Z209" s="254"/>
      <c r="AA209" s="254"/>
      <c r="AB209" s="254"/>
      <c r="AC209" s="254"/>
      <c r="AD209" s="254"/>
      <c r="AE209" s="254"/>
      <c r="AF209" s="254"/>
      <c r="AG209" s="254"/>
      <c r="AH209" s="254"/>
      <c r="AI209" s="254"/>
      <c r="AJ209" s="254"/>
      <c r="AK209" s="254"/>
      <c r="AL209" s="254"/>
      <c r="AM209" s="254"/>
      <c r="AN209" s="254"/>
      <c r="AO209" s="254"/>
      <c r="AP209" s="254"/>
      <c r="AQ209" s="254"/>
      <c r="AR209" s="254"/>
      <c r="AS209" s="254"/>
      <c r="AT209" s="254"/>
      <c r="AU209" s="254"/>
      <c r="AV209" s="254"/>
      <c r="AW209" s="254"/>
      <c r="AX209" s="254"/>
      <c r="AY209" s="254"/>
      <c r="AZ209" s="254"/>
      <c r="BA209" s="254"/>
      <c r="BB209" s="254"/>
      <c r="BC209" s="254"/>
      <c r="BD209" s="254"/>
      <c r="BE209" s="254"/>
      <c r="BF209" s="254"/>
      <c r="BG209" s="254"/>
      <c r="BH209" s="254"/>
      <c r="BI209" s="254"/>
      <c r="BJ209" s="254"/>
      <c r="BK209" s="254"/>
      <c r="BL209" s="254"/>
      <c r="BM209" s="254"/>
      <c r="BN209" s="254"/>
      <c r="BO209" s="254"/>
      <c r="BP209" s="254"/>
      <c r="BQ209" s="254"/>
      <c r="BR209" s="254"/>
      <c r="BS209" s="254"/>
    </row>
    <row r="210" spans="1:71" s="67" customFormat="1" ht="34.5" customHeight="1">
      <c r="A210" s="179" t="s">
        <v>196</v>
      </c>
      <c r="B210" s="68"/>
      <c r="C210" s="331"/>
      <c r="D210" s="331"/>
      <c r="E210" s="331"/>
      <c r="F210" s="331"/>
      <c r="G210" s="329" t="s">
        <v>177</v>
      </c>
      <c r="H210" s="329"/>
      <c r="I210" s="336"/>
      <c r="J210" s="199">
        <v>0</v>
      </c>
      <c r="K210" s="66" t="str">
        <f t="shared" si="27"/>
        <v/>
      </c>
      <c r="L210" s="107"/>
      <c r="M210" s="254"/>
      <c r="N210" s="254"/>
      <c r="O210" s="254"/>
      <c r="P210" s="254"/>
      <c r="Q210" s="254"/>
      <c r="R210" s="254"/>
      <c r="S210" s="254"/>
      <c r="T210" s="254"/>
      <c r="U210" s="254"/>
      <c r="V210" s="254"/>
      <c r="W210" s="254"/>
      <c r="X210" s="254"/>
      <c r="Y210" s="254"/>
      <c r="Z210" s="254"/>
      <c r="AA210" s="254"/>
      <c r="AB210" s="254"/>
      <c r="AC210" s="254"/>
      <c r="AD210" s="254"/>
      <c r="AE210" s="254"/>
      <c r="AF210" s="254"/>
      <c r="AG210" s="254"/>
      <c r="AH210" s="254"/>
      <c r="AI210" s="254"/>
      <c r="AJ210" s="254"/>
      <c r="AK210" s="254"/>
      <c r="AL210" s="254"/>
      <c r="AM210" s="254"/>
      <c r="AN210" s="254"/>
      <c r="AO210" s="254"/>
      <c r="AP210" s="254"/>
      <c r="AQ210" s="254"/>
      <c r="AR210" s="254"/>
      <c r="AS210" s="254"/>
      <c r="AT210" s="254"/>
      <c r="AU210" s="254"/>
      <c r="AV210" s="254"/>
      <c r="AW210" s="254"/>
      <c r="AX210" s="254"/>
      <c r="AY210" s="254"/>
      <c r="AZ210" s="254"/>
      <c r="BA210" s="254"/>
      <c r="BB210" s="254"/>
      <c r="BC210" s="254"/>
      <c r="BD210" s="254"/>
      <c r="BE210" s="254"/>
      <c r="BF210" s="254"/>
      <c r="BG210" s="254"/>
      <c r="BH210" s="254"/>
      <c r="BI210" s="254"/>
      <c r="BJ210" s="254"/>
      <c r="BK210" s="254"/>
      <c r="BL210" s="254"/>
      <c r="BM210" s="254"/>
      <c r="BN210" s="254"/>
      <c r="BO210" s="254"/>
      <c r="BP210" s="254"/>
      <c r="BQ210" s="254"/>
      <c r="BR210" s="254"/>
      <c r="BS210" s="254"/>
    </row>
    <row r="211" spans="1:71" s="67" customFormat="1" ht="34.5" customHeight="1">
      <c r="A211" s="179" t="s">
        <v>198</v>
      </c>
      <c r="B211" s="68"/>
      <c r="C211" s="329" t="s">
        <v>199</v>
      </c>
      <c r="D211" s="331"/>
      <c r="E211" s="331"/>
      <c r="F211" s="331"/>
      <c r="G211" s="329" t="s">
        <v>175</v>
      </c>
      <c r="H211" s="329"/>
      <c r="I211" s="336"/>
      <c r="J211" s="198">
        <v>10</v>
      </c>
      <c r="K211" s="66" t="str">
        <f t="shared" si="27"/>
        <v/>
      </c>
      <c r="L211" s="106"/>
      <c r="M211" s="254"/>
      <c r="N211" s="254"/>
      <c r="O211" s="254"/>
      <c r="P211" s="254"/>
      <c r="Q211" s="254"/>
      <c r="R211" s="254"/>
      <c r="S211" s="254"/>
      <c r="T211" s="254"/>
      <c r="U211" s="254"/>
      <c r="V211" s="254"/>
      <c r="W211" s="254"/>
      <c r="X211" s="254"/>
      <c r="Y211" s="254"/>
      <c r="Z211" s="254"/>
      <c r="AA211" s="254"/>
      <c r="AB211" s="254"/>
      <c r="AC211" s="254"/>
      <c r="AD211" s="254"/>
      <c r="AE211" s="254"/>
      <c r="AF211" s="254"/>
      <c r="AG211" s="254"/>
      <c r="AH211" s="254"/>
      <c r="AI211" s="254"/>
      <c r="AJ211" s="254"/>
      <c r="AK211" s="254"/>
      <c r="AL211" s="254"/>
      <c r="AM211" s="254"/>
      <c r="AN211" s="254"/>
      <c r="AO211" s="254"/>
      <c r="AP211" s="254"/>
      <c r="AQ211" s="254"/>
      <c r="AR211" s="254"/>
      <c r="AS211" s="254"/>
      <c r="AT211" s="254"/>
      <c r="AU211" s="254"/>
      <c r="AV211" s="254"/>
      <c r="AW211" s="254"/>
      <c r="AX211" s="254"/>
      <c r="AY211" s="254"/>
      <c r="AZ211" s="254"/>
      <c r="BA211" s="254"/>
      <c r="BB211" s="254"/>
      <c r="BC211" s="254"/>
      <c r="BD211" s="254"/>
      <c r="BE211" s="254"/>
      <c r="BF211" s="254"/>
      <c r="BG211" s="254"/>
      <c r="BH211" s="254"/>
      <c r="BI211" s="254"/>
      <c r="BJ211" s="254"/>
      <c r="BK211" s="254"/>
      <c r="BL211" s="254"/>
      <c r="BM211" s="254"/>
      <c r="BN211" s="254"/>
      <c r="BO211" s="254"/>
      <c r="BP211" s="254"/>
      <c r="BQ211" s="254"/>
      <c r="BR211" s="254"/>
      <c r="BS211" s="254"/>
    </row>
    <row r="212" spans="1:71" s="67" customFormat="1" ht="34.5" customHeight="1">
      <c r="A212" s="179" t="s">
        <v>198</v>
      </c>
      <c r="B212" s="68"/>
      <c r="C212" s="331"/>
      <c r="D212" s="331"/>
      <c r="E212" s="331"/>
      <c r="F212" s="331"/>
      <c r="G212" s="329" t="s">
        <v>177</v>
      </c>
      <c r="H212" s="329"/>
      <c r="I212" s="336"/>
      <c r="J212" s="199">
        <v>0</v>
      </c>
      <c r="K212" s="66" t="str">
        <f t="shared" si="27"/>
        <v/>
      </c>
      <c r="L212" s="107"/>
      <c r="M212" s="254"/>
      <c r="N212" s="254"/>
      <c r="O212" s="254"/>
      <c r="P212" s="254"/>
      <c r="Q212" s="254"/>
      <c r="R212" s="254"/>
      <c r="S212" s="254"/>
      <c r="T212" s="254"/>
      <c r="U212" s="254"/>
      <c r="V212" s="254"/>
      <c r="W212" s="254"/>
      <c r="X212" s="254"/>
      <c r="Y212" s="254"/>
      <c r="Z212" s="254"/>
      <c r="AA212" s="254"/>
      <c r="AB212" s="254"/>
      <c r="AC212" s="254"/>
      <c r="AD212" s="254"/>
      <c r="AE212" s="254"/>
      <c r="AF212" s="254"/>
      <c r="AG212" s="254"/>
      <c r="AH212" s="254"/>
      <c r="AI212" s="254"/>
      <c r="AJ212" s="254"/>
      <c r="AK212" s="254"/>
      <c r="AL212" s="254"/>
      <c r="AM212" s="254"/>
      <c r="AN212" s="254"/>
      <c r="AO212" s="254"/>
      <c r="AP212" s="254"/>
      <c r="AQ212" s="254"/>
      <c r="AR212" s="254"/>
      <c r="AS212" s="254"/>
      <c r="AT212" s="254"/>
      <c r="AU212" s="254"/>
      <c r="AV212" s="254"/>
      <c r="AW212" s="254"/>
      <c r="AX212" s="254"/>
      <c r="AY212" s="254"/>
      <c r="AZ212" s="254"/>
      <c r="BA212" s="254"/>
      <c r="BB212" s="254"/>
      <c r="BC212" s="254"/>
      <c r="BD212" s="254"/>
      <c r="BE212" s="254"/>
      <c r="BF212" s="254"/>
      <c r="BG212" s="254"/>
      <c r="BH212" s="254"/>
      <c r="BI212" s="254"/>
      <c r="BJ212" s="254"/>
      <c r="BK212" s="254"/>
      <c r="BL212" s="254"/>
      <c r="BM212" s="254"/>
      <c r="BN212" s="254"/>
      <c r="BO212" s="254"/>
      <c r="BP212" s="254"/>
      <c r="BQ212" s="254"/>
      <c r="BR212" s="254"/>
      <c r="BS212" s="254"/>
    </row>
    <row r="213" spans="1:71" s="67" customFormat="1" ht="34.5" customHeight="1">
      <c r="A213" s="183" t="s">
        <v>200</v>
      </c>
      <c r="B213" s="68"/>
      <c r="C213" s="329" t="s">
        <v>201</v>
      </c>
      <c r="D213" s="330"/>
      <c r="E213" s="330"/>
      <c r="F213" s="330"/>
      <c r="G213" s="329" t="s">
        <v>175</v>
      </c>
      <c r="H213" s="329"/>
      <c r="I213" s="336"/>
      <c r="J213" s="198">
        <f t="shared" si="28"/>
        <v>0</v>
      </c>
      <c r="K213" s="66" t="str">
        <f t="shared" si="27"/>
        <v/>
      </c>
      <c r="L213" s="108">
        <v>0</v>
      </c>
      <c r="M213" s="255">
        <v>0</v>
      </c>
      <c r="N213" s="255">
        <v>0</v>
      </c>
      <c r="O213" s="255">
        <v>0</v>
      </c>
      <c r="P213" s="255">
        <v>0</v>
      </c>
      <c r="Q213" s="255">
        <v>0</v>
      </c>
      <c r="R213" s="255"/>
      <c r="S213" s="255"/>
      <c r="T213" s="255"/>
      <c r="U213" s="255"/>
      <c r="V213" s="255"/>
      <c r="W213" s="255"/>
      <c r="X213" s="255"/>
      <c r="Y213" s="255"/>
      <c r="Z213" s="255"/>
      <c r="AA213" s="255"/>
      <c r="AB213" s="255"/>
      <c r="AC213" s="255"/>
      <c r="AD213" s="255"/>
      <c r="AE213" s="255"/>
      <c r="AF213" s="255"/>
      <c r="AG213" s="255"/>
      <c r="AH213" s="255"/>
      <c r="AI213" s="255"/>
      <c r="AJ213" s="255"/>
      <c r="AK213" s="255"/>
      <c r="AL213" s="255"/>
      <c r="AM213" s="255"/>
      <c r="AN213" s="255"/>
      <c r="AO213" s="255"/>
      <c r="AP213" s="255"/>
      <c r="AQ213" s="255"/>
      <c r="AR213" s="255"/>
      <c r="AS213" s="255"/>
      <c r="AT213" s="255"/>
      <c r="AU213" s="255"/>
      <c r="AV213" s="255"/>
      <c r="AW213" s="255"/>
      <c r="AX213" s="255"/>
      <c r="AY213" s="255"/>
      <c r="AZ213" s="255"/>
      <c r="BA213" s="255"/>
      <c r="BB213" s="255"/>
      <c r="BC213" s="255"/>
      <c r="BD213" s="255"/>
      <c r="BE213" s="255"/>
      <c r="BF213" s="255"/>
      <c r="BG213" s="255"/>
      <c r="BH213" s="255"/>
      <c r="BI213" s="255"/>
      <c r="BJ213" s="255"/>
      <c r="BK213" s="255"/>
      <c r="BL213" s="255"/>
      <c r="BM213" s="255"/>
      <c r="BN213" s="255"/>
      <c r="BO213" s="255"/>
      <c r="BP213" s="255"/>
      <c r="BQ213" s="255"/>
      <c r="BR213" s="255"/>
      <c r="BS213" s="255"/>
    </row>
    <row r="214" spans="1:71" s="67" customFormat="1" ht="34.5" customHeight="1">
      <c r="A214" s="183" t="s">
        <v>200</v>
      </c>
      <c r="B214" s="68"/>
      <c r="C214" s="330"/>
      <c r="D214" s="330"/>
      <c r="E214" s="330"/>
      <c r="F214" s="330"/>
      <c r="G214" s="329" t="s">
        <v>177</v>
      </c>
      <c r="H214" s="329"/>
      <c r="I214" s="336"/>
      <c r="J214" s="199">
        <f t="shared" si="28"/>
        <v>0</v>
      </c>
      <c r="K214" s="273" t="str">
        <f t="shared" si="27"/>
        <v/>
      </c>
      <c r="L214" s="109">
        <v>0</v>
      </c>
      <c r="M214" s="254">
        <v>0</v>
      </c>
      <c r="N214" s="254">
        <v>0</v>
      </c>
      <c r="O214" s="254">
        <v>0</v>
      </c>
      <c r="P214" s="254">
        <v>0</v>
      </c>
      <c r="Q214" s="254">
        <v>0</v>
      </c>
      <c r="R214" s="254"/>
      <c r="S214" s="254"/>
      <c r="T214" s="254"/>
      <c r="U214" s="254"/>
      <c r="V214" s="254"/>
      <c r="W214" s="254"/>
      <c r="X214" s="254"/>
      <c r="Y214" s="254"/>
      <c r="Z214" s="254"/>
      <c r="AA214" s="254"/>
      <c r="AB214" s="254"/>
      <c r="AC214" s="254"/>
      <c r="AD214" s="254"/>
      <c r="AE214" s="254"/>
      <c r="AF214" s="254"/>
      <c r="AG214" s="254"/>
      <c r="AH214" s="254"/>
      <c r="AI214" s="254"/>
      <c r="AJ214" s="254"/>
      <c r="AK214" s="254"/>
      <c r="AL214" s="254"/>
      <c r="AM214" s="254"/>
      <c r="AN214" s="254"/>
      <c r="AO214" s="254"/>
      <c r="AP214" s="254"/>
      <c r="AQ214" s="254"/>
      <c r="AR214" s="254"/>
      <c r="AS214" s="254"/>
      <c r="AT214" s="254"/>
      <c r="AU214" s="254"/>
      <c r="AV214" s="254"/>
      <c r="AW214" s="254"/>
      <c r="AX214" s="254"/>
      <c r="AY214" s="254"/>
      <c r="AZ214" s="254"/>
      <c r="BA214" s="254"/>
      <c r="BB214" s="254"/>
      <c r="BC214" s="254"/>
      <c r="BD214" s="254"/>
      <c r="BE214" s="254"/>
      <c r="BF214" s="254"/>
      <c r="BG214" s="254"/>
      <c r="BH214" s="254"/>
      <c r="BI214" s="254"/>
      <c r="BJ214" s="254"/>
      <c r="BK214" s="254"/>
      <c r="BL214" s="254"/>
      <c r="BM214" s="254"/>
      <c r="BN214" s="254"/>
      <c r="BO214" s="254"/>
      <c r="BP214" s="254"/>
      <c r="BQ214" s="254"/>
      <c r="BR214" s="254"/>
      <c r="BS214" s="254"/>
    </row>
    <row r="215" spans="1:71" s="67" customFormat="1" ht="34.5" customHeight="1">
      <c r="A215" s="183" t="s">
        <v>202</v>
      </c>
      <c r="B215" s="68"/>
      <c r="C215" s="329" t="s">
        <v>203</v>
      </c>
      <c r="D215" s="331"/>
      <c r="E215" s="331"/>
      <c r="F215" s="331"/>
      <c r="G215" s="329" t="s">
        <v>175</v>
      </c>
      <c r="H215" s="329"/>
      <c r="I215" s="336"/>
      <c r="J215" s="198">
        <f t="shared" si="28"/>
        <v>0</v>
      </c>
      <c r="K215" s="66" t="str">
        <f t="shared" si="27"/>
        <v/>
      </c>
      <c r="L215" s="108">
        <v>0</v>
      </c>
      <c r="M215" s="255">
        <v>0</v>
      </c>
      <c r="N215" s="255">
        <v>0</v>
      </c>
      <c r="O215" s="255">
        <v>0</v>
      </c>
      <c r="P215" s="255">
        <v>0</v>
      </c>
      <c r="Q215" s="255">
        <v>0</v>
      </c>
      <c r="R215" s="255"/>
      <c r="S215" s="255"/>
      <c r="T215" s="255"/>
      <c r="U215" s="255"/>
      <c r="V215" s="255"/>
      <c r="W215" s="255"/>
      <c r="X215" s="255"/>
      <c r="Y215" s="255"/>
      <c r="Z215" s="255"/>
      <c r="AA215" s="255"/>
      <c r="AB215" s="255"/>
      <c r="AC215" s="255"/>
      <c r="AD215" s="255"/>
      <c r="AE215" s="255"/>
      <c r="AF215" s="255"/>
      <c r="AG215" s="255"/>
      <c r="AH215" s="255"/>
      <c r="AI215" s="255"/>
      <c r="AJ215" s="255"/>
      <c r="AK215" s="255"/>
      <c r="AL215" s="255"/>
      <c r="AM215" s="255"/>
      <c r="AN215" s="255"/>
      <c r="AO215" s="255"/>
      <c r="AP215" s="255"/>
      <c r="AQ215" s="255"/>
      <c r="AR215" s="255"/>
      <c r="AS215" s="255"/>
      <c r="AT215" s="255"/>
      <c r="AU215" s="255"/>
      <c r="AV215" s="255"/>
      <c r="AW215" s="255"/>
      <c r="AX215" s="255"/>
      <c r="AY215" s="255"/>
      <c r="AZ215" s="255"/>
      <c r="BA215" s="255"/>
      <c r="BB215" s="255"/>
      <c r="BC215" s="255"/>
      <c r="BD215" s="255"/>
      <c r="BE215" s="255"/>
      <c r="BF215" s="255"/>
      <c r="BG215" s="255"/>
      <c r="BH215" s="255"/>
      <c r="BI215" s="255"/>
      <c r="BJ215" s="255"/>
      <c r="BK215" s="255"/>
      <c r="BL215" s="255"/>
      <c r="BM215" s="255"/>
      <c r="BN215" s="255"/>
      <c r="BO215" s="255"/>
      <c r="BP215" s="255"/>
      <c r="BQ215" s="255"/>
      <c r="BR215" s="255"/>
      <c r="BS215" s="255"/>
    </row>
    <row r="216" spans="1:71" s="67" customFormat="1" ht="34.5" customHeight="1">
      <c r="A216" s="183" t="s">
        <v>202</v>
      </c>
      <c r="B216" s="68"/>
      <c r="C216" s="331"/>
      <c r="D216" s="331"/>
      <c r="E216" s="331"/>
      <c r="F216" s="331"/>
      <c r="G216" s="329" t="s">
        <v>177</v>
      </c>
      <c r="H216" s="329"/>
      <c r="I216" s="337"/>
      <c r="J216" s="199">
        <f t="shared" si="28"/>
        <v>0</v>
      </c>
      <c r="K216" s="273" t="str">
        <f t="shared" si="27"/>
        <v/>
      </c>
      <c r="L216" s="109">
        <v>0</v>
      </c>
      <c r="M216" s="254">
        <v>0</v>
      </c>
      <c r="N216" s="254">
        <v>0</v>
      </c>
      <c r="O216" s="254">
        <v>0</v>
      </c>
      <c r="P216" s="254">
        <v>0</v>
      </c>
      <c r="Q216" s="254">
        <v>0</v>
      </c>
      <c r="R216" s="254"/>
      <c r="S216" s="254"/>
      <c r="T216" s="254"/>
      <c r="U216" s="254"/>
      <c r="V216" s="254"/>
      <c r="W216" s="254"/>
      <c r="X216" s="254"/>
      <c r="Y216" s="254"/>
      <c r="Z216" s="254"/>
      <c r="AA216" s="254"/>
      <c r="AB216" s="254"/>
      <c r="AC216" s="254"/>
      <c r="AD216" s="254"/>
      <c r="AE216" s="254"/>
      <c r="AF216" s="254"/>
      <c r="AG216" s="254"/>
      <c r="AH216" s="254"/>
      <c r="AI216" s="254"/>
      <c r="AJ216" s="254"/>
      <c r="AK216" s="254"/>
      <c r="AL216" s="254"/>
      <c r="AM216" s="254"/>
      <c r="AN216" s="254"/>
      <c r="AO216" s="254"/>
      <c r="AP216" s="254"/>
      <c r="AQ216" s="254"/>
      <c r="AR216" s="254"/>
      <c r="AS216" s="254"/>
      <c r="AT216" s="254"/>
      <c r="AU216" s="254"/>
      <c r="AV216" s="254"/>
      <c r="AW216" s="254"/>
      <c r="AX216" s="254"/>
      <c r="AY216" s="254"/>
      <c r="AZ216" s="254"/>
      <c r="BA216" s="254"/>
      <c r="BB216" s="254"/>
      <c r="BC216" s="254"/>
      <c r="BD216" s="254"/>
      <c r="BE216" s="254"/>
      <c r="BF216" s="254"/>
      <c r="BG216" s="254"/>
      <c r="BH216" s="254"/>
      <c r="BI216" s="254"/>
      <c r="BJ216" s="254"/>
      <c r="BK216" s="254"/>
      <c r="BL216" s="254"/>
      <c r="BM216" s="254"/>
      <c r="BN216" s="254"/>
      <c r="BO216" s="254"/>
      <c r="BP216" s="254"/>
      <c r="BQ216" s="254"/>
      <c r="BR216" s="254"/>
      <c r="BS216" s="254"/>
    </row>
    <row r="217" spans="1:71" s="74" customFormat="1">
      <c r="A217" s="178"/>
      <c r="B217" s="14"/>
      <c r="C217" s="14"/>
      <c r="D217" s="14"/>
      <c r="E217" s="14"/>
      <c r="F217" s="14"/>
      <c r="G217" s="14"/>
      <c r="H217" s="10"/>
      <c r="I217" s="10"/>
      <c r="J217" s="71"/>
      <c r="K217" s="72"/>
      <c r="L217" s="73"/>
      <c r="M217" s="73"/>
      <c r="N217" s="73"/>
      <c r="O217" s="73"/>
      <c r="P217" s="73"/>
      <c r="Q217" s="73"/>
      <c r="R217" s="73"/>
      <c r="S217" s="73"/>
      <c r="T217" s="73"/>
      <c r="U217" s="73"/>
      <c r="V217" s="73"/>
    </row>
    <row r="218" spans="1:71">
      <c r="A218" s="178"/>
      <c r="B218" s="14"/>
      <c r="C218" s="14"/>
      <c r="D218" s="14"/>
      <c r="E218" s="14"/>
      <c r="F218" s="14"/>
      <c r="G218" s="14"/>
      <c r="H218" s="10"/>
      <c r="I218" s="10"/>
      <c r="L218" s="62"/>
      <c r="M218" s="110"/>
      <c r="N218" s="110"/>
      <c r="O218" s="62"/>
      <c r="P218" s="62"/>
      <c r="Q218" s="62"/>
      <c r="R218" s="62"/>
      <c r="S218" s="62"/>
      <c r="T218" s="62"/>
      <c r="U218" s="62"/>
      <c r="V218" s="62"/>
    </row>
    <row r="219" spans="1:71" ht="34.5" customHeight="1">
      <c r="A219" s="178"/>
      <c r="B219" s="14"/>
      <c r="C219" s="3"/>
      <c r="D219" s="3"/>
      <c r="F219" s="3"/>
      <c r="G219" s="3"/>
      <c r="H219" s="214"/>
      <c r="I219" s="214"/>
      <c r="J219" s="63" t="s">
        <v>81</v>
      </c>
      <c r="K219" s="64"/>
      <c r="L219" s="211" t="s">
        <v>204</v>
      </c>
      <c r="M219" s="8"/>
      <c r="N219" s="8"/>
      <c r="O219" s="104"/>
      <c r="P219" s="104"/>
      <c r="Q219" s="104"/>
      <c r="R219" s="104"/>
      <c r="S219" s="104"/>
      <c r="T219" s="104"/>
      <c r="U219" s="104"/>
      <c r="V219" s="104"/>
    </row>
    <row r="220" spans="1:71" ht="20.25" customHeight="1">
      <c r="A220" s="178"/>
      <c r="B220" s="1"/>
      <c r="C220" s="52"/>
      <c r="D220" s="3"/>
      <c r="F220" s="3"/>
      <c r="G220" s="3"/>
      <c r="H220" s="214"/>
      <c r="I220" s="56" t="s">
        <v>82</v>
      </c>
      <c r="J220" s="57"/>
      <c r="K220" s="65"/>
      <c r="L220" s="111" t="s">
        <v>205</v>
      </c>
      <c r="M220" s="211" t="s">
        <v>206</v>
      </c>
      <c r="N220" s="211" t="s">
        <v>207</v>
      </c>
      <c r="O220" s="104"/>
      <c r="P220" s="104"/>
      <c r="Q220" s="104"/>
      <c r="R220" s="104"/>
      <c r="S220" s="104"/>
      <c r="T220" s="104"/>
      <c r="U220" s="104"/>
      <c r="V220" s="8"/>
    </row>
    <row r="221" spans="1:71" s="67" customFormat="1" ht="34.5" customHeight="1">
      <c r="A221" s="183" t="s">
        <v>208</v>
      </c>
      <c r="B221" s="97"/>
      <c r="C221" s="329" t="s">
        <v>181</v>
      </c>
      <c r="D221" s="329"/>
      <c r="E221" s="329"/>
      <c r="F221" s="329"/>
      <c r="G221" s="274" t="s">
        <v>175</v>
      </c>
      <c r="H221" s="276"/>
      <c r="I221" s="338" t="s">
        <v>209</v>
      </c>
      <c r="J221" s="112"/>
      <c r="K221" s="113"/>
      <c r="L221" s="108">
        <v>6</v>
      </c>
      <c r="M221" s="108">
        <v>6</v>
      </c>
      <c r="N221" s="108">
        <v>11</v>
      </c>
      <c r="O221" s="104"/>
      <c r="P221" s="104"/>
      <c r="Q221" s="104"/>
      <c r="R221" s="104"/>
      <c r="S221" s="104"/>
      <c r="T221" s="104"/>
      <c r="U221" s="104"/>
    </row>
    <row r="222" spans="1:71" s="67" customFormat="1" ht="34.5" customHeight="1">
      <c r="A222" s="183" t="s">
        <v>208</v>
      </c>
      <c r="B222" s="97"/>
      <c r="C222" s="329"/>
      <c r="D222" s="329"/>
      <c r="E222" s="329"/>
      <c r="F222" s="329"/>
      <c r="G222" s="274" t="s">
        <v>177</v>
      </c>
      <c r="H222" s="276"/>
      <c r="I222" s="339"/>
      <c r="J222" s="112"/>
      <c r="K222" s="114"/>
      <c r="L222" s="109">
        <v>0</v>
      </c>
      <c r="M222" s="109">
        <v>1.8</v>
      </c>
      <c r="N222" s="109">
        <v>1.3</v>
      </c>
      <c r="O222" s="104"/>
      <c r="P222" s="104"/>
      <c r="Q222" s="104"/>
      <c r="R222" s="104"/>
      <c r="S222" s="104"/>
      <c r="T222" s="104"/>
      <c r="U222" s="104"/>
    </row>
    <row r="223" spans="1:71" s="67" customFormat="1" ht="34.5" customHeight="1">
      <c r="A223" s="183" t="s">
        <v>210</v>
      </c>
      <c r="B223" s="97"/>
      <c r="C223" s="329" t="s">
        <v>183</v>
      </c>
      <c r="D223" s="330"/>
      <c r="E223" s="330"/>
      <c r="F223" s="330"/>
      <c r="G223" s="274" t="s">
        <v>175</v>
      </c>
      <c r="H223" s="276"/>
      <c r="I223" s="339"/>
      <c r="J223" s="112"/>
      <c r="K223" s="113"/>
      <c r="L223" s="108">
        <v>0</v>
      </c>
      <c r="M223" s="108">
        <v>0</v>
      </c>
      <c r="N223" s="108">
        <v>2</v>
      </c>
      <c r="O223" s="104"/>
      <c r="P223" s="104"/>
      <c r="Q223" s="104"/>
      <c r="R223" s="104"/>
      <c r="S223" s="104"/>
      <c r="T223" s="104"/>
      <c r="U223" s="104"/>
    </row>
    <row r="224" spans="1:71" s="67" customFormat="1" ht="34.5" customHeight="1">
      <c r="A224" s="183" t="s">
        <v>210</v>
      </c>
      <c r="B224" s="97"/>
      <c r="C224" s="330"/>
      <c r="D224" s="330"/>
      <c r="E224" s="330"/>
      <c r="F224" s="330"/>
      <c r="G224" s="274" t="s">
        <v>177</v>
      </c>
      <c r="H224" s="276"/>
      <c r="I224" s="339"/>
      <c r="J224" s="112"/>
      <c r="K224" s="114"/>
      <c r="L224" s="109">
        <v>0</v>
      </c>
      <c r="M224" s="109">
        <v>0</v>
      </c>
      <c r="N224" s="109">
        <v>0</v>
      </c>
      <c r="O224" s="104"/>
      <c r="P224" s="104"/>
      <c r="Q224" s="104"/>
      <c r="R224" s="104"/>
      <c r="S224" s="104"/>
      <c r="T224" s="104"/>
      <c r="U224" s="104"/>
    </row>
    <row r="225" spans="1:21" s="67" customFormat="1" ht="34.5" customHeight="1">
      <c r="A225" s="183" t="s">
        <v>211</v>
      </c>
      <c r="B225" s="97"/>
      <c r="C225" s="329" t="s">
        <v>185</v>
      </c>
      <c r="D225" s="330"/>
      <c r="E225" s="330"/>
      <c r="F225" s="330"/>
      <c r="G225" s="274" t="s">
        <v>175</v>
      </c>
      <c r="H225" s="276"/>
      <c r="I225" s="339"/>
      <c r="J225" s="112"/>
      <c r="K225" s="113"/>
      <c r="L225" s="108">
        <v>0</v>
      </c>
      <c r="M225" s="108">
        <v>0</v>
      </c>
      <c r="N225" s="108">
        <v>1</v>
      </c>
      <c r="O225" s="104"/>
      <c r="P225" s="104"/>
      <c r="Q225" s="104"/>
      <c r="R225" s="104"/>
      <c r="S225" s="104"/>
      <c r="T225" s="104"/>
      <c r="U225" s="104"/>
    </row>
    <row r="226" spans="1:21" s="67" customFormat="1" ht="34.5" customHeight="1">
      <c r="A226" s="183" t="s">
        <v>211</v>
      </c>
      <c r="B226" s="97"/>
      <c r="C226" s="330"/>
      <c r="D226" s="330"/>
      <c r="E226" s="330"/>
      <c r="F226" s="330"/>
      <c r="G226" s="274" t="s">
        <v>177</v>
      </c>
      <c r="H226" s="276"/>
      <c r="I226" s="339"/>
      <c r="J226" s="112"/>
      <c r="K226" s="114"/>
      <c r="L226" s="109">
        <v>0</v>
      </c>
      <c r="M226" s="109">
        <v>0.4</v>
      </c>
      <c r="N226" s="109">
        <v>0</v>
      </c>
      <c r="O226" s="104"/>
      <c r="P226" s="104"/>
      <c r="Q226" s="104"/>
      <c r="R226" s="104"/>
      <c r="S226" s="104"/>
      <c r="T226" s="104"/>
      <c r="U226" s="104"/>
    </row>
    <row r="227" spans="1:21" s="67" customFormat="1" ht="34.5" customHeight="1">
      <c r="A227" s="183" t="s">
        <v>212</v>
      </c>
      <c r="B227" s="97"/>
      <c r="C227" s="329" t="s">
        <v>187</v>
      </c>
      <c r="D227" s="330"/>
      <c r="E227" s="330"/>
      <c r="F227" s="330"/>
      <c r="G227" s="274" t="s">
        <v>175</v>
      </c>
      <c r="H227" s="276"/>
      <c r="I227" s="339"/>
      <c r="J227" s="112"/>
      <c r="K227" s="113"/>
      <c r="L227" s="108">
        <v>0</v>
      </c>
      <c r="M227" s="108">
        <v>0</v>
      </c>
      <c r="N227" s="108">
        <v>0</v>
      </c>
      <c r="O227" s="104"/>
      <c r="P227" s="104"/>
      <c r="Q227" s="104"/>
      <c r="R227" s="104"/>
      <c r="S227" s="104"/>
      <c r="T227" s="104"/>
      <c r="U227" s="104"/>
    </row>
    <row r="228" spans="1:21" s="67" customFormat="1" ht="34.5" customHeight="1">
      <c r="A228" s="183" t="s">
        <v>212</v>
      </c>
      <c r="B228" s="68"/>
      <c r="C228" s="330"/>
      <c r="D228" s="330"/>
      <c r="E228" s="330"/>
      <c r="F228" s="330"/>
      <c r="G228" s="274" t="s">
        <v>177</v>
      </c>
      <c r="H228" s="276"/>
      <c r="I228" s="339"/>
      <c r="J228" s="112"/>
      <c r="K228" s="114"/>
      <c r="L228" s="109">
        <v>0</v>
      </c>
      <c r="M228" s="109">
        <v>0</v>
      </c>
      <c r="N228" s="109">
        <v>0</v>
      </c>
      <c r="O228" s="104"/>
      <c r="P228" s="104"/>
      <c r="Q228" s="104"/>
      <c r="R228" s="104"/>
      <c r="S228" s="104"/>
      <c r="T228" s="104"/>
      <c r="U228" s="104"/>
    </row>
    <row r="229" spans="1:21" s="67" customFormat="1" ht="34.5" customHeight="1">
      <c r="A229" s="183" t="s">
        <v>213</v>
      </c>
      <c r="B229" s="68"/>
      <c r="C229" s="329" t="s">
        <v>189</v>
      </c>
      <c r="D229" s="330"/>
      <c r="E229" s="330"/>
      <c r="F229" s="330"/>
      <c r="G229" s="274" t="s">
        <v>175</v>
      </c>
      <c r="H229" s="276"/>
      <c r="I229" s="339"/>
      <c r="J229" s="112"/>
      <c r="K229" s="113"/>
      <c r="L229" s="108">
        <v>0</v>
      </c>
      <c r="M229" s="108">
        <v>0</v>
      </c>
      <c r="N229" s="108">
        <v>21</v>
      </c>
      <c r="O229" s="104"/>
      <c r="P229" s="104"/>
      <c r="Q229" s="104"/>
      <c r="R229" s="104"/>
      <c r="S229" s="104"/>
      <c r="T229" s="104"/>
      <c r="U229" s="104"/>
    </row>
    <row r="230" spans="1:21" s="67" customFormat="1" ht="34.5" customHeight="1">
      <c r="A230" s="183" t="s">
        <v>213</v>
      </c>
      <c r="B230" s="68"/>
      <c r="C230" s="330"/>
      <c r="D230" s="330"/>
      <c r="E230" s="330"/>
      <c r="F230" s="330"/>
      <c r="G230" s="274" t="s">
        <v>177</v>
      </c>
      <c r="H230" s="276"/>
      <c r="I230" s="339"/>
      <c r="J230" s="112"/>
      <c r="K230" s="114"/>
      <c r="L230" s="109">
        <v>0</v>
      </c>
      <c r="M230" s="109">
        <v>0</v>
      </c>
      <c r="N230" s="109">
        <v>0</v>
      </c>
      <c r="O230" s="104"/>
      <c r="P230" s="104"/>
      <c r="Q230" s="104"/>
      <c r="R230" s="104"/>
      <c r="S230" s="104"/>
      <c r="T230" s="104"/>
      <c r="U230" s="104"/>
    </row>
    <row r="231" spans="1:21" s="67" customFormat="1" ht="34.5" customHeight="1">
      <c r="A231" s="183" t="s">
        <v>214</v>
      </c>
      <c r="B231" s="68"/>
      <c r="C231" s="329" t="s">
        <v>191</v>
      </c>
      <c r="D231" s="330"/>
      <c r="E231" s="330"/>
      <c r="F231" s="330"/>
      <c r="G231" s="274" t="s">
        <v>175</v>
      </c>
      <c r="H231" s="276"/>
      <c r="I231" s="339"/>
      <c r="J231" s="112"/>
      <c r="K231" s="113"/>
      <c r="L231" s="108">
        <v>0</v>
      </c>
      <c r="M231" s="108">
        <v>0</v>
      </c>
      <c r="N231" s="108">
        <v>14</v>
      </c>
      <c r="O231" s="104"/>
      <c r="P231" s="104"/>
      <c r="Q231" s="104"/>
      <c r="R231" s="104"/>
      <c r="S231" s="104"/>
      <c r="T231" s="104"/>
      <c r="U231" s="104"/>
    </row>
    <row r="232" spans="1:21" s="67" customFormat="1" ht="34.5" customHeight="1">
      <c r="A232" s="183" t="s">
        <v>214</v>
      </c>
      <c r="B232" s="68"/>
      <c r="C232" s="330"/>
      <c r="D232" s="330"/>
      <c r="E232" s="330"/>
      <c r="F232" s="330"/>
      <c r="G232" s="274" t="s">
        <v>177</v>
      </c>
      <c r="H232" s="276"/>
      <c r="I232" s="339"/>
      <c r="J232" s="112"/>
      <c r="K232" s="114"/>
      <c r="L232" s="109">
        <v>0</v>
      </c>
      <c r="M232" s="109">
        <v>0</v>
      </c>
      <c r="N232" s="109">
        <v>0</v>
      </c>
      <c r="O232" s="104"/>
      <c r="P232" s="104"/>
      <c r="Q232" s="104"/>
      <c r="R232" s="104"/>
      <c r="S232" s="104"/>
      <c r="T232" s="104"/>
      <c r="U232" s="104"/>
    </row>
    <row r="233" spans="1:21" s="67" customFormat="1" ht="34.5" customHeight="1">
      <c r="A233" s="183" t="s">
        <v>215</v>
      </c>
      <c r="B233" s="68"/>
      <c r="C233" s="329" t="s">
        <v>193</v>
      </c>
      <c r="D233" s="330"/>
      <c r="E233" s="330"/>
      <c r="F233" s="330"/>
      <c r="G233" s="274" t="s">
        <v>175</v>
      </c>
      <c r="H233" s="276"/>
      <c r="I233" s="339"/>
      <c r="J233" s="112"/>
      <c r="K233" s="113"/>
      <c r="L233" s="108">
        <v>0</v>
      </c>
      <c r="M233" s="108">
        <v>0</v>
      </c>
      <c r="N233" s="108">
        <v>5</v>
      </c>
      <c r="O233" s="104"/>
      <c r="P233" s="104"/>
      <c r="Q233" s="104"/>
      <c r="R233" s="104"/>
      <c r="S233" s="104"/>
      <c r="T233" s="104"/>
      <c r="U233" s="104"/>
    </row>
    <row r="234" spans="1:21" s="67" customFormat="1" ht="34.5" customHeight="1">
      <c r="A234" s="183" t="s">
        <v>215</v>
      </c>
      <c r="B234" s="68"/>
      <c r="C234" s="330"/>
      <c r="D234" s="330"/>
      <c r="E234" s="330"/>
      <c r="F234" s="330"/>
      <c r="G234" s="274" t="s">
        <v>177</v>
      </c>
      <c r="H234" s="276"/>
      <c r="I234" s="339"/>
      <c r="J234" s="112"/>
      <c r="K234" s="114"/>
      <c r="L234" s="109">
        <v>0</v>
      </c>
      <c r="M234" s="109">
        <v>0</v>
      </c>
      <c r="N234" s="109">
        <v>0</v>
      </c>
      <c r="O234" s="104"/>
      <c r="P234" s="104"/>
      <c r="Q234" s="104"/>
      <c r="R234" s="104"/>
      <c r="S234" s="104"/>
      <c r="T234" s="104"/>
      <c r="U234" s="104"/>
    </row>
    <row r="235" spans="1:21" s="67" customFormat="1" ht="34.5" customHeight="1">
      <c r="A235" s="183" t="s">
        <v>216</v>
      </c>
      <c r="B235" s="68"/>
      <c r="C235" s="329" t="s">
        <v>195</v>
      </c>
      <c r="D235" s="330"/>
      <c r="E235" s="330"/>
      <c r="F235" s="330"/>
      <c r="G235" s="274" t="s">
        <v>175</v>
      </c>
      <c r="H235" s="276"/>
      <c r="I235" s="339"/>
      <c r="J235" s="112"/>
      <c r="K235" s="113"/>
      <c r="L235" s="108">
        <v>0</v>
      </c>
      <c r="M235" s="108">
        <v>0</v>
      </c>
      <c r="N235" s="108">
        <v>7</v>
      </c>
      <c r="O235" s="104"/>
      <c r="P235" s="104"/>
      <c r="Q235" s="104"/>
      <c r="R235" s="104"/>
      <c r="S235" s="104"/>
      <c r="T235" s="104"/>
      <c r="U235" s="104"/>
    </row>
    <row r="236" spans="1:21" s="67" customFormat="1" ht="34.5" customHeight="1">
      <c r="A236" s="183" t="s">
        <v>216</v>
      </c>
      <c r="B236" s="68"/>
      <c r="C236" s="330"/>
      <c r="D236" s="330"/>
      <c r="E236" s="330"/>
      <c r="F236" s="330"/>
      <c r="G236" s="274" t="s">
        <v>177</v>
      </c>
      <c r="H236" s="276"/>
      <c r="I236" s="339"/>
      <c r="J236" s="112"/>
      <c r="K236" s="114"/>
      <c r="L236" s="109">
        <v>0</v>
      </c>
      <c r="M236" s="109">
        <v>0</v>
      </c>
      <c r="N236" s="109">
        <v>0</v>
      </c>
      <c r="O236" s="104"/>
      <c r="P236" s="104"/>
      <c r="Q236" s="104"/>
      <c r="R236" s="104"/>
      <c r="S236" s="104"/>
      <c r="T236" s="104"/>
      <c r="U236" s="104"/>
    </row>
    <row r="237" spans="1:21" s="67" customFormat="1" ht="34.5" customHeight="1">
      <c r="A237" s="183" t="s">
        <v>217</v>
      </c>
      <c r="B237" s="68"/>
      <c r="C237" s="329" t="s">
        <v>201</v>
      </c>
      <c r="D237" s="330"/>
      <c r="E237" s="330"/>
      <c r="F237" s="330"/>
      <c r="G237" s="274" t="s">
        <v>175</v>
      </c>
      <c r="H237" s="276"/>
      <c r="I237" s="339"/>
      <c r="J237" s="112"/>
      <c r="K237" s="113"/>
      <c r="L237" s="108">
        <v>0</v>
      </c>
      <c r="M237" s="108">
        <v>0</v>
      </c>
      <c r="N237" s="108">
        <v>4</v>
      </c>
      <c r="O237" s="104"/>
      <c r="P237" s="104"/>
      <c r="Q237" s="104"/>
      <c r="R237" s="104"/>
      <c r="S237" s="104"/>
      <c r="T237" s="104"/>
      <c r="U237" s="104"/>
    </row>
    <row r="238" spans="1:21" s="67" customFormat="1" ht="34.5" customHeight="1">
      <c r="A238" s="183" t="s">
        <v>217</v>
      </c>
      <c r="B238" s="68"/>
      <c r="C238" s="330"/>
      <c r="D238" s="330"/>
      <c r="E238" s="330"/>
      <c r="F238" s="330"/>
      <c r="G238" s="274" t="s">
        <v>177</v>
      </c>
      <c r="H238" s="276"/>
      <c r="I238" s="339"/>
      <c r="J238" s="112"/>
      <c r="K238" s="114"/>
      <c r="L238" s="109">
        <v>0</v>
      </c>
      <c r="M238" s="109">
        <v>0</v>
      </c>
      <c r="N238" s="109">
        <v>0</v>
      </c>
      <c r="O238" s="104"/>
      <c r="P238" s="104"/>
      <c r="Q238" s="104"/>
      <c r="R238" s="104"/>
      <c r="S238" s="104"/>
      <c r="T238" s="104"/>
      <c r="U238" s="104"/>
    </row>
    <row r="239" spans="1:21" s="67" customFormat="1" ht="34.5" customHeight="1">
      <c r="A239" s="183" t="s">
        <v>218</v>
      </c>
      <c r="B239" s="68"/>
      <c r="C239" s="329" t="s">
        <v>203</v>
      </c>
      <c r="D239" s="331"/>
      <c r="E239" s="331"/>
      <c r="F239" s="331"/>
      <c r="G239" s="274" t="s">
        <v>175</v>
      </c>
      <c r="H239" s="276"/>
      <c r="I239" s="339"/>
      <c r="J239" s="112"/>
      <c r="K239" s="115"/>
      <c r="L239" s="108">
        <v>0</v>
      </c>
      <c r="M239" s="108">
        <v>0</v>
      </c>
      <c r="N239" s="108">
        <v>5</v>
      </c>
      <c r="O239" s="104"/>
      <c r="P239" s="104"/>
      <c r="Q239" s="104"/>
      <c r="R239" s="104"/>
      <c r="S239" s="104"/>
      <c r="T239" s="104"/>
      <c r="U239" s="104"/>
    </row>
    <row r="240" spans="1:21" s="67" customFormat="1" ht="34.5" customHeight="1">
      <c r="A240" s="183" t="s">
        <v>218</v>
      </c>
      <c r="B240" s="68"/>
      <c r="C240" s="331"/>
      <c r="D240" s="331"/>
      <c r="E240" s="331"/>
      <c r="F240" s="331"/>
      <c r="G240" s="274" t="s">
        <v>177</v>
      </c>
      <c r="H240" s="276"/>
      <c r="I240" s="340"/>
      <c r="J240" s="116"/>
      <c r="K240" s="117"/>
      <c r="L240" s="109">
        <v>0</v>
      </c>
      <c r="M240" s="109">
        <v>0</v>
      </c>
      <c r="N240" s="109">
        <v>0</v>
      </c>
      <c r="O240" s="104"/>
      <c r="P240" s="104"/>
      <c r="Q240" s="104"/>
      <c r="R240" s="104"/>
      <c r="S240" s="104"/>
      <c r="T240" s="104"/>
      <c r="U240" s="104"/>
    </row>
    <row r="241" spans="1:71" s="74" customFormat="1">
      <c r="A241" s="178"/>
      <c r="B241" s="14"/>
      <c r="C241" s="14"/>
      <c r="D241" s="14"/>
      <c r="E241" s="14"/>
      <c r="F241" s="14"/>
      <c r="G241" s="14"/>
      <c r="H241" s="10"/>
      <c r="I241" s="10"/>
      <c r="J241" s="71"/>
      <c r="K241" s="72"/>
      <c r="L241" s="73"/>
      <c r="M241" s="73"/>
      <c r="N241" s="73"/>
      <c r="O241" s="73"/>
      <c r="P241" s="73"/>
      <c r="Q241" s="73"/>
      <c r="R241" s="73"/>
      <c r="S241" s="73"/>
      <c r="T241" s="73"/>
      <c r="U241" s="73"/>
      <c r="V241" s="73"/>
    </row>
    <row r="242" spans="1:71" s="67" customFormat="1">
      <c r="A242" s="178"/>
      <c r="B242" s="68"/>
      <c r="C242" s="52"/>
      <c r="D242" s="52"/>
      <c r="E242" s="52"/>
      <c r="F242" s="52"/>
      <c r="G242" s="52"/>
      <c r="H242" s="75"/>
      <c r="I242" s="75"/>
      <c r="J242" s="71"/>
      <c r="K242" s="72"/>
      <c r="L242" s="73"/>
      <c r="M242" s="73"/>
      <c r="N242" s="73"/>
      <c r="O242" s="73"/>
      <c r="P242" s="73"/>
      <c r="Q242" s="73"/>
      <c r="R242" s="73"/>
      <c r="S242" s="73"/>
      <c r="T242" s="73"/>
      <c r="U242" s="73"/>
      <c r="V242" s="73"/>
    </row>
    <row r="243" spans="1:71" s="74" customFormat="1">
      <c r="A243" s="178"/>
      <c r="B243" s="68"/>
      <c r="C243" s="3"/>
      <c r="D243" s="3"/>
      <c r="E243" s="3"/>
      <c r="F243" s="3"/>
      <c r="G243" s="3"/>
      <c r="H243" s="214"/>
      <c r="I243" s="214"/>
      <c r="J243" s="86"/>
      <c r="K243" s="24"/>
      <c r="L243" s="86"/>
      <c r="M243" s="86"/>
      <c r="N243" s="86"/>
      <c r="O243" s="86"/>
      <c r="P243" s="86"/>
      <c r="Q243" s="86"/>
      <c r="R243" s="86"/>
      <c r="S243" s="86"/>
      <c r="T243" s="86"/>
      <c r="U243" s="86"/>
      <c r="V243" s="86"/>
    </row>
    <row r="244" spans="1:71" s="74" customFormat="1">
      <c r="A244" s="178"/>
      <c r="B244" s="14" t="s">
        <v>219</v>
      </c>
      <c r="C244" s="14"/>
      <c r="D244" s="14"/>
      <c r="E244" s="14"/>
      <c r="F244" s="14"/>
      <c r="G244" s="14"/>
      <c r="H244" s="10"/>
      <c r="I244" s="10"/>
      <c r="J244" s="86"/>
      <c r="K244" s="24"/>
      <c r="L244" s="86"/>
      <c r="M244" s="86"/>
      <c r="N244" s="86"/>
      <c r="O244" s="86"/>
      <c r="P244" s="86"/>
      <c r="Q244" s="86"/>
      <c r="R244" s="86"/>
      <c r="S244" s="86"/>
      <c r="T244" s="86"/>
      <c r="U244" s="86"/>
      <c r="V244" s="86"/>
    </row>
    <row r="245" spans="1:71">
      <c r="A245" s="178"/>
      <c r="B245" s="14"/>
      <c r="C245" s="14"/>
      <c r="D245" s="14"/>
      <c r="E245" s="14"/>
      <c r="F245" s="14"/>
      <c r="G245" s="14"/>
      <c r="H245" s="10"/>
      <c r="I245" s="10"/>
      <c r="L245" s="175"/>
      <c r="M245" s="175"/>
      <c r="N245" s="175"/>
      <c r="O245" s="175"/>
      <c r="P245" s="175"/>
      <c r="Q245" s="175"/>
      <c r="R245" s="62"/>
      <c r="S245" s="62"/>
      <c r="T245" s="62"/>
      <c r="U245" s="62"/>
      <c r="V245" s="62"/>
    </row>
    <row r="246" spans="1:71" ht="34.5" customHeight="1">
      <c r="A246" s="178"/>
      <c r="B246" s="14"/>
      <c r="C246" s="3"/>
      <c r="D246" s="3"/>
      <c r="F246" s="3"/>
      <c r="G246" s="3"/>
      <c r="H246" s="214"/>
      <c r="I246" s="214"/>
      <c r="J246" s="63" t="s">
        <v>81</v>
      </c>
      <c r="K246" s="64"/>
      <c r="L246" s="245" t="str">
        <f>IF(ISBLANK(L$9),"",L$9)</f>
        <v>4階病棟</v>
      </c>
      <c r="M246" s="249" t="str">
        <f t="shared" ref="M246:BS246" si="29">IF(ISBLANK(M$9),"",M$9)</f>
        <v>回復期リハビリテーション病棟</v>
      </c>
      <c r="N246" s="249" t="str">
        <f t="shared" si="29"/>
        <v>地域包括ケア病棟</v>
      </c>
      <c r="O246" s="249" t="str">
        <f t="shared" si="29"/>
        <v>地域包括ケア病棟サテライト</v>
      </c>
      <c r="P246" s="249" t="str">
        <f t="shared" si="29"/>
        <v>特殊疾患病棟</v>
      </c>
      <c r="Q246" s="249" t="str">
        <f t="shared" si="29"/>
        <v>療養病棟2階</v>
      </c>
      <c r="R246" s="249" t="str">
        <f t="shared" si="29"/>
        <v/>
      </c>
      <c r="S246" s="249" t="str">
        <f t="shared" si="29"/>
        <v/>
      </c>
      <c r="T246" s="249" t="str">
        <f t="shared" si="29"/>
        <v/>
      </c>
      <c r="U246" s="249" t="str">
        <f t="shared" si="29"/>
        <v/>
      </c>
      <c r="V246" s="249" t="str">
        <f t="shared" si="29"/>
        <v/>
      </c>
      <c r="W246" s="249" t="str">
        <f t="shared" si="29"/>
        <v/>
      </c>
      <c r="X246" s="249" t="str">
        <f t="shared" si="29"/>
        <v/>
      </c>
      <c r="Y246" s="249" t="str">
        <f t="shared" si="29"/>
        <v/>
      </c>
      <c r="Z246" s="249" t="str">
        <f t="shared" si="29"/>
        <v/>
      </c>
      <c r="AA246" s="249" t="str">
        <f t="shared" si="29"/>
        <v/>
      </c>
      <c r="AB246" s="249" t="str">
        <f t="shared" si="29"/>
        <v/>
      </c>
      <c r="AC246" s="249" t="str">
        <f t="shared" si="29"/>
        <v/>
      </c>
      <c r="AD246" s="249" t="str">
        <f t="shared" si="29"/>
        <v/>
      </c>
      <c r="AE246" s="249" t="str">
        <f t="shared" si="29"/>
        <v/>
      </c>
      <c r="AF246" s="249" t="str">
        <f t="shared" si="29"/>
        <v/>
      </c>
      <c r="AG246" s="249" t="str">
        <f t="shared" si="29"/>
        <v/>
      </c>
      <c r="AH246" s="249" t="str">
        <f t="shared" si="29"/>
        <v/>
      </c>
      <c r="AI246" s="249" t="str">
        <f t="shared" si="29"/>
        <v/>
      </c>
      <c r="AJ246" s="249" t="str">
        <f t="shared" si="29"/>
        <v/>
      </c>
      <c r="AK246" s="249" t="str">
        <f t="shared" si="29"/>
        <v/>
      </c>
      <c r="AL246" s="249" t="str">
        <f t="shared" si="29"/>
        <v/>
      </c>
      <c r="AM246" s="249" t="str">
        <f t="shared" si="29"/>
        <v/>
      </c>
      <c r="AN246" s="249" t="str">
        <f t="shared" si="29"/>
        <v/>
      </c>
      <c r="AO246" s="249" t="str">
        <f t="shared" si="29"/>
        <v/>
      </c>
      <c r="AP246" s="249" t="str">
        <f t="shared" si="29"/>
        <v/>
      </c>
      <c r="AQ246" s="249" t="str">
        <f t="shared" si="29"/>
        <v/>
      </c>
      <c r="AR246" s="249" t="str">
        <f t="shared" si="29"/>
        <v/>
      </c>
      <c r="AS246" s="249" t="str">
        <f t="shared" si="29"/>
        <v/>
      </c>
      <c r="AT246" s="249" t="str">
        <f t="shared" si="29"/>
        <v/>
      </c>
      <c r="AU246" s="249" t="str">
        <f t="shared" si="29"/>
        <v/>
      </c>
      <c r="AV246" s="249" t="str">
        <f t="shared" si="29"/>
        <v/>
      </c>
      <c r="AW246" s="249" t="str">
        <f t="shared" si="29"/>
        <v/>
      </c>
      <c r="AX246" s="249" t="str">
        <f t="shared" si="29"/>
        <v/>
      </c>
      <c r="AY246" s="249" t="str">
        <f t="shared" si="29"/>
        <v/>
      </c>
      <c r="AZ246" s="249" t="str">
        <f t="shared" si="29"/>
        <v/>
      </c>
      <c r="BA246" s="249" t="str">
        <f t="shared" si="29"/>
        <v/>
      </c>
      <c r="BB246" s="249" t="str">
        <f t="shared" si="29"/>
        <v/>
      </c>
      <c r="BC246" s="249" t="str">
        <f t="shared" si="29"/>
        <v/>
      </c>
      <c r="BD246" s="249" t="str">
        <f t="shared" si="29"/>
        <v/>
      </c>
      <c r="BE246" s="249" t="str">
        <f t="shared" si="29"/>
        <v/>
      </c>
      <c r="BF246" s="249" t="str">
        <f t="shared" si="29"/>
        <v/>
      </c>
      <c r="BG246" s="249" t="str">
        <f t="shared" si="29"/>
        <v/>
      </c>
      <c r="BH246" s="249" t="str">
        <f t="shared" si="29"/>
        <v/>
      </c>
      <c r="BI246" s="249" t="str">
        <f t="shared" si="29"/>
        <v/>
      </c>
      <c r="BJ246" s="249" t="str">
        <f t="shared" si="29"/>
        <v/>
      </c>
      <c r="BK246" s="249" t="str">
        <f t="shared" si="29"/>
        <v/>
      </c>
      <c r="BL246" s="249" t="str">
        <f t="shared" si="29"/>
        <v/>
      </c>
      <c r="BM246" s="249" t="str">
        <f t="shared" si="29"/>
        <v/>
      </c>
      <c r="BN246" s="249" t="str">
        <f t="shared" si="29"/>
        <v/>
      </c>
      <c r="BO246" s="249" t="str">
        <f t="shared" si="29"/>
        <v/>
      </c>
      <c r="BP246" s="249" t="str">
        <f t="shared" si="29"/>
        <v/>
      </c>
      <c r="BQ246" s="249" t="str">
        <f t="shared" si="29"/>
        <v/>
      </c>
      <c r="BR246" s="249" t="str">
        <f t="shared" si="29"/>
        <v/>
      </c>
      <c r="BS246" s="249" t="str">
        <f t="shared" si="29"/>
        <v/>
      </c>
    </row>
    <row r="247" spans="1:71" ht="20.25" customHeight="1">
      <c r="A247" s="178"/>
      <c r="B247" s="1"/>
      <c r="C247" s="52"/>
      <c r="D247" s="3"/>
      <c r="F247" s="3"/>
      <c r="G247" s="3"/>
      <c r="H247" s="214"/>
      <c r="I247" s="56" t="s">
        <v>82</v>
      </c>
      <c r="J247" s="57"/>
      <c r="K247" s="65"/>
      <c r="L247" s="59" t="str">
        <f t="shared" ref="L247:AQ247" si="30">IF(ISBLANK(L$95),"",L$95)</f>
        <v>急性期</v>
      </c>
      <c r="M247" s="249" t="str">
        <f t="shared" si="30"/>
        <v>回復期</v>
      </c>
      <c r="N247" s="249" t="str">
        <f t="shared" si="30"/>
        <v>回復期</v>
      </c>
      <c r="O247" s="249" t="str">
        <f t="shared" si="30"/>
        <v>休棟中（今後廃止する予定）</v>
      </c>
      <c r="P247" s="249" t="str">
        <f t="shared" si="30"/>
        <v>慢性期</v>
      </c>
      <c r="Q247" s="249" t="str">
        <f t="shared" si="30"/>
        <v>慢性期</v>
      </c>
      <c r="R247" s="249" t="str">
        <f t="shared" si="30"/>
        <v/>
      </c>
      <c r="S247" s="249" t="str">
        <f t="shared" si="30"/>
        <v/>
      </c>
      <c r="T247" s="249" t="str">
        <f t="shared" si="30"/>
        <v/>
      </c>
      <c r="U247" s="249" t="str">
        <f t="shared" si="30"/>
        <v/>
      </c>
      <c r="V247" s="249" t="str">
        <f t="shared" si="30"/>
        <v/>
      </c>
      <c r="W247" s="249" t="str">
        <f t="shared" si="30"/>
        <v/>
      </c>
      <c r="X247" s="249" t="str">
        <f t="shared" si="30"/>
        <v/>
      </c>
      <c r="Y247" s="249" t="str">
        <f t="shared" si="30"/>
        <v/>
      </c>
      <c r="Z247" s="249" t="str">
        <f t="shared" si="30"/>
        <v/>
      </c>
      <c r="AA247" s="249" t="str">
        <f t="shared" si="30"/>
        <v/>
      </c>
      <c r="AB247" s="249" t="str">
        <f t="shared" si="30"/>
        <v/>
      </c>
      <c r="AC247" s="249" t="str">
        <f t="shared" si="30"/>
        <v/>
      </c>
      <c r="AD247" s="249" t="str">
        <f t="shared" si="30"/>
        <v/>
      </c>
      <c r="AE247" s="249" t="str">
        <f t="shared" si="30"/>
        <v/>
      </c>
      <c r="AF247" s="249" t="str">
        <f t="shared" si="30"/>
        <v/>
      </c>
      <c r="AG247" s="249" t="str">
        <f t="shared" si="30"/>
        <v/>
      </c>
      <c r="AH247" s="249" t="str">
        <f t="shared" si="30"/>
        <v/>
      </c>
      <c r="AI247" s="249" t="str">
        <f t="shared" si="30"/>
        <v/>
      </c>
      <c r="AJ247" s="249" t="str">
        <f t="shared" si="30"/>
        <v/>
      </c>
      <c r="AK247" s="249" t="str">
        <f t="shared" si="30"/>
        <v/>
      </c>
      <c r="AL247" s="249" t="str">
        <f t="shared" si="30"/>
        <v/>
      </c>
      <c r="AM247" s="249" t="str">
        <f t="shared" si="30"/>
        <v/>
      </c>
      <c r="AN247" s="249" t="str">
        <f t="shared" si="30"/>
        <v/>
      </c>
      <c r="AO247" s="249" t="str">
        <f t="shared" si="30"/>
        <v/>
      </c>
      <c r="AP247" s="249" t="str">
        <f t="shared" si="30"/>
        <v/>
      </c>
      <c r="AQ247" s="249" t="str">
        <f t="shared" si="30"/>
        <v/>
      </c>
      <c r="AR247" s="249" t="str">
        <f t="shared" ref="AR247:BS247" si="31">IF(ISBLANK(AR$95),"",AR$95)</f>
        <v/>
      </c>
      <c r="AS247" s="249" t="str">
        <f t="shared" si="31"/>
        <v/>
      </c>
      <c r="AT247" s="249" t="str">
        <f t="shared" si="31"/>
        <v/>
      </c>
      <c r="AU247" s="249" t="str">
        <f t="shared" si="31"/>
        <v/>
      </c>
      <c r="AV247" s="249" t="str">
        <f t="shared" si="31"/>
        <v/>
      </c>
      <c r="AW247" s="249" t="str">
        <f t="shared" si="31"/>
        <v/>
      </c>
      <c r="AX247" s="249" t="str">
        <f t="shared" si="31"/>
        <v/>
      </c>
      <c r="AY247" s="249" t="str">
        <f t="shared" si="31"/>
        <v/>
      </c>
      <c r="AZ247" s="249" t="str">
        <f t="shared" si="31"/>
        <v/>
      </c>
      <c r="BA247" s="249" t="str">
        <f t="shared" si="31"/>
        <v/>
      </c>
      <c r="BB247" s="249" t="str">
        <f t="shared" si="31"/>
        <v/>
      </c>
      <c r="BC247" s="249" t="str">
        <f t="shared" si="31"/>
        <v/>
      </c>
      <c r="BD247" s="249" t="str">
        <f t="shared" si="31"/>
        <v/>
      </c>
      <c r="BE247" s="249" t="str">
        <f t="shared" si="31"/>
        <v/>
      </c>
      <c r="BF247" s="249" t="str">
        <f t="shared" si="31"/>
        <v/>
      </c>
      <c r="BG247" s="249" t="str">
        <f t="shared" si="31"/>
        <v/>
      </c>
      <c r="BH247" s="249" t="str">
        <f t="shared" si="31"/>
        <v/>
      </c>
      <c r="BI247" s="249" t="str">
        <f t="shared" si="31"/>
        <v/>
      </c>
      <c r="BJ247" s="249" t="str">
        <f t="shared" si="31"/>
        <v/>
      </c>
      <c r="BK247" s="249" t="str">
        <f t="shared" si="31"/>
        <v/>
      </c>
      <c r="BL247" s="249" t="str">
        <f t="shared" si="31"/>
        <v/>
      </c>
      <c r="BM247" s="249" t="str">
        <f t="shared" si="31"/>
        <v/>
      </c>
      <c r="BN247" s="249" t="str">
        <f t="shared" si="31"/>
        <v/>
      </c>
      <c r="BO247" s="249" t="str">
        <f t="shared" si="31"/>
        <v/>
      </c>
      <c r="BP247" s="249" t="str">
        <f t="shared" si="31"/>
        <v/>
      </c>
      <c r="BQ247" s="249" t="str">
        <f t="shared" si="31"/>
        <v/>
      </c>
      <c r="BR247" s="249" t="str">
        <f t="shared" si="31"/>
        <v/>
      </c>
      <c r="BS247" s="249" t="str">
        <f t="shared" si="31"/>
        <v/>
      </c>
    </row>
    <row r="248" spans="1:71" s="67" customFormat="1" ht="34.5" customHeight="1">
      <c r="A248" s="183" t="s">
        <v>220</v>
      </c>
      <c r="B248" s="1"/>
      <c r="C248" s="274" t="s">
        <v>221</v>
      </c>
      <c r="D248" s="275"/>
      <c r="E248" s="275"/>
      <c r="F248" s="275"/>
      <c r="G248" s="275"/>
      <c r="H248" s="276"/>
      <c r="I248" s="313" t="s">
        <v>222</v>
      </c>
      <c r="J248" s="193" t="s">
        <v>144</v>
      </c>
      <c r="K248" s="66"/>
      <c r="L248" s="200"/>
      <c r="M248" s="256"/>
      <c r="N248" s="256"/>
      <c r="O248" s="256"/>
      <c r="P248" s="256"/>
      <c r="Q248" s="256"/>
      <c r="R248" s="256"/>
      <c r="S248" s="256"/>
      <c r="T248" s="256"/>
      <c r="U248" s="256"/>
      <c r="V248" s="256"/>
      <c r="W248" s="256"/>
      <c r="X248" s="256"/>
      <c r="Y248" s="256"/>
      <c r="Z248" s="256"/>
      <c r="AA248" s="256"/>
      <c r="AB248" s="256"/>
      <c r="AC248" s="256"/>
      <c r="AD248" s="256"/>
      <c r="AE248" s="256"/>
      <c r="AF248" s="256"/>
      <c r="AG248" s="256"/>
      <c r="AH248" s="256"/>
      <c r="AI248" s="256"/>
      <c r="AJ248" s="256"/>
      <c r="AK248" s="256"/>
      <c r="AL248" s="256"/>
      <c r="AM248" s="256"/>
      <c r="AN248" s="256"/>
      <c r="AO248" s="256"/>
      <c r="AP248" s="256"/>
      <c r="AQ248" s="256"/>
      <c r="AR248" s="256"/>
      <c r="AS248" s="256"/>
      <c r="AT248" s="256"/>
      <c r="AU248" s="256"/>
      <c r="AV248" s="256"/>
      <c r="AW248" s="256"/>
      <c r="AX248" s="256"/>
      <c r="AY248" s="256"/>
      <c r="AZ248" s="256"/>
      <c r="BA248" s="256"/>
      <c r="BB248" s="256"/>
      <c r="BC248" s="256"/>
      <c r="BD248" s="256"/>
      <c r="BE248" s="256"/>
      <c r="BF248" s="256"/>
      <c r="BG248" s="256"/>
      <c r="BH248" s="256"/>
      <c r="BI248" s="256"/>
      <c r="BJ248" s="256"/>
      <c r="BK248" s="256"/>
      <c r="BL248" s="256"/>
      <c r="BM248" s="256"/>
      <c r="BN248" s="256"/>
      <c r="BO248" s="256"/>
      <c r="BP248" s="256"/>
      <c r="BQ248" s="256"/>
      <c r="BR248" s="256"/>
      <c r="BS248" s="256"/>
    </row>
    <row r="249" spans="1:71" s="67" customFormat="1" ht="34.5" customHeight="1">
      <c r="A249" s="183" t="s">
        <v>223</v>
      </c>
      <c r="B249" s="118"/>
      <c r="C249" s="352" t="s">
        <v>224</v>
      </c>
      <c r="D249" s="352"/>
      <c r="E249" s="352"/>
      <c r="F249" s="353"/>
      <c r="G249" s="329" t="s">
        <v>174</v>
      </c>
      <c r="H249" s="215" t="s">
        <v>225</v>
      </c>
      <c r="I249" s="317"/>
      <c r="J249" s="198">
        <v>0</v>
      </c>
      <c r="K249" s="66"/>
      <c r="L249" s="201"/>
      <c r="M249" s="256"/>
      <c r="N249" s="256"/>
      <c r="O249" s="256"/>
      <c r="P249" s="256"/>
      <c r="Q249" s="256"/>
      <c r="R249" s="256"/>
      <c r="S249" s="256"/>
      <c r="T249" s="256"/>
      <c r="U249" s="256"/>
      <c r="V249" s="256"/>
      <c r="W249" s="256"/>
      <c r="X249" s="256"/>
      <c r="Y249" s="256"/>
      <c r="Z249" s="256"/>
      <c r="AA249" s="256"/>
      <c r="AB249" s="256"/>
      <c r="AC249" s="256"/>
      <c r="AD249" s="256"/>
      <c r="AE249" s="256"/>
      <c r="AF249" s="256"/>
      <c r="AG249" s="256"/>
      <c r="AH249" s="256"/>
      <c r="AI249" s="256"/>
      <c r="AJ249" s="256"/>
      <c r="AK249" s="256"/>
      <c r="AL249" s="256"/>
      <c r="AM249" s="256"/>
      <c r="AN249" s="256"/>
      <c r="AO249" s="256"/>
      <c r="AP249" s="256"/>
      <c r="AQ249" s="256"/>
      <c r="AR249" s="256"/>
      <c r="AS249" s="256"/>
      <c r="AT249" s="256"/>
      <c r="AU249" s="256"/>
      <c r="AV249" s="256"/>
      <c r="AW249" s="256"/>
      <c r="AX249" s="256"/>
      <c r="AY249" s="256"/>
      <c r="AZ249" s="256"/>
      <c r="BA249" s="256"/>
      <c r="BB249" s="256"/>
      <c r="BC249" s="256"/>
      <c r="BD249" s="256"/>
      <c r="BE249" s="256"/>
      <c r="BF249" s="256"/>
      <c r="BG249" s="256"/>
      <c r="BH249" s="256"/>
      <c r="BI249" s="256"/>
      <c r="BJ249" s="256"/>
      <c r="BK249" s="256"/>
      <c r="BL249" s="256"/>
      <c r="BM249" s="256"/>
      <c r="BN249" s="256"/>
      <c r="BO249" s="256"/>
      <c r="BP249" s="256"/>
      <c r="BQ249" s="256"/>
      <c r="BR249" s="256"/>
      <c r="BS249" s="256"/>
    </row>
    <row r="250" spans="1:71" s="67" customFormat="1" ht="34.5" customHeight="1">
      <c r="A250" s="183" t="s">
        <v>223</v>
      </c>
      <c r="B250" s="118"/>
      <c r="C250" s="329"/>
      <c r="D250" s="329"/>
      <c r="E250" s="329"/>
      <c r="F250" s="330"/>
      <c r="G250" s="329"/>
      <c r="H250" s="215" t="s">
        <v>226</v>
      </c>
      <c r="I250" s="317"/>
      <c r="J250" s="199">
        <v>0</v>
      </c>
      <c r="K250" s="66"/>
      <c r="L250" s="201"/>
      <c r="M250" s="256"/>
      <c r="N250" s="256"/>
      <c r="O250" s="256"/>
      <c r="P250" s="256"/>
      <c r="Q250" s="256"/>
      <c r="R250" s="256"/>
      <c r="S250" s="256"/>
      <c r="T250" s="256"/>
      <c r="U250" s="256"/>
      <c r="V250" s="256"/>
      <c r="W250" s="256"/>
      <c r="X250" s="256"/>
      <c r="Y250" s="256"/>
      <c r="Z250" s="256"/>
      <c r="AA250" s="256"/>
      <c r="AB250" s="256"/>
      <c r="AC250" s="256"/>
      <c r="AD250" s="256"/>
      <c r="AE250" s="256"/>
      <c r="AF250" s="256"/>
      <c r="AG250" s="256"/>
      <c r="AH250" s="256"/>
      <c r="AI250" s="256"/>
      <c r="AJ250" s="256"/>
      <c r="AK250" s="256"/>
      <c r="AL250" s="256"/>
      <c r="AM250" s="256"/>
      <c r="AN250" s="256"/>
      <c r="AO250" s="256"/>
      <c r="AP250" s="256"/>
      <c r="AQ250" s="256"/>
      <c r="AR250" s="256"/>
      <c r="AS250" s="256"/>
      <c r="AT250" s="256"/>
      <c r="AU250" s="256"/>
      <c r="AV250" s="256"/>
      <c r="AW250" s="256"/>
      <c r="AX250" s="256"/>
      <c r="AY250" s="256"/>
      <c r="AZ250" s="256"/>
      <c r="BA250" s="256"/>
      <c r="BB250" s="256"/>
      <c r="BC250" s="256"/>
      <c r="BD250" s="256"/>
      <c r="BE250" s="256"/>
      <c r="BF250" s="256"/>
      <c r="BG250" s="256"/>
      <c r="BH250" s="256"/>
      <c r="BI250" s="256"/>
      <c r="BJ250" s="256"/>
      <c r="BK250" s="256"/>
      <c r="BL250" s="256"/>
      <c r="BM250" s="256"/>
      <c r="BN250" s="256"/>
      <c r="BO250" s="256"/>
      <c r="BP250" s="256"/>
      <c r="BQ250" s="256"/>
      <c r="BR250" s="256"/>
      <c r="BS250" s="256"/>
    </row>
    <row r="251" spans="1:71" s="67" customFormat="1" ht="34.5" customHeight="1">
      <c r="A251" s="183" t="s">
        <v>227</v>
      </c>
      <c r="B251" s="118"/>
      <c r="C251" s="329"/>
      <c r="D251" s="329"/>
      <c r="E251" s="329"/>
      <c r="F251" s="330"/>
      <c r="G251" s="329" t="s">
        <v>228</v>
      </c>
      <c r="H251" s="215" t="s">
        <v>225</v>
      </c>
      <c r="I251" s="317"/>
      <c r="J251" s="198">
        <v>3</v>
      </c>
      <c r="K251" s="66"/>
      <c r="L251" s="201"/>
      <c r="M251" s="256"/>
      <c r="N251" s="256"/>
      <c r="O251" s="256"/>
      <c r="P251" s="256"/>
      <c r="Q251" s="256"/>
      <c r="R251" s="256"/>
      <c r="S251" s="256"/>
      <c r="T251" s="256"/>
      <c r="U251" s="256"/>
      <c r="V251" s="256"/>
      <c r="W251" s="256"/>
      <c r="X251" s="256"/>
      <c r="Y251" s="256"/>
      <c r="Z251" s="256"/>
      <c r="AA251" s="256"/>
      <c r="AB251" s="256"/>
      <c r="AC251" s="256"/>
      <c r="AD251" s="256"/>
      <c r="AE251" s="256"/>
      <c r="AF251" s="256"/>
      <c r="AG251" s="256"/>
      <c r="AH251" s="256"/>
      <c r="AI251" s="256"/>
      <c r="AJ251" s="256"/>
      <c r="AK251" s="256"/>
      <c r="AL251" s="256"/>
      <c r="AM251" s="256"/>
      <c r="AN251" s="256"/>
      <c r="AO251" s="256"/>
      <c r="AP251" s="256"/>
      <c r="AQ251" s="256"/>
      <c r="AR251" s="256"/>
      <c r="AS251" s="256"/>
      <c r="AT251" s="256"/>
      <c r="AU251" s="256"/>
      <c r="AV251" s="256"/>
      <c r="AW251" s="256"/>
      <c r="AX251" s="256"/>
      <c r="AY251" s="256"/>
      <c r="AZ251" s="256"/>
      <c r="BA251" s="256"/>
      <c r="BB251" s="256"/>
      <c r="BC251" s="256"/>
      <c r="BD251" s="256"/>
      <c r="BE251" s="256"/>
      <c r="BF251" s="256"/>
      <c r="BG251" s="256"/>
      <c r="BH251" s="256"/>
      <c r="BI251" s="256"/>
      <c r="BJ251" s="256"/>
      <c r="BK251" s="256"/>
      <c r="BL251" s="256"/>
      <c r="BM251" s="256"/>
      <c r="BN251" s="256"/>
      <c r="BO251" s="256"/>
      <c r="BP251" s="256"/>
      <c r="BQ251" s="256"/>
      <c r="BR251" s="256"/>
      <c r="BS251" s="256"/>
    </row>
    <row r="252" spans="1:71" s="67" customFormat="1" ht="34.5" customHeight="1">
      <c r="A252" s="183" t="s">
        <v>227</v>
      </c>
      <c r="B252" s="118"/>
      <c r="C252" s="329"/>
      <c r="D252" s="329"/>
      <c r="E252" s="329"/>
      <c r="F252" s="330"/>
      <c r="G252" s="330"/>
      <c r="H252" s="215" t="s">
        <v>226</v>
      </c>
      <c r="I252" s="317"/>
      <c r="J252" s="199">
        <v>0</v>
      </c>
      <c r="K252" s="66"/>
      <c r="L252" s="201"/>
      <c r="M252" s="256"/>
      <c r="N252" s="256"/>
      <c r="O252" s="256"/>
      <c r="P252" s="256"/>
      <c r="Q252" s="256"/>
      <c r="R252" s="256"/>
      <c r="S252" s="256"/>
      <c r="T252" s="256"/>
      <c r="U252" s="256"/>
      <c r="V252" s="256"/>
      <c r="W252" s="256"/>
      <c r="X252" s="256"/>
      <c r="Y252" s="256"/>
      <c r="Z252" s="256"/>
      <c r="AA252" s="256"/>
      <c r="AB252" s="256"/>
      <c r="AC252" s="256"/>
      <c r="AD252" s="256"/>
      <c r="AE252" s="256"/>
      <c r="AF252" s="256"/>
      <c r="AG252" s="256"/>
      <c r="AH252" s="256"/>
      <c r="AI252" s="256"/>
      <c r="AJ252" s="256"/>
      <c r="AK252" s="256"/>
      <c r="AL252" s="256"/>
      <c r="AM252" s="256"/>
      <c r="AN252" s="256"/>
      <c r="AO252" s="256"/>
      <c r="AP252" s="256"/>
      <c r="AQ252" s="256"/>
      <c r="AR252" s="256"/>
      <c r="AS252" s="256"/>
      <c r="AT252" s="256"/>
      <c r="AU252" s="256"/>
      <c r="AV252" s="256"/>
      <c r="AW252" s="256"/>
      <c r="AX252" s="256"/>
      <c r="AY252" s="256"/>
      <c r="AZ252" s="256"/>
      <c r="BA252" s="256"/>
      <c r="BB252" s="256"/>
      <c r="BC252" s="256"/>
      <c r="BD252" s="256"/>
      <c r="BE252" s="256"/>
      <c r="BF252" s="256"/>
      <c r="BG252" s="256"/>
      <c r="BH252" s="256"/>
      <c r="BI252" s="256"/>
      <c r="BJ252" s="256"/>
      <c r="BK252" s="256"/>
      <c r="BL252" s="256"/>
      <c r="BM252" s="256"/>
      <c r="BN252" s="256"/>
      <c r="BO252" s="256"/>
      <c r="BP252" s="256"/>
      <c r="BQ252" s="256"/>
      <c r="BR252" s="256"/>
      <c r="BS252" s="256"/>
    </row>
    <row r="253" spans="1:71" s="67" customFormat="1" ht="34.5" customHeight="1">
      <c r="A253" s="183" t="s">
        <v>229</v>
      </c>
      <c r="B253" s="118"/>
      <c r="C253" s="329"/>
      <c r="D253" s="329"/>
      <c r="E253" s="329"/>
      <c r="F253" s="330"/>
      <c r="G253" s="329" t="s">
        <v>230</v>
      </c>
      <c r="H253" s="215" t="s">
        <v>225</v>
      </c>
      <c r="I253" s="317"/>
      <c r="J253" s="198">
        <v>4</v>
      </c>
      <c r="K253" s="66"/>
      <c r="L253" s="201"/>
      <c r="M253" s="256"/>
      <c r="N253" s="256"/>
      <c r="O253" s="256"/>
      <c r="P253" s="256"/>
      <c r="Q253" s="256"/>
      <c r="R253" s="256"/>
      <c r="S253" s="256"/>
      <c r="T253" s="256"/>
      <c r="U253" s="256"/>
      <c r="V253" s="256"/>
      <c r="W253" s="256"/>
      <c r="X253" s="256"/>
      <c r="Y253" s="256"/>
      <c r="Z253" s="256"/>
      <c r="AA253" s="256"/>
      <c r="AB253" s="256"/>
      <c r="AC253" s="256"/>
      <c r="AD253" s="256"/>
      <c r="AE253" s="256"/>
      <c r="AF253" s="256"/>
      <c r="AG253" s="256"/>
      <c r="AH253" s="256"/>
      <c r="AI253" s="256"/>
      <c r="AJ253" s="256"/>
      <c r="AK253" s="256"/>
      <c r="AL253" s="256"/>
      <c r="AM253" s="256"/>
      <c r="AN253" s="256"/>
      <c r="AO253" s="256"/>
      <c r="AP253" s="256"/>
      <c r="AQ253" s="256"/>
      <c r="AR253" s="256"/>
      <c r="AS253" s="256"/>
      <c r="AT253" s="256"/>
      <c r="AU253" s="256"/>
      <c r="AV253" s="256"/>
      <c r="AW253" s="256"/>
      <c r="AX253" s="256"/>
      <c r="AY253" s="256"/>
      <c r="AZ253" s="256"/>
      <c r="BA253" s="256"/>
      <c r="BB253" s="256"/>
      <c r="BC253" s="256"/>
      <c r="BD253" s="256"/>
      <c r="BE253" s="256"/>
      <c r="BF253" s="256"/>
      <c r="BG253" s="256"/>
      <c r="BH253" s="256"/>
      <c r="BI253" s="256"/>
      <c r="BJ253" s="256"/>
      <c r="BK253" s="256"/>
      <c r="BL253" s="256"/>
      <c r="BM253" s="256"/>
      <c r="BN253" s="256"/>
      <c r="BO253" s="256"/>
      <c r="BP253" s="256"/>
      <c r="BQ253" s="256"/>
      <c r="BR253" s="256"/>
      <c r="BS253" s="256"/>
    </row>
    <row r="254" spans="1:71" s="67" customFormat="1" ht="34.5" customHeight="1">
      <c r="A254" s="183" t="s">
        <v>229</v>
      </c>
      <c r="B254" s="118"/>
      <c r="C254" s="329"/>
      <c r="D254" s="329"/>
      <c r="E254" s="329"/>
      <c r="F254" s="330"/>
      <c r="G254" s="330"/>
      <c r="H254" s="215" t="s">
        <v>226</v>
      </c>
      <c r="I254" s="317"/>
      <c r="J254" s="199">
        <v>0</v>
      </c>
      <c r="K254" s="66"/>
      <c r="L254" s="201"/>
      <c r="M254" s="256"/>
      <c r="N254" s="256"/>
      <c r="O254" s="256"/>
      <c r="P254" s="256"/>
      <c r="Q254" s="256"/>
      <c r="R254" s="256"/>
      <c r="S254" s="256"/>
      <c r="T254" s="256"/>
      <c r="U254" s="256"/>
      <c r="V254" s="256"/>
      <c r="W254" s="256"/>
      <c r="X254" s="256"/>
      <c r="Y254" s="256"/>
      <c r="Z254" s="256"/>
      <c r="AA254" s="256"/>
      <c r="AB254" s="256"/>
      <c r="AC254" s="256"/>
      <c r="AD254" s="256"/>
      <c r="AE254" s="256"/>
      <c r="AF254" s="256"/>
      <c r="AG254" s="256"/>
      <c r="AH254" s="256"/>
      <c r="AI254" s="256"/>
      <c r="AJ254" s="256"/>
      <c r="AK254" s="256"/>
      <c r="AL254" s="256"/>
      <c r="AM254" s="256"/>
      <c r="AN254" s="256"/>
      <c r="AO254" s="256"/>
      <c r="AP254" s="256"/>
      <c r="AQ254" s="256"/>
      <c r="AR254" s="256"/>
      <c r="AS254" s="256"/>
      <c r="AT254" s="256"/>
      <c r="AU254" s="256"/>
      <c r="AV254" s="256"/>
      <c r="AW254" s="256"/>
      <c r="AX254" s="256"/>
      <c r="AY254" s="256"/>
      <c r="AZ254" s="256"/>
      <c r="BA254" s="256"/>
      <c r="BB254" s="256"/>
      <c r="BC254" s="256"/>
      <c r="BD254" s="256"/>
      <c r="BE254" s="256"/>
      <c r="BF254" s="256"/>
      <c r="BG254" s="256"/>
      <c r="BH254" s="256"/>
      <c r="BI254" s="256"/>
      <c r="BJ254" s="256"/>
      <c r="BK254" s="256"/>
      <c r="BL254" s="256"/>
      <c r="BM254" s="256"/>
      <c r="BN254" s="256"/>
      <c r="BO254" s="256"/>
      <c r="BP254" s="256"/>
      <c r="BQ254" s="256"/>
      <c r="BR254" s="256"/>
      <c r="BS254" s="256"/>
    </row>
    <row r="255" spans="1:71" s="67" customFormat="1" ht="34.5" customHeight="1">
      <c r="A255" s="183" t="s">
        <v>231</v>
      </c>
      <c r="B255" s="118"/>
      <c r="C255" s="329"/>
      <c r="D255" s="329"/>
      <c r="E255" s="329"/>
      <c r="F255" s="330"/>
      <c r="G255" s="358" t="s">
        <v>232</v>
      </c>
      <c r="H255" s="215" t="s">
        <v>225</v>
      </c>
      <c r="I255" s="317"/>
      <c r="J255" s="198">
        <v>0</v>
      </c>
      <c r="K255" s="66"/>
      <c r="L255" s="201"/>
      <c r="M255" s="256"/>
      <c r="N255" s="256"/>
      <c r="O255" s="256"/>
      <c r="P255" s="256"/>
      <c r="Q255" s="256"/>
      <c r="R255" s="256"/>
      <c r="S255" s="256"/>
      <c r="T255" s="256"/>
      <c r="U255" s="256"/>
      <c r="V255" s="256"/>
      <c r="W255" s="256"/>
      <c r="X255" s="256"/>
      <c r="Y255" s="256"/>
      <c r="Z255" s="256"/>
      <c r="AA255" s="256"/>
      <c r="AB255" s="256"/>
      <c r="AC255" s="256"/>
      <c r="AD255" s="256"/>
      <c r="AE255" s="256"/>
      <c r="AF255" s="256"/>
      <c r="AG255" s="256"/>
      <c r="AH255" s="256"/>
      <c r="AI255" s="256"/>
      <c r="AJ255" s="256"/>
      <c r="AK255" s="256"/>
      <c r="AL255" s="256"/>
      <c r="AM255" s="256"/>
      <c r="AN255" s="256"/>
      <c r="AO255" s="256"/>
      <c r="AP255" s="256"/>
      <c r="AQ255" s="256"/>
      <c r="AR255" s="256"/>
      <c r="AS255" s="256"/>
      <c r="AT255" s="256"/>
      <c r="AU255" s="256"/>
      <c r="AV255" s="256"/>
      <c r="AW255" s="256"/>
      <c r="AX255" s="256"/>
      <c r="AY255" s="256"/>
      <c r="AZ255" s="256"/>
      <c r="BA255" s="256"/>
      <c r="BB255" s="256"/>
      <c r="BC255" s="256"/>
      <c r="BD255" s="256"/>
      <c r="BE255" s="256"/>
      <c r="BF255" s="256"/>
      <c r="BG255" s="256"/>
      <c r="BH255" s="256"/>
      <c r="BI255" s="256"/>
      <c r="BJ255" s="256"/>
      <c r="BK255" s="256"/>
      <c r="BL255" s="256"/>
      <c r="BM255" s="256"/>
      <c r="BN255" s="256"/>
      <c r="BO255" s="256"/>
      <c r="BP255" s="256"/>
      <c r="BQ255" s="256"/>
      <c r="BR255" s="256"/>
      <c r="BS255" s="256"/>
    </row>
    <row r="256" spans="1:71" s="67" customFormat="1" ht="34.5" customHeight="1">
      <c r="A256" s="183" t="s">
        <v>231</v>
      </c>
      <c r="B256" s="118"/>
      <c r="C256" s="329"/>
      <c r="D256" s="329"/>
      <c r="E256" s="329"/>
      <c r="F256" s="330"/>
      <c r="G256" s="330"/>
      <c r="H256" s="215" t="s">
        <v>226</v>
      </c>
      <c r="I256" s="317"/>
      <c r="J256" s="199">
        <v>0</v>
      </c>
      <c r="K256" s="66"/>
      <c r="L256" s="201"/>
      <c r="M256" s="256"/>
      <c r="N256" s="256"/>
      <c r="O256" s="256"/>
      <c r="P256" s="256"/>
      <c r="Q256" s="256"/>
      <c r="R256" s="256"/>
      <c r="S256" s="256"/>
      <c r="T256" s="256"/>
      <c r="U256" s="256"/>
      <c r="V256" s="256"/>
      <c r="W256" s="256"/>
      <c r="X256" s="256"/>
      <c r="Y256" s="256"/>
      <c r="Z256" s="256"/>
      <c r="AA256" s="256"/>
      <c r="AB256" s="256"/>
      <c r="AC256" s="256"/>
      <c r="AD256" s="256"/>
      <c r="AE256" s="256"/>
      <c r="AF256" s="256"/>
      <c r="AG256" s="256"/>
      <c r="AH256" s="256"/>
      <c r="AI256" s="256"/>
      <c r="AJ256" s="256"/>
      <c r="AK256" s="256"/>
      <c r="AL256" s="256"/>
      <c r="AM256" s="256"/>
      <c r="AN256" s="256"/>
      <c r="AO256" s="256"/>
      <c r="AP256" s="256"/>
      <c r="AQ256" s="256"/>
      <c r="AR256" s="256"/>
      <c r="AS256" s="256"/>
      <c r="AT256" s="256"/>
      <c r="AU256" s="256"/>
      <c r="AV256" s="256"/>
      <c r="AW256" s="256"/>
      <c r="AX256" s="256"/>
      <c r="AY256" s="256"/>
      <c r="AZ256" s="256"/>
      <c r="BA256" s="256"/>
      <c r="BB256" s="256"/>
      <c r="BC256" s="256"/>
      <c r="BD256" s="256"/>
      <c r="BE256" s="256"/>
      <c r="BF256" s="256"/>
      <c r="BG256" s="256"/>
      <c r="BH256" s="256"/>
      <c r="BI256" s="256"/>
      <c r="BJ256" s="256"/>
      <c r="BK256" s="256"/>
      <c r="BL256" s="256"/>
      <c r="BM256" s="256"/>
      <c r="BN256" s="256"/>
      <c r="BO256" s="256"/>
      <c r="BP256" s="256"/>
      <c r="BQ256" s="256"/>
      <c r="BR256" s="256"/>
      <c r="BS256" s="256"/>
    </row>
    <row r="257" spans="1:71" s="67" customFormat="1" ht="34.5" customHeight="1">
      <c r="A257" s="183" t="s">
        <v>233</v>
      </c>
      <c r="B257" s="118"/>
      <c r="C257" s="329"/>
      <c r="D257" s="329"/>
      <c r="E257" s="329"/>
      <c r="F257" s="330"/>
      <c r="G257" s="329" t="s">
        <v>234</v>
      </c>
      <c r="H257" s="215" t="s">
        <v>225</v>
      </c>
      <c r="I257" s="317"/>
      <c r="J257" s="198">
        <v>1</v>
      </c>
      <c r="K257" s="66"/>
      <c r="L257" s="201"/>
      <c r="M257" s="256"/>
      <c r="N257" s="256"/>
      <c r="O257" s="256"/>
      <c r="P257" s="256"/>
      <c r="Q257" s="256"/>
      <c r="R257" s="256"/>
      <c r="S257" s="256"/>
      <c r="T257" s="256"/>
      <c r="U257" s="256"/>
      <c r="V257" s="256"/>
      <c r="W257" s="256"/>
      <c r="X257" s="256"/>
      <c r="Y257" s="256"/>
      <c r="Z257" s="256"/>
      <c r="AA257" s="256"/>
      <c r="AB257" s="256"/>
      <c r="AC257" s="256"/>
      <c r="AD257" s="256"/>
      <c r="AE257" s="256"/>
      <c r="AF257" s="256"/>
      <c r="AG257" s="256"/>
      <c r="AH257" s="256"/>
      <c r="AI257" s="256"/>
      <c r="AJ257" s="256"/>
      <c r="AK257" s="256"/>
      <c r="AL257" s="256"/>
      <c r="AM257" s="256"/>
      <c r="AN257" s="256"/>
      <c r="AO257" s="256"/>
      <c r="AP257" s="256"/>
      <c r="AQ257" s="256"/>
      <c r="AR257" s="256"/>
      <c r="AS257" s="256"/>
      <c r="AT257" s="256"/>
      <c r="AU257" s="256"/>
      <c r="AV257" s="256"/>
      <c r="AW257" s="256"/>
      <c r="AX257" s="256"/>
      <c r="AY257" s="256"/>
      <c r="AZ257" s="256"/>
      <c r="BA257" s="256"/>
      <c r="BB257" s="256"/>
      <c r="BC257" s="256"/>
      <c r="BD257" s="256"/>
      <c r="BE257" s="256"/>
      <c r="BF257" s="256"/>
      <c r="BG257" s="256"/>
      <c r="BH257" s="256"/>
      <c r="BI257" s="256"/>
      <c r="BJ257" s="256"/>
      <c r="BK257" s="256"/>
      <c r="BL257" s="256"/>
      <c r="BM257" s="256"/>
      <c r="BN257" s="256"/>
      <c r="BO257" s="256"/>
      <c r="BP257" s="256"/>
      <c r="BQ257" s="256"/>
      <c r="BR257" s="256"/>
      <c r="BS257" s="256"/>
    </row>
    <row r="258" spans="1:71" s="67" customFormat="1" ht="34.5" customHeight="1">
      <c r="A258" s="183" t="s">
        <v>233</v>
      </c>
      <c r="B258" s="118"/>
      <c r="C258" s="329"/>
      <c r="D258" s="329"/>
      <c r="E258" s="329"/>
      <c r="F258" s="330"/>
      <c r="G258" s="330"/>
      <c r="H258" s="215" t="s">
        <v>226</v>
      </c>
      <c r="I258" s="317"/>
      <c r="J258" s="199">
        <v>1</v>
      </c>
      <c r="K258" s="66"/>
      <c r="L258" s="201"/>
      <c r="M258" s="256"/>
      <c r="N258" s="256"/>
      <c r="O258" s="256"/>
      <c r="P258" s="256"/>
      <c r="Q258" s="256"/>
      <c r="R258" s="256"/>
      <c r="S258" s="256"/>
      <c r="T258" s="256"/>
      <c r="U258" s="256"/>
      <c r="V258" s="256"/>
      <c r="W258" s="256"/>
      <c r="X258" s="256"/>
      <c r="Y258" s="256"/>
      <c r="Z258" s="256"/>
      <c r="AA258" s="256"/>
      <c r="AB258" s="256"/>
      <c r="AC258" s="256"/>
      <c r="AD258" s="256"/>
      <c r="AE258" s="256"/>
      <c r="AF258" s="256"/>
      <c r="AG258" s="256"/>
      <c r="AH258" s="256"/>
      <c r="AI258" s="256"/>
      <c r="AJ258" s="256"/>
      <c r="AK258" s="256"/>
      <c r="AL258" s="256"/>
      <c r="AM258" s="256"/>
      <c r="AN258" s="256"/>
      <c r="AO258" s="256"/>
      <c r="AP258" s="256"/>
      <c r="AQ258" s="256"/>
      <c r="AR258" s="256"/>
      <c r="AS258" s="256"/>
      <c r="AT258" s="256"/>
      <c r="AU258" s="256"/>
      <c r="AV258" s="256"/>
      <c r="AW258" s="256"/>
      <c r="AX258" s="256"/>
      <c r="AY258" s="256"/>
      <c r="AZ258" s="256"/>
      <c r="BA258" s="256"/>
      <c r="BB258" s="256"/>
      <c r="BC258" s="256"/>
      <c r="BD258" s="256"/>
      <c r="BE258" s="256"/>
      <c r="BF258" s="256"/>
      <c r="BG258" s="256"/>
      <c r="BH258" s="256"/>
      <c r="BI258" s="256"/>
      <c r="BJ258" s="256"/>
      <c r="BK258" s="256"/>
      <c r="BL258" s="256"/>
      <c r="BM258" s="256"/>
      <c r="BN258" s="256"/>
      <c r="BO258" s="256"/>
      <c r="BP258" s="256"/>
      <c r="BQ258" s="256"/>
      <c r="BR258" s="256"/>
      <c r="BS258" s="256"/>
    </row>
    <row r="259" spans="1:71" s="67" customFormat="1" ht="34.5" customHeight="1">
      <c r="A259" s="183" t="s">
        <v>235</v>
      </c>
      <c r="B259" s="118"/>
      <c r="C259" s="329"/>
      <c r="D259" s="329"/>
      <c r="E259" s="329"/>
      <c r="F259" s="330"/>
      <c r="G259" s="329" t="s">
        <v>207</v>
      </c>
      <c r="H259" s="215" t="s">
        <v>225</v>
      </c>
      <c r="I259" s="317"/>
      <c r="J259" s="198">
        <v>0</v>
      </c>
      <c r="K259" s="66"/>
      <c r="L259" s="201"/>
      <c r="M259" s="256"/>
      <c r="N259" s="256"/>
      <c r="O259" s="256"/>
      <c r="P259" s="256"/>
      <c r="Q259" s="256"/>
      <c r="R259" s="256"/>
      <c r="S259" s="256"/>
      <c r="T259" s="256"/>
      <c r="U259" s="256"/>
      <c r="V259" s="256"/>
      <c r="W259" s="256"/>
      <c r="X259" s="256"/>
      <c r="Y259" s="256"/>
      <c r="Z259" s="256"/>
      <c r="AA259" s="256"/>
      <c r="AB259" s="256"/>
      <c r="AC259" s="256"/>
      <c r="AD259" s="256"/>
      <c r="AE259" s="256"/>
      <c r="AF259" s="256"/>
      <c r="AG259" s="256"/>
      <c r="AH259" s="256"/>
      <c r="AI259" s="256"/>
      <c r="AJ259" s="256"/>
      <c r="AK259" s="256"/>
      <c r="AL259" s="256"/>
      <c r="AM259" s="256"/>
      <c r="AN259" s="256"/>
      <c r="AO259" s="256"/>
      <c r="AP259" s="256"/>
      <c r="AQ259" s="256"/>
      <c r="AR259" s="256"/>
      <c r="AS259" s="256"/>
      <c r="AT259" s="256"/>
      <c r="AU259" s="256"/>
      <c r="AV259" s="256"/>
      <c r="AW259" s="256"/>
      <c r="AX259" s="256"/>
      <c r="AY259" s="256"/>
      <c r="AZ259" s="256"/>
      <c r="BA259" s="256"/>
      <c r="BB259" s="256"/>
      <c r="BC259" s="256"/>
      <c r="BD259" s="256"/>
      <c r="BE259" s="256"/>
      <c r="BF259" s="256"/>
      <c r="BG259" s="256"/>
      <c r="BH259" s="256"/>
      <c r="BI259" s="256"/>
      <c r="BJ259" s="256"/>
      <c r="BK259" s="256"/>
      <c r="BL259" s="256"/>
      <c r="BM259" s="256"/>
      <c r="BN259" s="256"/>
      <c r="BO259" s="256"/>
      <c r="BP259" s="256"/>
      <c r="BQ259" s="256"/>
      <c r="BR259" s="256"/>
      <c r="BS259" s="256"/>
    </row>
    <row r="260" spans="1:71" s="67" customFormat="1" ht="34.5" customHeight="1">
      <c r="A260" s="183" t="s">
        <v>235</v>
      </c>
      <c r="B260" s="118"/>
      <c r="C260" s="329"/>
      <c r="D260" s="329"/>
      <c r="E260" s="329"/>
      <c r="F260" s="330"/>
      <c r="G260" s="330"/>
      <c r="H260" s="215" t="s">
        <v>226</v>
      </c>
      <c r="I260" s="318"/>
      <c r="J260" s="199">
        <v>0</v>
      </c>
      <c r="K260" s="66"/>
      <c r="L260" s="202"/>
      <c r="M260" s="256"/>
      <c r="N260" s="256"/>
      <c r="O260" s="256"/>
      <c r="P260" s="256"/>
      <c r="Q260" s="256"/>
      <c r="R260" s="256"/>
      <c r="S260" s="256"/>
      <c r="T260" s="256"/>
      <c r="U260" s="256"/>
      <c r="V260" s="256"/>
      <c r="W260" s="256"/>
      <c r="X260" s="256"/>
      <c r="Y260" s="256"/>
      <c r="Z260" s="256"/>
      <c r="AA260" s="256"/>
      <c r="AB260" s="256"/>
      <c r="AC260" s="256"/>
      <c r="AD260" s="256"/>
      <c r="AE260" s="256"/>
      <c r="AF260" s="256"/>
      <c r="AG260" s="256"/>
      <c r="AH260" s="256"/>
      <c r="AI260" s="256"/>
      <c r="AJ260" s="256"/>
      <c r="AK260" s="256"/>
      <c r="AL260" s="256"/>
      <c r="AM260" s="256"/>
      <c r="AN260" s="256"/>
      <c r="AO260" s="256"/>
      <c r="AP260" s="256"/>
      <c r="AQ260" s="256"/>
      <c r="AR260" s="256"/>
      <c r="AS260" s="256"/>
      <c r="AT260" s="256"/>
      <c r="AU260" s="256"/>
      <c r="AV260" s="256"/>
      <c r="AW260" s="256"/>
      <c r="AX260" s="256"/>
      <c r="AY260" s="256"/>
      <c r="AZ260" s="256"/>
      <c r="BA260" s="256"/>
      <c r="BB260" s="256"/>
      <c r="BC260" s="256"/>
      <c r="BD260" s="256"/>
      <c r="BE260" s="256"/>
      <c r="BF260" s="256"/>
      <c r="BG260" s="256"/>
      <c r="BH260" s="256"/>
      <c r="BI260" s="256"/>
      <c r="BJ260" s="256"/>
      <c r="BK260" s="256"/>
      <c r="BL260" s="256"/>
      <c r="BM260" s="256"/>
      <c r="BN260" s="256"/>
      <c r="BO260" s="256"/>
      <c r="BP260" s="256"/>
      <c r="BQ260" s="256"/>
      <c r="BR260" s="256"/>
      <c r="BS260" s="256"/>
    </row>
    <row r="261" spans="1:71" s="74" customFormat="1">
      <c r="A261" s="178"/>
      <c r="B261" s="14"/>
      <c r="C261" s="14"/>
      <c r="D261" s="14"/>
      <c r="E261" s="14"/>
      <c r="F261" s="14"/>
      <c r="G261" s="14"/>
      <c r="H261" s="10"/>
      <c r="I261" s="10"/>
      <c r="J261" s="71"/>
      <c r="K261" s="72"/>
      <c r="L261" s="86"/>
      <c r="M261" s="86"/>
      <c r="N261" s="86"/>
      <c r="O261" s="86"/>
      <c r="P261" s="86"/>
      <c r="Q261" s="86"/>
    </row>
    <row r="262" spans="1:71" s="67" customFormat="1">
      <c r="A262" s="178"/>
      <c r="B262" s="68"/>
      <c r="C262" s="52"/>
      <c r="D262" s="52"/>
      <c r="E262" s="52"/>
      <c r="F262" s="52"/>
      <c r="G262" s="52"/>
      <c r="H262" s="75"/>
      <c r="I262" s="75"/>
      <c r="J262" s="71"/>
      <c r="K262" s="72"/>
      <c r="L262" s="73"/>
      <c r="M262" s="73"/>
      <c r="N262" s="73"/>
      <c r="O262" s="73"/>
      <c r="P262" s="73"/>
      <c r="Q262" s="73"/>
    </row>
    <row r="263" spans="1:71" s="74" customFormat="1">
      <c r="A263" s="178"/>
      <c r="B263" s="118"/>
      <c r="C263" s="119"/>
      <c r="D263" s="119"/>
      <c r="E263" s="3"/>
      <c r="F263" s="3"/>
      <c r="G263" s="3"/>
      <c r="H263" s="214"/>
      <c r="I263" s="214"/>
      <c r="J263" s="51"/>
      <c r="K263" s="24"/>
      <c r="L263" s="86"/>
      <c r="M263" s="86"/>
      <c r="N263" s="86"/>
      <c r="O263" s="86"/>
      <c r="P263" s="86"/>
      <c r="Q263" s="86"/>
    </row>
    <row r="264" spans="1:71" s="74" customFormat="1">
      <c r="A264" s="178"/>
      <c r="B264" s="14" t="s">
        <v>236</v>
      </c>
      <c r="C264" s="14"/>
      <c r="D264" s="14"/>
      <c r="E264" s="14"/>
      <c r="F264" s="14"/>
      <c r="G264" s="14"/>
      <c r="H264" s="10"/>
      <c r="I264" s="10"/>
      <c r="J264" s="86"/>
      <c r="K264" s="24"/>
      <c r="L264" s="86"/>
      <c r="M264" s="86"/>
      <c r="N264" s="86"/>
      <c r="O264" s="86"/>
      <c r="P264" s="86"/>
      <c r="Q264" s="86"/>
    </row>
    <row r="265" spans="1:71">
      <c r="A265" s="178"/>
      <c r="B265" s="14"/>
      <c r="C265" s="14"/>
      <c r="D265" s="14"/>
      <c r="E265" s="14"/>
      <c r="F265" s="14"/>
      <c r="G265" s="14"/>
      <c r="H265" s="10"/>
      <c r="I265" s="10"/>
      <c r="L265" s="175"/>
      <c r="M265" s="175"/>
      <c r="N265" s="175"/>
      <c r="O265" s="175"/>
      <c r="P265" s="175"/>
      <c r="Q265" s="175"/>
      <c r="R265" s="8"/>
      <c r="S265" s="8"/>
      <c r="T265" s="8"/>
      <c r="U265" s="8"/>
      <c r="V265" s="8"/>
    </row>
    <row r="266" spans="1:71" s="240" customFormat="1" ht="34.5" customHeight="1">
      <c r="A266" s="178"/>
      <c r="B266" s="14"/>
      <c r="C266" s="3"/>
      <c r="D266" s="3"/>
      <c r="E266" s="3"/>
      <c r="F266" s="3"/>
      <c r="G266" s="3"/>
      <c r="H266" s="214"/>
      <c r="I266" s="214"/>
      <c r="J266" s="63" t="s">
        <v>81</v>
      </c>
      <c r="K266" s="64"/>
      <c r="L266" s="245" t="str">
        <f>IF(ISBLANK(L$9),"",L$9)</f>
        <v>4階病棟</v>
      </c>
      <c r="M266" s="249" t="str">
        <f t="shared" ref="M266:BS266" si="32">IF(ISBLANK(M$9),"",M$9)</f>
        <v>回復期リハビリテーション病棟</v>
      </c>
      <c r="N266" s="249" t="str">
        <f t="shared" si="32"/>
        <v>地域包括ケア病棟</v>
      </c>
      <c r="O266" s="249" t="str">
        <f t="shared" si="32"/>
        <v>地域包括ケア病棟サテライト</v>
      </c>
      <c r="P266" s="249" t="str">
        <f t="shared" si="32"/>
        <v>特殊疾患病棟</v>
      </c>
      <c r="Q266" s="249" t="str">
        <f t="shared" si="32"/>
        <v>療養病棟2階</v>
      </c>
      <c r="R266" s="249" t="str">
        <f t="shared" si="32"/>
        <v/>
      </c>
      <c r="S266" s="249" t="str">
        <f t="shared" si="32"/>
        <v/>
      </c>
      <c r="T266" s="249" t="str">
        <f t="shared" si="32"/>
        <v/>
      </c>
      <c r="U266" s="249" t="str">
        <f t="shared" si="32"/>
        <v/>
      </c>
      <c r="V266" s="249" t="str">
        <f t="shared" si="32"/>
        <v/>
      </c>
      <c r="W266" s="249" t="str">
        <f t="shared" si="32"/>
        <v/>
      </c>
      <c r="X266" s="249" t="str">
        <f t="shared" si="32"/>
        <v/>
      </c>
      <c r="Y266" s="249" t="str">
        <f t="shared" si="32"/>
        <v/>
      </c>
      <c r="Z266" s="249" t="str">
        <f t="shared" si="32"/>
        <v/>
      </c>
      <c r="AA266" s="249" t="str">
        <f t="shared" si="32"/>
        <v/>
      </c>
      <c r="AB266" s="249" t="str">
        <f t="shared" si="32"/>
        <v/>
      </c>
      <c r="AC266" s="249" t="str">
        <f t="shared" si="32"/>
        <v/>
      </c>
      <c r="AD266" s="249" t="str">
        <f t="shared" si="32"/>
        <v/>
      </c>
      <c r="AE266" s="249" t="str">
        <f t="shared" si="32"/>
        <v/>
      </c>
      <c r="AF266" s="249" t="str">
        <f t="shared" si="32"/>
        <v/>
      </c>
      <c r="AG266" s="249" t="str">
        <f t="shared" si="32"/>
        <v/>
      </c>
      <c r="AH266" s="249" t="str">
        <f t="shared" si="32"/>
        <v/>
      </c>
      <c r="AI266" s="249" t="str">
        <f t="shared" si="32"/>
        <v/>
      </c>
      <c r="AJ266" s="249" t="str">
        <f t="shared" si="32"/>
        <v/>
      </c>
      <c r="AK266" s="249" t="str">
        <f t="shared" si="32"/>
        <v/>
      </c>
      <c r="AL266" s="249" t="str">
        <f t="shared" si="32"/>
        <v/>
      </c>
      <c r="AM266" s="249" t="str">
        <f t="shared" si="32"/>
        <v/>
      </c>
      <c r="AN266" s="249" t="str">
        <f t="shared" si="32"/>
        <v/>
      </c>
      <c r="AO266" s="249" t="str">
        <f t="shared" si="32"/>
        <v/>
      </c>
      <c r="AP266" s="249" t="str">
        <f t="shared" si="32"/>
        <v/>
      </c>
      <c r="AQ266" s="249" t="str">
        <f t="shared" si="32"/>
        <v/>
      </c>
      <c r="AR266" s="249" t="str">
        <f t="shared" si="32"/>
        <v/>
      </c>
      <c r="AS266" s="249" t="str">
        <f t="shared" si="32"/>
        <v/>
      </c>
      <c r="AT266" s="249" t="str">
        <f t="shared" si="32"/>
        <v/>
      </c>
      <c r="AU266" s="249" t="str">
        <f t="shared" si="32"/>
        <v/>
      </c>
      <c r="AV266" s="249" t="str">
        <f t="shared" si="32"/>
        <v/>
      </c>
      <c r="AW266" s="249" t="str">
        <f t="shared" si="32"/>
        <v/>
      </c>
      <c r="AX266" s="249" t="str">
        <f t="shared" si="32"/>
        <v/>
      </c>
      <c r="AY266" s="249" t="str">
        <f t="shared" si="32"/>
        <v/>
      </c>
      <c r="AZ266" s="249" t="str">
        <f t="shared" si="32"/>
        <v/>
      </c>
      <c r="BA266" s="249" t="str">
        <f t="shared" si="32"/>
        <v/>
      </c>
      <c r="BB266" s="249" t="str">
        <f t="shared" si="32"/>
        <v/>
      </c>
      <c r="BC266" s="249" t="str">
        <f t="shared" si="32"/>
        <v/>
      </c>
      <c r="BD266" s="249" t="str">
        <f t="shared" si="32"/>
        <v/>
      </c>
      <c r="BE266" s="249" t="str">
        <f t="shared" si="32"/>
        <v/>
      </c>
      <c r="BF266" s="249" t="str">
        <f t="shared" si="32"/>
        <v/>
      </c>
      <c r="BG266" s="249" t="str">
        <f t="shared" si="32"/>
        <v/>
      </c>
      <c r="BH266" s="249" t="str">
        <f t="shared" si="32"/>
        <v/>
      </c>
      <c r="BI266" s="249" t="str">
        <f t="shared" si="32"/>
        <v/>
      </c>
      <c r="BJ266" s="249" t="str">
        <f t="shared" si="32"/>
        <v/>
      </c>
      <c r="BK266" s="249" t="str">
        <f t="shared" si="32"/>
        <v/>
      </c>
      <c r="BL266" s="249" t="str">
        <f t="shared" si="32"/>
        <v/>
      </c>
      <c r="BM266" s="249" t="str">
        <f t="shared" si="32"/>
        <v/>
      </c>
      <c r="BN266" s="249" t="str">
        <f t="shared" si="32"/>
        <v/>
      </c>
      <c r="BO266" s="249" t="str">
        <f t="shared" si="32"/>
        <v/>
      </c>
      <c r="BP266" s="249" t="str">
        <f t="shared" si="32"/>
        <v/>
      </c>
      <c r="BQ266" s="249" t="str">
        <f t="shared" si="32"/>
        <v/>
      </c>
      <c r="BR266" s="249" t="str">
        <f t="shared" si="32"/>
        <v/>
      </c>
      <c r="BS266" s="249" t="str">
        <f t="shared" si="32"/>
        <v/>
      </c>
    </row>
    <row r="267" spans="1:71" s="240" customFormat="1" ht="20.25" customHeight="1">
      <c r="A267" s="178"/>
      <c r="B267" s="1"/>
      <c r="C267" s="52"/>
      <c r="D267" s="3"/>
      <c r="E267" s="3"/>
      <c r="F267" s="3"/>
      <c r="G267" s="3"/>
      <c r="H267" s="214"/>
      <c r="I267" s="56" t="s">
        <v>82</v>
      </c>
      <c r="J267" s="57"/>
      <c r="K267" s="65"/>
      <c r="L267" s="59" t="str">
        <f t="shared" ref="L267:AQ267" si="33">IF(ISBLANK(L$95),"",L$95)</f>
        <v>急性期</v>
      </c>
      <c r="M267" s="249" t="str">
        <f t="shared" si="33"/>
        <v>回復期</v>
      </c>
      <c r="N267" s="249" t="str">
        <f t="shared" si="33"/>
        <v>回復期</v>
      </c>
      <c r="O267" s="249" t="str">
        <f t="shared" si="33"/>
        <v>休棟中（今後廃止する予定）</v>
      </c>
      <c r="P267" s="249" t="str">
        <f t="shared" si="33"/>
        <v>慢性期</v>
      </c>
      <c r="Q267" s="249" t="str">
        <f t="shared" si="33"/>
        <v>慢性期</v>
      </c>
      <c r="R267" s="249" t="str">
        <f t="shared" si="33"/>
        <v/>
      </c>
      <c r="S267" s="249" t="str">
        <f t="shared" si="33"/>
        <v/>
      </c>
      <c r="T267" s="249" t="str">
        <f t="shared" si="33"/>
        <v/>
      </c>
      <c r="U267" s="249" t="str">
        <f t="shared" si="33"/>
        <v/>
      </c>
      <c r="V267" s="249" t="str">
        <f t="shared" si="33"/>
        <v/>
      </c>
      <c r="W267" s="249" t="str">
        <f t="shared" si="33"/>
        <v/>
      </c>
      <c r="X267" s="249" t="str">
        <f t="shared" si="33"/>
        <v/>
      </c>
      <c r="Y267" s="249" t="str">
        <f t="shared" si="33"/>
        <v/>
      </c>
      <c r="Z267" s="249" t="str">
        <f t="shared" si="33"/>
        <v/>
      </c>
      <c r="AA267" s="249" t="str">
        <f t="shared" si="33"/>
        <v/>
      </c>
      <c r="AB267" s="249" t="str">
        <f t="shared" si="33"/>
        <v/>
      </c>
      <c r="AC267" s="249" t="str">
        <f t="shared" si="33"/>
        <v/>
      </c>
      <c r="AD267" s="249" t="str">
        <f t="shared" si="33"/>
        <v/>
      </c>
      <c r="AE267" s="249" t="str">
        <f t="shared" si="33"/>
        <v/>
      </c>
      <c r="AF267" s="249" t="str">
        <f t="shared" si="33"/>
        <v/>
      </c>
      <c r="AG267" s="249" t="str">
        <f t="shared" si="33"/>
        <v/>
      </c>
      <c r="AH267" s="249" t="str">
        <f t="shared" si="33"/>
        <v/>
      </c>
      <c r="AI267" s="249" t="str">
        <f t="shared" si="33"/>
        <v/>
      </c>
      <c r="AJ267" s="249" t="str">
        <f t="shared" si="33"/>
        <v/>
      </c>
      <c r="AK267" s="249" t="str">
        <f t="shared" si="33"/>
        <v/>
      </c>
      <c r="AL267" s="249" t="str">
        <f t="shared" si="33"/>
        <v/>
      </c>
      <c r="AM267" s="249" t="str">
        <f t="shared" si="33"/>
        <v/>
      </c>
      <c r="AN267" s="249" t="str">
        <f t="shared" si="33"/>
        <v/>
      </c>
      <c r="AO267" s="249" t="str">
        <f t="shared" si="33"/>
        <v/>
      </c>
      <c r="AP267" s="249" t="str">
        <f t="shared" si="33"/>
        <v/>
      </c>
      <c r="AQ267" s="249" t="str">
        <f t="shared" si="33"/>
        <v/>
      </c>
      <c r="AR267" s="249" t="str">
        <f t="shared" ref="AR267:BS267" si="34">IF(ISBLANK(AR$95),"",AR$95)</f>
        <v/>
      </c>
      <c r="AS267" s="249" t="str">
        <f t="shared" si="34"/>
        <v/>
      </c>
      <c r="AT267" s="249" t="str">
        <f t="shared" si="34"/>
        <v/>
      </c>
      <c r="AU267" s="249" t="str">
        <f t="shared" si="34"/>
        <v/>
      </c>
      <c r="AV267" s="249" t="str">
        <f t="shared" si="34"/>
        <v/>
      </c>
      <c r="AW267" s="249" t="str">
        <f t="shared" si="34"/>
        <v/>
      </c>
      <c r="AX267" s="249" t="str">
        <f t="shared" si="34"/>
        <v/>
      </c>
      <c r="AY267" s="249" t="str">
        <f t="shared" si="34"/>
        <v/>
      </c>
      <c r="AZ267" s="249" t="str">
        <f t="shared" si="34"/>
        <v/>
      </c>
      <c r="BA267" s="249" t="str">
        <f t="shared" si="34"/>
        <v/>
      </c>
      <c r="BB267" s="249" t="str">
        <f t="shared" si="34"/>
        <v/>
      </c>
      <c r="BC267" s="249" t="str">
        <f t="shared" si="34"/>
        <v/>
      </c>
      <c r="BD267" s="249" t="str">
        <f t="shared" si="34"/>
        <v/>
      </c>
      <c r="BE267" s="249" t="str">
        <f t="shared" si="34"/>
        <v/>
      </c>
      <c r="BF267" s="249" t="str">
        <f t="shared" si="34"/>
        <v/>
      </c>
      <c r="BG267" s="249" t="str">
        <f t="shared" si="34"/>
        <v/>
      </c>
      <c r="BH267" s="249" t="str">
        <f t="shared" si="34"/>
        <v/>
      </c>
      <c r="BI267" s="249" t="str">
        <f t="shared" si="34"/>
        <v/>
      </c>
      <c r="BJ267" s="249" t="str">
        <f t="shared" si="34"/>
        <v/>
      </c>
      <c r="BK267" s="249" t="str">
        <f t="shared" si="34"/>
        <v/>
      </c>
      <c r="BL267" s="249" t="str">
        <f t="shared" si="34"/>
        <v/>
      </c>
      <c r="BM267" s="249" t="str">
        <f t="shared" si="34"/>
        <v/>
      </c>
      <c r="BN267" s="249" t="str">
        <f t="shared" si="34"/>
        <v/>
      </c>
      <c r="BO267" s="249" t="str">
        <f t="shared" si="34"/>
        <v/>
      </c>
      <c r="BP267" s="249" t="str">
        <f t="shared" si="34"/>
        <v/>
      </c>
      <c r="BQ267" s="249" t="str">
        <f t="shared" si="34"/>
        <v/>
      </c>
      <c r="BR267" s="249" t="str">
        <f t="shared" si="34"/>
        <v/>
      </c>
      <c r="BS267" s="249" t="str">
        <f t="shared" si="34"/>
        <v/>
      </c>
    </row>
    <row r="268" spans="1:71" s="67" customFormat="1" ht="34.5" customHeight="1">
      <c r="A268" s="183" t="s">
        <v>237</v>
      </c>
      <c r="B268" s="1"/>
      <c r="C268" s="289" t="s">
        <v>238</v>
      </c>
      <c r="D268" s="290"/>
      <c r="E268" s="365" t="s">
        <v>239</v>
      </c>
      <c r="F268" s="366"/>
      <c r="G268" s="274" t="s">
        <v>240</v>
      </c>
      <c r="H268" s="276"/>
      <c r="I268" s="313" t="s">
        <v>241</v>
      </c>
      <c r="J268" s="203">
        <v>1</v>
      </c>
      <c r="K268" s="66"/>
      <c r="L268" s="200"/>
      <c r="M268" s="256"/>
      <c r="N268" s="256"/>
      <c r="O268" s="256"/>
      <c r="P268" s="256"/>
      <c r="Q268" s="256"/>
      <c r="R268" s="256"/>
      <c r="S268" s="256"/>
      <c r="T268" s="256"/>
      <c r="U268" s="256"/>
      <c r="V268" s="256"/>
      <c r="W268" s="256"/>
      <c r="X268" s="256"/>
      <c r="Y268" s="256"/>
      <c r="Z268" s="256"/>
      <c r="AA268" s="256"/>
      <c r="AB268" s="256"/>
      <c r="AC268" s="256"/>
      <c r="AD268" s="256"/>
      <c r="AE268" s="256"/>
      <c r="AF268" s="256"/>
      <c r="AG268" s="256"/>
      <c r="AH268" s="256"/>
      <c r="AI268" s="256"/>
      <c r="AJ268" s="256"/>
      <c r="AK268" s="256"/>
      <c r="AL268" s="256"/>
      <c r="AM268" s="256"/>
      <c r="AN268" s="256"/>
      <c r="AO268" s="256"/>
      <c r="AP268" s="256"/>
      <c r="AQ268" s="256"/>
      <c r="AR268" s="256"/>
      <c r="AS268" s="256"/>
      <c r="AT268" s="256"/>
      <c r="AU268" s="256"/>
      <c r="AV268" s="256"/>
      <c r="AW268" s="256"/>
      <c r="AX268" s="256"/>
      <c r="AY268" s="256"/>
      <c r="AZ268" s="256"/>
      <c r="BA268" s="256"/>
      <c r="BB268" s="256"/>
      <c r="BC268" s="256"/>
      <c r="BD268" s="256"/>
      <c r="BE268" s="256"/>
      <c r="BF268" s="256"/>
      <c r="BG268" s="256"/>
      <c r="BH268" s="256"/>
      <c r="BI268" s="256"/>
      <c r="BJ268" s="256"/>
      <c r="BK268" s="256"/>
      <c r="BL268" s="256"/>
      <c r="BM268" s="256"/>
      <c r="BN268" s="256"/>
      <c r="BO268" s="256"/>
      <c r="BP268" s="256"/>
      <c r="BQ268" s="256"/>
      <c r="BR268" s="256"/>
      <c r="BS268" s="256"/>
    </row>
    <row r="269" spans="1:71" s="67" customFormat="1" ht="34.5" customHeight="1">
      <c r="A269" s="183" t="s">
        <v>242</v>
      </c>
      <c r="B269" s="118"/>
      <c r="C269" s="291"/>
      <c r="D269" s="292"/>
      <c r="E269" s="366"/>
      <c r="F269" s="366"/>
      <c r="G269" s="274" t="s">
        <v>243</v>
      </c>
      <c r="H269" s="276"/>
      <c r="I269" s="317"/>
      <c r="J269" s="203">
        <v>0</v>
      </c>
      <c r="K269" s="66"/>
      <c r="L269" s="201"/>
      <c r="M269" s="256"/>
      <c r="N269" s="256"/>
      <c r="O269" s="256"/>
      <c r="P269" s="256"/>
      <c r="Q269" s="256"/>
      <c r="R269" s="256"/>
      <c r="S269" s="256"/>
      <c r="T269" s="256"/>
      <c r="U269" s="256"/>
      <c r="V269" s="256"/>
      <c r="W269" s="256"/>
      <c r="X269" s="256"/>
      <c r="Y269" s="256"/>
      <c r="Z269" s="256"/>
      <c r="AA269" s="256"/>
      <c r="AB269" s="256"/>
      <c r="AC269" s="256"/>
      <c r="AD269" s="256"/>
      <c r="AE269" s="256"/>
      <c r="AF269" s="256"/>
      <c r="AG269" s="256"/>
      <c r="AH269" s="256"/>
      <c r="AI269" s="256"/>
      <c r="AJ269" s="256"/>
      <c r="AK269" s="256"/>
      <c r="AL269" s="256"/>
      <c r="AM269" s="256"/>
      <c r="AN269" s="256"/>
      <c r="AO269" s="256"/>
      <c r="AP269" s="256"/>
      <c r="AQ269" s="256"/>
      <c r="AR269" s="256"/>
      <c r="AS269" s="256"/>
      <c r="AT269" s="256"/>
      <c r="AU269" s="256"/>
      <c r="AV269" s="256"/>
      <c r="AW269" s="256"/>
      <c r="AX269" s="256"/>
      <c r="AY269" s="256"/>
      <c r="AZ269" s="256"/>
      <c r="BA269" s="256"/>
      <c r="BB269" s="256"/>
      <c r="BC269" s="256"/>
      <c r="BD269" s="256"/>
      <c r="BE269" s="256"/>
      <c r="BF269" s="256"/>
      <c r="BG269" s="256"/>
      <c r="BH269" s="256"/>
      <c r="BI269" s="256"/>
      <c r="BJ269" s="256"/>
      <c r="BK269" s="256"/>
      <c r="BL269" s="256"/>
      <c r="BM269" s="256"/>
      <c r="BN269" s="256"/>
      <c r="BO269" s="256"/>
      <c r="BP269" s="256"/>
      <c r="BQ269" s="256"/>
      <c r="BR269" s="256"/>
      <c r="BS269" s="256"/>
    </row>
    <row r="270" spans="1:71" s="67" customFormat="1" ht="34.5" customHeight="1">
      <c r="A270" s="183" t="s">
        <v>244</v>
      </c>
      <c r="B270" s="118"/>
      <c r="C270" s="291"/>
      <c r="D270" s="292"/>
      <c r="E270" s="366"/>
      <c r="F270" s="366"/>
      <c r="G270" s="274" t="s">
        <v>245</v>
      </c>
      <c r="H270" s="276"/>
      <c r="I270" s="317"/>
      <c r="J270" s="203">
        <v>0</v>
      </c>
      <c r="K270" s="66"/>
      <c r="L270" s="201"/>
      <c r="M270" s="256"/>
      <c r="N270" s="256"/>
      <c r="O270" s="256"/>
      <c r="P270" s="256"/>
      <c r="Q270" s="256"/>
      <c r="R270" s="256"/>
      <c r="S270" s="256"/>
      <c r="T270" s="256"/>
      <c r="U270" s="256"/>
      <c r="V270" s="256"/>
      <c r="W270" s="256"/>
      <c r="X270" s="256"/>
      <c r="Y270" s="256"/>
      <c r="Z270" s="256"/>
      <c r="AA270" s="256"/>
      <c r="AB270" s="256"/>
      <c r="AC270" s="256"/>
      <c r="AD270" s="256"/>
      <c r="AE270" s="256"/>
      <c r="AF270" s="256"/>
      <c r="AG270" s="256"/>
      <c r="AH270" s="256"/>
      <c r="AI270" s="256"/>
      <c r="AJ270" s="256"/>
      <c r="AK270" s="256"/>
      <c r="AL270" s="256"/>
      <c r="AM270" s="256"/>
      <c r="AN270" s="256"/>
      <c r="AO270" s="256"/>
      <c r="AP270" s="256"/>
      <c r="AQ270" s="256"/>
      <c r="AR270" s="256"/>
      <c r="AS270" s="256"/>
      <c r="AT270" s="256"/>
      <c r="AU270" s="256"/>
      <c r="AV270" s="256"/>
      <c r="AW270" s="256"/>
      <c r="AX270" s="256"/>
      <c r="AY270" s="256"/>
      <c r="AZ270" s="256"/>
      <c r="BA270" s="256"/>
      <c r="BB270" s="256"/>
      <c r="BC270" s="256"/>
      <c r="BD270" s="256"/>
      <c r="BE270" s="256"/>
      <c r="BF270" s="256"/>
      <c r="BG270" s="256"/>
      <c r="BH270" s="256"/>
      <c r="BI270" s="256"/>
      <c r="BJ270" s="256"/>
      <c r="BK270" s="256"/>
      <c r="BL270" s="256"/>
      <c r="BM270" s="256"/>
      <c r="BN270" s="256"/>
      <c r="BO270" s="256"/>
      <c r="BP270" s="256"/>
      <c r="BQ270" s="256"/>
      <c r="BR270" s="256"/>
      <c r="BS270" s="256"/>
    </row>
    <row r="271" spans="1:71" s="67" customFormat="1" ht="34.5" customHeight="1">
      <c r="A271" s="183" t="s">
        <v>246</v>
      </c>
      <c r="B271" s="118"/>
      <c r="C271" s="293"/>
      <c r="D271" s="294"/>
      <c r="E271" s="274" t="s">
        <v>207</v>
      </c>
      <c r="F271" s="275"/>
      <c r="G271" s="275"/>
      <c r="H271" s="276"/>
      <c r="I271" s="318"/>
      <c r="J271" s="203">
        <v>0</v>
      </c>
      <c r="K271" s="66"/>
      <c r="L271" s="201"/>
      <c r="M271" s="256"/>
      <c r="N271" s="256"/>
      <c r="O271" s="256"/>
      <c r="P271" s="256"/>
      <c r="Q271" s="256"/>
      <c r="R271" s="256"/>
      <c r="S271" s="256"/>
      <c r="T271" s="256"/>
      <c r="U271" s="256"/>
      <c r="V271" s="256"/>
      <c r="W271" s="256"/>
      <c r="X271" s="256"/>
      <c r="Y271" s="256"/>
      <c r="Z271" s="256"/>
      <c r="AA271" s="256"/>
      <c r="AB271" s="256"/>
      <c r="AC271" s="256"/>
      <c r="AD271" s="256"/>
      <c r="AE271" s="256"/>
      <c r="AF271" s="256"/>
      <c r="AG271" s="256"/>
      <c r="AH271" s="256"/>
      <c r="AI271" s="256"/>
      <c r="AJ271" s="256"/>
      <c r="AK271" s="256"/>
      <c r="AL271" s="256"/>
      <c r="AM271" s="256"/>
      <c r="AN271" s="256"/>
      <c r="AO271" s="256"/>
      <c r="AP271" s="256"/>
      <c r="AQ271" s="256"/>
      <c r="AR271" s="256"/>
      <c r="AS271" s="256"/>
      <c r="AT271" s="256"/>
      <c r="AU271" s="256"/>
      <c r="AV271" s="256"/>
      <c r="AW271" s="256"/>
      <c r="AX271" s="256"/>
      <c r="AY271" s="256"/>
      <c r="AZ271" s="256"/>
      <c r="BA271" s="256"/>
      <c r="BB271" s="256"/>
      <c r="BC271" s="256"/>
      <c r="BD271" s="256"/>
      <c r="BE271" s="256"/>
      <c r="BF271" s="256"/>
      <c r="BG271" s="256"/>
      <c r="BH271" s="256"/>
      <c r="BI271" s="256"/>
      <c r="BJ271" s="256"/>
      <c r="BK271" s="256"/>
      <c r="BL271" s="256"/>
      <c r="BM271" s="256"/>
      <c r="BN271" s="256"/>
      <c r="BO271" s="256"/>
      <c r="BP271" s="256"/>
      <c r="BQ271" s="256"/>
      <c r="BR271" s="256"/>
      <c r="BS271" s="256"/>
    </row>
    <row r="272" spans="1:71" s="67" customFormat="1" ht="34.5" customHeight="1">
      <c r="A272" s="183" t="s">
        <v>247</v>
      </c>
      <c r="B272" s="118"/>
      <c r="C272" s="289" t="s">
        <v>248</v>
      </c>
      <c r="D272" s="346"/>
      <c r="E272" s="274" t="s">
        <v>249</v>
      </c>
      <c r="F272" s="275"/>
      <c r="G272" s="275"/>
      <c r="H272" s="276"/>
      <c r="I272" s="313" t="s">
        <v>250</v>
      </c>
      <c r="J272" s="203">
        <v>0</v>
      </c>
      <c r="K272" s="66"/>
      <c r="L272" s="201"/>
      <c r="M272" s="256"/>
      <c r="N272" s="256"/>
      <c r="O272" s="256"/>
      <c r="P272" s="256"/>
      <c r="Q272" s="256"/>
      <c r="R272" s="256"/>
      <c r="S272" s="256"/>
      <c r="T272" s="256"/>
      <c r="U272" s="256"/>
      <c r="V272" s="256"/>
      <c r="W272" s="256"/>
      <c r="X272" s="256"/>
      <c r="Y272" s="256"/>
      <c r="Z272" s="256"/>
      <c r="AA272" s="256"/>
      <c r="AB272" s="256"/>
      <c r="AC272" s="256"/>
      <c r="AD272" s="256"/>
      <c r="AE272" s="256"/>
      <c r="AF272" s="256"/>
      <c r="AG272" s="256"/>
      <c r="AH272" s="256"/>
      <c r="AI272" s="256"/>
      <c r="AJ272" s="256"/>
      <c r="AK272" s="256"/>
      <c r="AL272" s="256"/>
      <c r="AM272" s="256"/>
      <c r="AN272" s="256"/>
      <c r="AO272" s="256"/>
      <c r="AP272" s="256"/>
      <c r="AQ272" s="256"/>
      <c r="AR272" s="256"/>
      <c r="AS272" s="256"/>
      <c r="AT272" s="256"/>
      <c r="AU272" s="256"/>
      <c r="AV272" s="256"/>
      <c r="AW272" s="256"/>
      <c r="AX272" s="256"/>
      <c r="AY272" s="256"/>
      <c r="AZ272" s="256"/>
      <c r="BA272" s="256"/>
      <c r="BB272" s="256"/>
      <c r="BC272" s="256"/>
      <c r="BD272" s="256"/>
      <c r="BE272" s="256"/>
      <c r="BF272" s="256"/>
      <c r="BG272" s="256"/>
      <c r="BH272" s="256"/>
      <c r="BI272" s="256"/>
      <c r="BJ272" s="256"/>
      <c r="BK272" s="256"/>
      <c r="BL272" s="256"/>
      <c r="BM272" s="256"/>
      <c r="BN272" s="256"/>
      <c r="BO272" s="256"/>
      <c r="BP272" s="256"/>
      <c r="BQ272" s="256"/>
      <c r="BR272" s="256"/>
      <c r="BS272" s="256"/>
    </row>
    <row r="273" spans="1:71" s="67" customFormat="1" ht="34.5" customHeight="1">
      <c r="A273" s="183" t="s">
        <v>251</v>
      </c>
      <c r="B273" s="118"/>
      <c r="C273" s="347"/>
      <c r="D273" s="348"/>
      <c r="E273" s="274" t="s">
        <v>252</v>
      </c>
      <c r="F273" s="275"/>
      <c r="G273" s="275"/>
      <c r="H273" s="276"/>
      <c r="I273" s="317"/>
      <c r="J273" s="203">
        <v>1</v>
      </c>
      <c r="K273" s="66"/>
      <c r="L273" s="201"/>
      <c r="M273" s="256"/>
      <c r="N273" s="256"/>
      <c r="O273" s="256"/>
      <c r="P273" s="256"/>
      <c r="Q273" s="256"/>
      <c r="R273" s="256"/>
      <c r="S273" s="256"/>
      <c r="T273" s="256"/>
      <c r="U273" s="256"/>
      <c r="V273" s="256"/>
      <c r="W273" s="256"/>
      <c r="X273" s="256"/>
      <c r="Y273" s="256"/>
      <c r="Z273" s="256"/>
      <c r="AA273" s="256"/>
      <c r="AB273" s="256"/>
      <c r="AC273" s="256"/>
      <c r="AD273" s="256"/>
      <c r="AE273" s="256"/>
      <c r="AF273" s="256"/>
      <c r="AG273" s="256"/>
      <c r="AH273" s="256"/>
      <c r="AI273" s="256"/>
      <c r="AJ273" s="256"/>
      <c r="AK273" s="256"/>
      <c r="AL273" s="256"/>
      <c r="AM273" s="256"/>
      <c r="AN273" s="256"/>
      <c r="AO273" s="256"/>
      <c r="AP273" s="256"/>
      <c r="AQ273" s="256"/>
      <c r="AR273" s="256"/>
      <c r="AS273" s="256"/>
      <c r="AT273" s="256"/>
      <c r="AU273" s="256"/>
      <c r="AV273" s="256"/>
      <c r="AW273" s="256"/>
      <c r="AX273" s="256"/>
      <c r="AY273" s="256"/>
      <c r="AZ273" s="256"/>
      <c r="BA273" s="256"/>
      <c r="BB273" s="256"/>
      <c r="BC273" s="256"/>
      <c r="BD273" s="256"/>
      <c r="BE273" s="256"/>
      <c r="BF273" s="256"/>
      <c r="BG273" s="256"/>
      <c r="BH273" s="256"/>
      <c r="BI273" s="256"/>
      <c r="BJ273" s="256"/>
      <c r="BK273" s="256"/>
      <c r="BL273" s="256"/>
      <c r="BM273" s="256"/>
      <c r="BN273" s="256"/>
      <c r="BO273" s="256"/>
      <c r="BP273" s="256"/>
      <c r="BQ273" s="256"/>
      <c r="BR273" s="256"/>
      <c r="BS273" s="256"/>
    </row>
    <row r="274" spans="1:71" s="67" customFormat="1" ht="34.5" customHeight="1">
      <c r="A274" s="183" t="s">
        <v>253</v>
      </c>
      <c r="B274" s="118"/>
      <c r="C274" s="349"/>
      <c r="D274" s="350"/>
      <c r="E274" s="274" t="s">
        <v>254</v>
      </c>
      <c r="F274" s="275"/>
      <c r="G274" s="275"/>
      <c r="H274" s="276"/>
      <c r="I274" s="318"/>
      <c r="J274" s="203">
        <v>0</v>
      </c>
      <c r="K274" s="66"/>
      <c r="L274" s="201"/>
      <c r="M274" s="256"/>
      <c r="N274" s="256"/>
      <c r="O274" s="256"/>
      <c r="P274" s="256"/>
      <c r="Q274" s="256"/>
      <c r="R274" s="256"/>
      <c r="S274" s="256"/>
      <c r="T274" s="256"/>
      <c r="U274" s="256"/>
      <c r="V274" s="256"/>
      <c r="W274" s="256"/>
      <c r="X274" s="256"/>
      <c r="Y274" s="256"/>
      <c r="Z274" s="256"/>
      <c r="AA274" s="256"/>
      <c r="AB274" s="256"/>
      <c r="AC274" s="256"/>
      <c r="AD274" s="256"/>
      <c r="AE274" s="256"/>
      <c r="AF274" s="256"/>
      <c r="AG274" s="256"/>
      <c r="AH274" s="256"/>
      <c r="AI274" s="256"/>
      <c r="AJ274" s="256"/>
      <c r="AK274" s="256"/>
      <c r="AL274" s="256"/>
      <c r="AM274" s="256"/>
      <c r="AN274" s="256"/>
      <c r="AO274" s="256"/>
      <c r="AP274" s="256"/>
      <c r="AQ274" s="256"/>
      <c r="AR274" s="256"/>
      <c r="AS274" s="256"/>
      <c r="AT274" s="256"/>
      <c r="AU274" s="256"/>
      <c r="AV274" s="256"/>
      <c r="AW274" s="256"/>
      <c r="AX274" s="256"/>
      <c r="AY274" s="256"/>
      <c r="AZ274" s="256"/>
      <c r="BA274" s="256"/>
      <c r="BB274" s="256"/>
      <c r="BC274" s="256"/>
      <c r="BD274" s="256"/>
      <c r="BE274" s="256"/>
      <c r="BF274" s="256"/>
      <c r="BG274" s="256"/>
      <c r="BH274" s="256"/>
      <c r="BI274" s="256"/>
      <c r="BJ274" s="256"/>
      <c r="BK274" s="256"/>
      <c r="BL274" s="256"/>
      <c r="BM274" s="256"/>
      <c r="BN274" s="256"/>
      <c r="BO274" s="256"/>
      <c r="BP274" s="256"/>
      <c r="BQ274" s="256"/>
      <c r="BR274" s="256"/>
      <c r="BS274" s="256"/>
    </row>
    <row r="275" spans="1:71" s="67" customFormat="1" ht="42" customHeight="1">
      <c r="A275" s="183" t="s">
        <v>255</v>
      </c>
      <c r="B275" s="118"/>
      <c r="C275" s="289" t="s">
        <v>207</v>
      </c>
      <c r="D275" s="346"/>
      <c r="E275" s="274" t="s">
        <v>256</v>
      </c>
      <c r="F275" s="275"/>
      <c r="G275" s="275"/>
      <c r="H275" s="276"/>
      <c r="I275" s="98" t="s">
        <v>257</v>
      </c>
      <c r="J275" s="203">
        <v>1</v>
      </c>
      <c r="K275" s="66"/>
      <c r="L275" s="201"/>
      <c r="M275" s="256"/>
      <c r="N275" s="256"/>
      <c r="O275" s="256"/>
      <c r="P275" s="256"/>
      <c r="Q275" s="256"/>
      <c r="R275" s="256"/>
      <c r="S275" s="256"/>
      <c r="T275" s="256"/>
      <c r="U275" s="256"/>
      <c r="V275" s="256"/>
      <c r="W275" s="256"/>
      <c r="X275" s="256"/>
      <c r="Y275" s="256"/>
      <c r="Z275" s="256"/>
      <c r="AA275" s="256"/>
      <c r="AB275" s="256"/>
      <c r="AC275" s="256"/>
      <c r="AD275" s="256"/>
      <c r="AE275" s="256"/>
      <c r="AF275" s="256"/>
      <c r="AG275" s="256"/>
      <c r="AH275" s="256"/>
      <c r="AI275" s="256"/>
      <c r="AJ275" s="256"/>
      <c r="AK275" s="256"/>
      <c r="AL275" s="256"/>
      <c r="AM275" s="256"/>
      <c r="AN275" s="256"/>
      <c r="AO275" s="256"/>
      <c r="AP275" s="256"/>
      <c r="AQ275" s="256"/>
      <c r="AR275" s="256"/>
      <c r="AS275" s="256"/>
      <c r="AT275" s="256"/>
      <c r="AU275" s="256"/>
      <c r="AV275" s="256"/>
      <c r="AW275" s="256"/>
      <c r="AX275" s="256"/>
      <c r="AY275" s="256"/>
      <c r="AZ275" s="256"/>
      <c r="BA275" s="256"/>
      <c r="BB275" s="256"/>
      <c r="BC275" s="256"/>
      <c r="BD275" s="256"/>
      <c r="BE275" s="256"/>
      <c r="BF275" s="256"/>
      <c r="BG275" s="256"/>
      <c r="BH275" s="256"/>
      <c r="BI275" s="256"/>
      <c r="BJ275" s="256"/>
      <c r="BK275" s="256"/>
      <c r="BL275" s="256"/>
      <c r="BM275" s="256"/>
      <c r="BN275" s="256"/>
      <c r="BO275" s="256"/>
      <c r="BP275" s="256"/>
      <c r="BQ275" s="256"/>
      <c r="BR275" s="256"/>
      <c r="BS275" s="256"/>
    </row>
    <row r="276" spans="1:71" s="67" customFormat="1" ht="34.5" customHeight="1">
      <c r="A276" s="183" t="s">
        <v>258</v>
      </c>
      <c r="B276" s="118"/>
      <c r="C276" s="347"/>
      <c r="D276" s="348"/>
      <c r="E276" s="274" t="s">
        <v>259</v>
      </c>
      <c r="F276" s="275"/>
      <c r="G276" s="275"/>
      <c r="H276" s="276"/>
      <c r="I276" s="316" t="s">
        <v>260</v>
      </c>
      <c r="J276" s="203">
        <v>0</v>
      </c>
      <c r="K276" s="66"/>
      <c r="L276" s="201"/>
      <c r="M276" s="256"/>
      <c r="N276" s="256"/>
      <c r="O276" s="256"/>
      <c r="P276" s="256"/>
      <c r="Q276" s="256"/>
      <c r="R276" s="256"/>
      <c r="S276" s="256"/>
      <c r="T276" s="256"/>
      <c r="U276" s="256"/>
      <c r="V276" s="256"/>
      <c r="W276" s="256"/>
      <c r="X276" s="256"/>
      <c r="Y276" s="256"/>
      <c r="Z276" s="256"/>
      <c r="AA276" s="256"/>
      <c r="AB276" s="256"/>
      <c r="AC276" s="256"/>
      <c r="AD276" s="256"/>
      <c r="AE276" s="256"/>
      <c r="AF276" s="256"/>
      <c r="AG276" s="256"/>
      <c r="AH276" s="256"/>
      <c r="AI276" s="256"/>
      <c r="AJ276" s="256"/>
      <c r="AK276" s="256"/>
      <c r="AL276" s="256"/>
      <c r="AM276" s="256"/>
      <c r="AN276" s="256"/>
      <c r="AO276" s="256"/>
      <c r="AP276" s="256"/>
      <c r="AQ276" s="256"/>
      <c r="AR276" s="256"/>
      <c r="AS276" s="256"/>
      <c r="AT276" s="256"/>
      <c r="AU276" s="256"/>
      <c r="AV276" s="256"/>
      <c r="AW276" s="256"/>
      <c r="AX276" s="256"/>
      <c r="AY276" s="256"/>
      <c r="AZ276" s="256"/>
      <c r="BA276" s="256"/>
      <c r="BB276" s="256"/>
      <c r="BC276" s="256"/>
      <c r="BD276" s="256"/>
      <c r="BE276" s="256"/>
      <c r="BF276" s="256"/>
      <c r="BG276" s="256"/>
      <c r="BH276" s="256"/>
      <c r="BI276" s="256"/>
      <c r="BJ276" s="256"/>
      <c r="BK276" s="256"/>
      <c r="BL276" s="256"/>
      <c r="BM276" s="256"/>
      <c r="BN276" s="256"/>
      <c r="BO276" s="256"/>
      <c r="BP276" s="256"/>
      <c r="BQ276" s="256"/>
      <c r="BR276" s="256"/>
      <c r="BS276" s="256"/>
    </row>
    <row r="277" spans="1:71" s="67" customFormat="1" ht="34.5" customHeight="1">
      <c r="A277" s="183" t="s">
        <v>261</v>
      </c>
      <c r="B277" s="118"/>
      <c r="C277" s="347"/>
      <c r="D277" s="348"/>
      <c r="E277" s="274" t="s">
        <v>262</v>
      </c>
      <c r="F277" s="275"/>
      <c r="G277" s="275"/>
      <c r="H277" s="276"/>
      <c r="I277" s="351"/>
      <c r="J277" s="203">
        <v>0</v>
      </c>
      <c r="K277" s="66"/>
      <c r="L277" s="201"/>
      <c r="M277" s="256"/>
      <c r="N277" s="256"/>
      <c r="O277" s="256"/>
      <c r="P277" s="256"/>
      <c r="Q277" s="256"/>
      <c r="R277" s="256"/>
      <c r="S277" s="256"/>
      <c r="T277" s="256"/>
      <c r="U277" s="256"/>
      <c r="V277" s="256"/>
      <c r="W277" s="256"/>
      <c r="X277" s="256"/>
      <c r="Y277" s="256"/>
      <c r="Z277" s="256"/>
      <c r="AA277" s="256"/>
      <c r="AB277" s="256"/>
      <c r="AC277" s="256"/>
      <c r="AD277" s="256"/>
      <c r="AE277" s="256"/>
      <c r="AF277" s="256"/>
      <c r="AG277" s="256"/>
      <c r="AH277" s="256"/>
      <c r="AI277" s="256"/>
      <c r="AJ277" s="256"/>
      <c r="AK277" s="256"/>
      <c r="AL277" s="256"/>
      <c r="AM277" s="256"/>
      <c r="AN277" s="256"/>
      <c r="AO277" s="256"/>
      <c r="AP277" s="256"/>
      <c r="AQ277" s="256"/>
      <c r="AR277" s="256"/>
      <c r="AS277" s="256"/>
      <c r="AT277" s="256"/>
      <c r="AU277" s="256"/>
      <c r="AV277" s="256"/>
      <c r="AW277" s="256"/>
      <c r="AX277" s="256"/>
      <c r="AY277" s="256"/>
      <c r="AZ277" s="256"/>
      <c r="BA277" s="256"/>
      <c r="BB277" s="256"/>
      <c r="BC277" s="256"/>
      <c r="BD277" s="256"/>
      <c r="BE277" s="256"/>
      <c r="BF277" s="256"/>
      <c r="BG277" s="256"/>
      <c r="BH277" s="256"/>
      <c r="BI277" s="256"/>
      <c r="BJ277" s="256"/>
      <c r="BK277" s="256"/>
      <c r="BL277" s="256"/>
      <c r="BM277" s="256"/>
      <c r="BN277" s="256"/>
      <c r="BO277" s="256"/>
      <c r="BP277" s="256"/>
      <c r="BQ277" s="256"/>
      <c r="BR277" s="256"/>
      <c r="BS277" s="256"/>
    </row>
    <row r="278" spans="1:71" s="67" customFormat="1" ht="42.75">
      <c r="A278" s="183" t="s">
        <v>263</v>
      </c>
      <c r="B278" s="118"/>
      <c r="C278" s="347"/>
      <c r="D278" s="348"/>
      <c r="E278" s="274" t="s">
        <v>264</v>
      </c>
      <c r="F278" s="275"/>
      <c r="G278" s="275"/>
      <c r="H278" s="276"/>
      <c r="I278" s="98" t="s">
        <v>265</v>
      </c>
      <c r="J278" s="203">
        <v>0</v>
      </c>
      <c r="K278" s="66"/>
      <c r="L278" s="201"/>
      <c r="M278" s="256"/>
      <c r="N278" s="256"/>
      <c r="O278" s="256"/>
      <c r="P278" s="256"/>
      <c r="Q278" s="256"/>
      <c r="R278" s="256"/>
      <c r="S278" s="256"/>
      <c r="T278" s="256"/>
      <c r="U278" s="256"/>
      <c r="V278" s="256"/>
      <c r="W278" s="256"/>
      <c r="X278" s="256"/>
      <c r="Y278" s="256"/>
      <c r="Z278" s="256"/>
      <c r="AA278" s="256"/>
      <c r="AB278" s="256"/>
      <c r="AC278" s="256"/>
      <c r="AD278" s="256"/>
      <c r="AE278" s="256"/>
      <c r="AF278" s="256"/>
      <c r="AG278" s="256"/>
      <c r="AH278" s="256"/>
      <c r="AI278" s="256"/>
      <c r="AJ278" s="256"/>
      <c r="AK278" s="256"/>
      <c r="AL278" s="256"/>
      <c r="AM278" s="256"/>
      <c r="AN278" s="256"/>
      <c r="AO278" s="256"/>
      <c r="AP278" s="256"/>
      <c r="AQ278" s="256"/>
      <c r="AR278" s="256"/>
      <c r="AS278" s="256"/>
      <c r="AT278" s="256"/>
      <c r="AU278" s="256"/>
      <c r="AV278" s="256"/>
      <c r="AW278" s="256"/>
      <c r="AX278" s="256"/>
      <c r="AY278" s="256"/>
      <c r="AZ278" s="256"/>
      <c r="BA278" s="256"/>
      <c r="BB278" s="256"/>
      <c r="BC278" s="256"/>
      <c r="BD278" s="256"/>
      <c r="BE278" s="256"/>
      <c r="BF278" s="256"/>
      <c r="BG278" s="256"/>
      <c r="BH278" s="256"/>
      <c r="BI278" s="256"/>
      <c r="BJ278" s="256"/>
      <c r="BK278" s="256"/>
      <c r="BL278" s="256"/>
      <c r="BM278" s="256"/>
      <c r="BN278" s="256"/>
      <c r="BO278" s="256"/>
      <c r="BP278" s="256"/>
      <c r="BQ278" s="256"/>
      <c r="BR278" s="256"/>
      <c r="BS278" s="256"/>
    </row>
    <row r="279" spans="1:71" s="67" customFormat="1" ht="42.75">
      <c r="A279" s="183" t="s">
        <v>266</v>
      </c>
      <c r="B279" s="118"/>
      <c r="C279" s="347"/>
      <c r="D279" s="348"/>
      <c r="E279" s="274" t="s">
        <v>267</v>
      </c>
      <c r="F279" s="275"/>
      <c r="G279" s="275"/>
      <c r="H279" s="276"/>
      <c r="I279" s="98" t="s">
        <v>268</v>
      </c>
      <c r="J279" s="203">
        <v>0</v>
      </c>
      <c r="K279" s="66"/>
      <c r="L279" s="201"/>
      <c r="M279" s="256"/>
      <c r="N279" s="256"/>
      <c r="O279" s="256"/>
      <c r="P279" s="256"/>
      <c r="Q279" s="256"/>
      <c r="R279" s="256"/>
      <c r="S279" s="256"/>
      <c r="T279" s="256"/>
      <c r="U279" s="256"/>
      <c r="V279" s="256"/>
      <c r="W279" s="256"/>
      <c r="X279" s="256"/>
      <c r="Y279" s="256"/>
      <c r="Z279" s="256"/>
      <c r="AA279" s="256"/>
      <c r="AB279" s="256"/>
      <c r="AC279" s="256"/>
      <c r="AD279" s="256"/>
      <c r="AE279" s="256"/>
      <c r="AF279" s="256"/>
      <c r="AG279" s="256"/>
      <c r="AH279" s="256"/>
      <c r="AI279" s="256"/>
      <c r="AJ279" s="256"/>
      <c r="AK279" s="256"/>
      <c r="AL279" s="256"/>
      <c r="AM279" s="256"/>
      <c r="AN279" s="256"/>
      <c r="AO279" s="256"/>
      <c r="AP279" s="256"/>
      <c r="AQ279" s="256"/>
      <c r="AR279" s="256"/>
      <c r="AS279" s="256"/>
      <c r="AT279" s="256"/>
      <c r="AU279" s="256"/>
      <c r="AV279" s="256"/>
      <c r="AW279" s="256"/>
      <c r="AX279" s="256"/>
      <c r="AY279" s="256"/>
      <c r="AZ279" s="256"/>
      <c r="BA279" s="256"/>
      <c r="BB279" s="256"/>
      <c r="BC279" s="256"/>
      <c r="BD279" s="256"/>
      <c r="BE279" s="256"/>
      <c r="BF279" s="256"/>
      <c r="BG279" s="256"/>
      <c r="BH279" s="256"/>
      <c r="BI279" s="256"/>
      <c r="BJ279" s="256"/>
      <c r="BK279" s="256"/>
      <c r="BL279" s="256"/>
      <c r="BM279" s="256"/>
      <c r="BN279" s="256"/>
      <c r="BO279" s="256"/>
      <c r="BP279" s="256"/>
      <c r="BQ279" s="256"/>
      <c r="BR279" s="256"/>
      <c r="BS279" s="256"/>
    </row>
    <row r="280" spans="1:71" s="67" customFormat="1" ht="42" customHeight="1">
      <c r="A280" s="183" t="s">
        <v>269</v>
      </c>
      <c r="B280" s="118"/>
      <c r="C280" s="347"/>
      <c r="D280" s="348"/>
      <c r="E280" s="274" t="s">
        <v>270</v>
      </c>
      <c r="F280" s="275"/>
      <c r="G280" s="275"/>
      <c r="H280" s="276"/>
      <c r="I280" s="98" t="s">
        <v>271</v>
      </c>
      <c r="J280" s="203">
        <v>0</v>
      </c>
      <c r="K280" s="66"/>
      <c r="L280" s="201"/>
      <c r="M280" s="256"/>
      <c r="N280" s="256"/>
      <c r="O280" s="256"/>
      <c r="P280" s="256"/>
      <c r="Q280" s="256"/>
      <c r="R280" s="256"/>
      <c r="S280" s="256"/>
      <c r="T280" s="256"/>
      <c r="U280" s="256"/>
      <c r="V280" s="256"/>
      <c r="W280" s="256"/>
      <c r="X280" s="256"/>
      <c r="Y280" s="256"/>
      <c r="Z280" s="256"/>
      <c r="AA280" s="256"/>
      <c r="AB280" s="256"/>
      <c r="AC280" s="256"/>
      <c r="AD280" s="256"/>
      <c r="AE280" s="256"/>
      <c r="AF280" s="256"/>
      <c r="AG280" s="256"/>
      <c r="AH280" s="256"/>
      <c r="AI280" s="256"/>
      <c r="AJ280" s="256"/>
      <c r="AK280" s="256"/>
      <c r="AL280" s="256"/>
      <c r="AM280" s="256"/>
      <c r="AN280" s="256"/>
      <c r="AO280" s="256"/>
      <c r="AP280" s="256"/>
      <c r="AQ280" s="256"/>
      <c r="AR280" s="256"/>
      <c r="AS280" s="256"/>
      <c r="AT280" s="256"/>
      <c r="AU280" s="256"/>
      <c r="AV280" s="256"/>
      <c r="AW280" s="256"/>
      <c r="AX280" s="256"/>
      <c r="AY280" s="256"/>
      <c r="AZ280" s="256"/>
      <c r="BA280" s="256"/>
      <c r="BB280" s="256"/>
      <c r="BC280" s="256"/>
      <c r="BD280" s="256"/>
      <c r="BE280" s="256"/>
      <c r="BF280" s="256"/>
      <c r="BG280" s="256"/>
      <c r="BH280" s="256"/>
      <c r="BI280" s="256"/>
      <c r="BJ280" s="256"/>
      <c r="BK280" s="256"/>
      <c r="BL280" s="256"/>
      <c r="BM280" s="256"/>
      <c r="BN280" s="256"/>
      <c r="BO280" s="256"/>
      <c r="BP280" s="256"/>
      <c r="BQ280" s="256"/>
      <c r="BR280" s="256"/>
      <c r="BS280" s="256"/>
    </row>
    <row r="281" spans="1:71" s="67" customFormat="1" ht="42" customHeight="1">
      <c r="A281" s="183" t="s">
        <v>272</v>
      </c>
      <c r="B281" s="118"/>
      <c r="C281" s="347"/>
      <c r="D281" s="348"/>
      <c r="E281" s="274" t="s">
        <v>273</v>
      </c>
      <c r="F281" s="275"/>
      <c r="G281" s="275"/>
      <c r="H281" s="276"/>
      <c r="I281" s="98" t="s">
        <v>274</v>
      </c>
      <c r="J281" s="203">
        <v>0</v>
      </c>
      <c r="K281" s="66"/>
      <c r="L281" s="201"/>
      <c r="M281" s="256"/>
      <c r="N281" s="256"/>
      <c r="O281" s="256"/>
      <c r="P281" s="256"/>
      <c r="Q281" s="256"/>
      <c r="R281" s="256"/>
      <c r="S281" s="256"/>
      <c r="T281" s="256"/>
      <c r="U281" s="256"/>
      <c r="V281" s="256"/>
      <c r="W281" s="256"/>
      <c r="X281" s="256"/>
      <c r="Y281" s="256"/>
      <c r="Z281" s="256"/>
      <c r="AA281" s="256"/>
      <c r="AB281" s="256"/>
      <c r="AC281" s="256"/>
      <c r="AD281" s="256"/>
      <c r="AE281" s="256"/>
      <c r="AF281" s="256"/>
      <c r="AG281" s="256"/>
      <c r="AH281" s="256"/>
      <c r="AI281" s="256"/>
      <c r="AJ281" s="256"/>
      <c r="AK281" s="256"/>
      <c r="AL281" s="256"/>
      <c r="AM281" s="256"/>
      <c r="AN281" s="256"/>
      <c r="AO281" s="256"/>
      <c r="AP281" s="256"/>
      <c r="AQ281" s="256"/>
      <c r="AR281" s="256"/>
      <c r="AS281" s="256"/>
      <c r="AT281" s="256"/>
      <c r="AU281" s="256"/>
      <c r="AV281" s="256"/>
      <c r="AW281" s="256"/>
      <c r="AX281" s="256"/>
      <c r="AY281" s="256"/>
      <c r="AZ281" s="256"/>
      <c r="BA281" s="256"/>
      <c r="BB281" s="256"/>
      <c r="BC281" s="256"/>
      <c r="BD281" s="256"/>
      <c r="BE281" s="256"/>
      <c r="BF281" s="256"/>
      <c r="BG281" s="256"/>
      <c r="BH281" s="256"/>
      <c r="BI281" s="256"/>
      <c r="BJ281" s="256"/>
      <c r="BK281" s="256"/>
      <c r="BL281" s="256"/>
      <c r="BM281" s="256"/>
      <c r="BN281" s="256"/>
      <c r="BO281" s="256"/>
      <c r="BP281" s="256"/>
      <c r="BQ281" s="256"/>
      <c r="BR281" s="256"/>
      <c r="BS281" s="256"/>
    </row>
    <row r="282" spans="1:71" s="67" customFormat="1" ht="42" customHeight="1">
      <c r="A282" s="183" t="s">
        <v>275</v>
      </c>
      <c r="B282" s="118"/>
      <c r="C282" s="347"/>
      <c r="D282" s="348"/>
      <c r="E282" s="274" t="s">
        <v>276</v>
      </c>
      <c r="F282" s="275"/>
      <c r="G282" s="275"/>
      <c r="H282" s="276"/>
      <c r="I282" s="98" t="s">
        <v>277</v>
      </c>
      <c r="J282" s="203">
        <v>0</v>
      </c>
      <c r="K282" s="66"/>
      <c r="L282" s="201"/>
      <c r="M282" s="256"/>
      <c r="N282" s="256"/>
      <c r="O282" s="256"/>
      <c r="P282" s="256"/>
      <c r="Q282" s="256"/>
      <c r="R282" s="256"/>
      <c r="S282" s="256"/>
      <c r="T282" s="256"/>
      <c r="U282" s="256"/>
      <c r="V282" s="256"/>
      <c r="W282" s="256"/>
      <c r="X282" s="256"/>
      <c r="Y282" s="256"/>
      <c r="Z282" s="256"/>
      <c r="AA282" s="256"/>
      <c r="AB282" s="256"/>
      <c r="AC282" s="256"/>
      <c r="AD282" s="256"/>
      <c r="AE282" s="256"/>
      <c r="AF282" s="256"/>
      <c r="AG282" s="256"/>
      <c r="AH282" s="256"/>
      <c r="AI282" s="256"/>
      <c r="AJ282" s="256"/>
      <c r="AK282" s="256"/>
      <c r="AL282" s="256"/>
      <c r="AM282" s="256"/>
      <c r="AN282" s="256"/>
      <c r="AO282" s="256"/>
      <c r="AP282" s="256"/>
      <c r="AQ282" s="256"/>
      <c r="AR282" s="256"/>
      <c r="AS282" s="256"/>
      <c r="AT282" s="256"/>
      <c r="AU282" s="256"/>
      <c r="AV282" s="256"/>
      <c r="AW282" s="256"/>
      <c r="AX282" s="256"/>
      <c r="AY282" s="256"/>
      <c r="AZ282" s="256"/>
      <c r="BA282" s="256"/>
      <c r="BB282" s="256"/>
      <c r="BC282" s="256"/>
      <c r="BD282" s="256"/>
      <c r="BE282" s="256"/>
      <c r="BF282" s="256"/>
      <c r="BG282" s="256"/>
      <c r="BH282" s="256"/>
      <c r="BI282" s="256"/>
      <c r="BJ282" s="256"/>
      <c r="BK282" s="256"/>
      <c r="BL282" s="256"/>
      <c r="BM282" s="256"/>
      <c r="BN282" s="256"/>
      <c r="BO282" s="256"/>
      <c r="BP282" s="256"/>
      <c r="BQ282" s="256"/>
      <c r="BR282" s="256"/>
      <c r="BS282" s="256"/>
    </row>
    <row r="283" spans="1:71" s="67" customFormat="1" ht="56.1" customHeight="1">
      <c r="A283" s="183" t="s">
        <v>278</v>
      </c>
      <c r="B283" s="118"/>
      <c r="C283" s="347"/>
      <c r="D283" s="348"/>
      <c r="E283" s="274" t="s">
        <v>279</v>
      </c>
      <c r="F283" s="275"/>
      <c r="G283" s="275"/>
      <c r="H283" s="276"/>
      <c r="I283" s="98" t="s">
        <v>280</v>
      </c>
      <c r="J283" s="203">
        <v>0</v>
      </c>
      <c r="K283" s="66"/>
      <c r="L283" s="201"/>
      <c r="M283" s="256"/>
      <c r="N283" s="256"/>
      <c r="O283" s="256"/>
      <c r="P283" s="256"/>
      <c r="Q283" s="256"/>
      <c r="R283" s="256"/>
      <c r="S283" s="256"/>
      <c r="T283" s="256"/>
      <c r="U283" s="256"/>
      <c r="V283" s="256"/>
      <c r="W283" s="256"/>
      <c r="X283" s="256"/>
      <c r="Y283" s="256"/>
      <c r="Z283" s="256"/>
      <c r="AA283" s="256"/>
      <c r="AB283" s="256"/>
      <c r="AC283" s="256"/>
      <c r="AD283" s="256"/>
      <c r="AE283" s="256"/>
      <c r="AF283" s="256"/>
      <c r="AG283" s="256"/>
      <c r="AH283" s="256"/>
      <c r="AI283" s="256"/>
      <c r="AJ283" s="256"/>
      <c r="AK283" s="256"/>
      <c r="AL283" s="256"/>
      <c r="AM283" s="256"/>
      <c r="AN283" s="256"/>
      <c r="AO283" s="256"/>
      <c r="AP283" s="256"/>
      <c r="AQ283" s="256"/>
      <c r="AR283" s="256"/>
      <c r="AS283" s="256"/>
      <c r="AT283" s="256"/>
      <c r="AU283" s="256"/>
      <c r="AV283" s="256"/>
      <c r="AW283" s="256"/>
      <c r="AX283" s="256"/>
      <c r="AY283" s="256"/>
      <c r="AZ283" s="256"/>
      <c r="BA283" s="256"/>
      <c r="BB283" s="256"/>
      <c r="BC283" s="256"/>
      <c r="BD283" s="256"/>
      <c r="BE283" s="256"/>
      <c r="BF283" s="256"/>
      <c r="BG283" s="256"/>
      <c r="BH283" s="256"/>
      <c r="BI283" s="256"/>
      <c r="BJ283" s="256"/>
      <c r="BK283" s="256"/>
      <c r="BL283" s="256"/>
      <c r="BM283" s="256"/>
      <c r="BN283" s="256"/>
      <c r="BO283" s="256"/>
      <c r="BP283" s="256"/>
      <c r="BQ283" s="256"/>
      <c r="BR283" s="256"/>
      <c r="BS283" s="256"/>
    </row>
    <row r="284" spans="1:71" s="67" customFormat="1" ht="56.1" customHeight="1">
      <c r="A284" s="183" t="s">
        <v>281</v>
      </c>
      <c r="B284" s="118"/>
      <c r="C284" s="349"/>
      <c r="D284" s="350"/>
      <c r="E284" s="274" t="s">
        <v>282</v>
      </c>
      <c r="F284" s="275"/>
      <c r="G284" s="275"/>
      <c r="H284" s="276"/>
      <c r="I284" s="98" t="s">
        <v>283</v>
      </c>
      <c r="J284" s="203">
        <v>0</v>
      </c>
      <c r="K284" s="66"/>
      <c r="L284" s="202"/>
      <c r="M284" s="256"/>
      <c r="N284" s="256"/>
      <c r="O284" s="256"/>
      <c r="P284" s="256"/>
      <c r="Q284" s="256"/>
      <c r="R284" s="256"/>
      <c r="S284" s="256"/>
      <c r="T284" s="256"/>
      <c r="U284" s="256"/>
      <c r="V284" s="256"/>
      <c r="W284" s="256"/>
      <c r="X284" s="256"/>
      <c r="Y284" s="256"/>
      <c r="Z284" s="256"/>
      <c r="AA284" s="256"/>
      <c r="AB284" s="256"/>
      <c r="AC284" s="256"/>
      <c r="AD284" s="256"/>
      <c r="AE284" s="256"/>
      <c r="AF284" s="256"/>
      <c r="AG284" s="256"/>
      <c r="AH284" s="256"/>
      <c r="AI284" s="256"/>
      <c r="AJ284" s="256"/>
      <c r="AK284" s="256"/>
      <c r="AL284" s="256"/>
      <c r="AM284" s="256"/>
      <c r="AN284" s="256"/>
      <c r="AO284" s="256"/>
      <c r="AP284" s="256"/>
      <c r="AQ284" s="256"/>
      <c r="AR284" s="256"/>
      <c r="AS284" s="256"/>
      <c r="AT284" s="256"/>
      <c r="AU284" s="256"/>
      <c r="AV284" s="256"/>
      <c r="AW284" s="256"/>
      <c r="AX284" s="256"/>
      <c r="AY284" s="256"/>
      <c r="AZ284" s="256"/>
      <c r="BA284" s="256"/>
      <c r="BB284" s="256"/>
      <c r="BC284" s="256"/>
      <c r="BD284" s="256"/>
      <c r="BE284" s="256"/>
      <c r="BF284" s="256"/>
      <c r="BG284" s="256"/>
      <c r="BH284" s="256"/>
      <c r="BI284" s="256"/>
      <c r="BJ284" s="256"/>
      <c r="BK284" s="256"/>
      <c r="BL284" s="256"/>
      <c r="BM284" s="256"/>
      <c r="BN284" s="256"/>
      <c r="BO284" s="256"/>
      <c r="BP284" s="256"/>
      <c r="BQ284" s="256"/>
      <c r="BR284" s="256"/>
      <c r="BS284" s="256"/>
    </row>
    <row r="285" spans="1:71" s="74" customFormat="1">
      <c r="A285" s="178"/>
      <c r="B285" s="14"/>
      <c r="C285" s="14"/>
      <c r="D285" s="14"/>
      <c r="E285" s="14"/>
      <c r="F285" s="14"/>
      <c r="G285" s="14"/>
      <c r="H285" s="10"/>
      <c r="I285" s="10"/>
      <c r="J285" s="71"/>
      <c r="K285" s="72"/>
      <c r="L285" s="73"/>
      <c r="M285" s="73"/>
      <c r="N285" s="73"/>
      <c r="O285" s="73"/>
      <c r="P285" s="73"/>
      <c r="Q285" s="73"/>
    </row>
    <row r="286" spans="1:71" s="67" customFormat="1">
      <c r="A286" s="178"/>
      <c r="B286" s="68"/>
      <c r="C286" s="52"/>
      <c r="D286" s="52"/>
      <c r="E286" s="52"/>
      <c r="F286" s="52"/>
      <c r="G286" s="52"/>
      <c r="H286" s="75"/>
      <c r="I286" s="75"/>
      <c r="J286" s="71"/>
      <c r="K286" s="72"/>
      <c r="L286" s="73"/>
      <c r="M286" s="73"/>
      <c r="N286" s="73"/>
      <c r="O286" s="73"/>
      <c r="P286" s="73"/>
      <c r="Q286" s="73"/>
    </row>
    <row r="287" spans="1:71" s="67" customFormat="1">
      <c r="A287" s="178"/>
      <c r="B287" s="96"/>
      <c r="C287" s="96"/>
      <c r="D287" s="52"/>
      <c r="E287" s="52"/>
      <c r="F287" s="52"/>
      <c r="G287" s="52"/>
      <c r="H287" s="75"/>
      <c r="I287" s="120"/>
      <c r="J287" s="71"/>
      <c r="K287" s="72"/>
      <c r="L287" s="73"/>
      <c r="M287" s="73"/>
      <c r="N287" s="73"/>
      <c r="O287" s="73"/>
      <c r="P287" s="73"/>
      <c r="Q287" s="73"/>
    </row>
    <row r="288" spans="1:71" s="74" customFormat="1">
      <c r="A288" s="178"/>
      <c r="B288" s="96"/>
      <c r="C288" s="3"/>
      <c r="D288" s="3"/>
      <c r="E288" s="3"/>
      <c r="F288" s="3"/>
      <c r="G288" s="3"/>
      <c r="H288" s="214"/>
      <c r="I288" s="214"/>
      <c r="J288" s="51"/>
      <c r="K288" s="24"/>
      <c r="L288" s="86"/>
      <c r="M288" s="86"/>
      <c r="N288" s="86"/>
      <c r="O288" s="86"/>
      <c r="P288" s="86"/>
      <c r="Q288" s="86"/>
    </row>
    <row r="289" spans="1:71" s="67" customFormat="1">
      <c r="A289" s="178"/>
      <c r="B289" s="121" t="s">
        <v>284</v>
      </c>
      <c r="C289" s="122"/>
      <c r="D289" s="3"/>
      <c r="E289" s="3"/>
      <c r="F289" s="3"/>
      <c r="G289" s="3"/>
      <c r="H289" s="214"/>
      <c r="I289" s="214"/>
      <c r="J289" s="51"/>
      <c r="K289" s="53"/>
      <c r="L289" s="73"/>
      <c r="M289" s="73"/>
      <c r="N289" s="73"/>
      <c r="O289" s="73"/>
      <c r="P289" s="73"/>
      <c r="Q289" s="73"/>
    </row>
    <row r="290" spans="1:71">
      <c r="A290" s="178"/>
      <c r="B290" s="14"/>
      <c r="C290" s="14"/>
      <c r="D290" s="14"/>
      <c r="E290" s="14"/>
      <c r="F290" s="14"/>
      <c r="G290" s="14"/>
      <c r="H290" s="10"/>
      <c r="I290" s="10"/>
      <c r="L290" s="175"/>
      <c r="M290" s="175"/>
      <c r="N290" s="175"/>
      <c r="O290" s="175"/>
      <c r="P290" s="175"/>
      <c r="Q290" s="175"/>
      <c r="R290" s="8"/>
      <c r="S290" s="8"/>
      <c r="T290" s="8"/>
      <c r="U290" s="8"/>
      <c r="V290" s="8"/>
    </row>
    <row r="291" spans="1:71" s="241" customFormat="1" ht="34.5" customHeight="1">
      <c r="A291" s="178"/>
      <c r="B291" s="14"/>
      <c r="C291" s="3"/>
      <c r="D291" s="3"/>
      <c r="E291" s="3"/>
      <c r="F291" s="3"/>
      <c r="G291" s="3"/>
      <c r="H291" s="214"/>
      <c r="I291" s="214"/>
      <c r="J291" s="63" t="s">
        <v>81</v>
      </c>
      <c r="K291" s="64"/>
      <c r="L291" s="245" t="str">
        <f>IF(ISBLANK(L$9),"",L$9)</f>
        <v>4階病棟</v>
      </c>
      <c r="M291" s="249" t="str">
        <f>IF(ISBLANK(M$9),"",M$9)</f>
        <v>回復期リハビリテーション病棟</v>
      </c>
      <c r="N291" s="247" t="str">
        <f t="shared" ref="N291:BS291" si="35">IF(ISBLANK(N$9),"",N$9)</f>
        <v>地域包括ケア病棟</v>
      </c>
      <c r="O291" s="247" t="str">
        <f t="shared" si="35"/>
        <v>地域包括ケア病棟サテライト</v>
      </c>
      <c r="P291" s="247" t="str">
        <f t="shared" si="35"/>
        <v>特殊疾患病棟</v>
      </c>
      <c r="Q291" s="247" t="str">
        <f t="shared" si="35"/>
        <v>療養病棟2階</v>
      </c>
      <c r="R291" s="247" t="str">
        <f t="shared" si="35"/>
        <v/>
      </c>
      <c r="S291" s="247" t="str">
        <f t="shared" si="35"/>
        <v/>
      </c>
      <c r="T291" s="247" t="str">
        <f t="shared" si="35"/>
        <v/>
      </c>
      <c r="U291" s="247" t="str">
        <f t="shared" si="35"/>
        <v/>
      </c>
      <c r="V291" s="247" t="str">
        <f t="shared" si="35"/>
        <v/>
      </c>
      <c r="W291" s="247" t="str">
        <f t="shared" si="35"/>
        <v/>
      </c>
      <c r="X291" s="247" t="str">
        <f t="shared" si="35"/>
        <v/>
      </c>
      <c r="Y291" s="247" t="str">
        <f t="shared" si="35"/>
        <v/>
      </c>
      <c r="Z291" s="247" t="str">
        <f t="shared" si="35"/>
        <v/>
      </c>
      <c r="AA291" s="247" t="str">
        <f t="shared" si="35"/>
        <v/>
      </c>
      <c r="AB291" s="247" t="str">
        <f t="shared" si="35"/>
        <v/>
      </c>
      <c r="AC291" s="247" t="str">
        <f t="shared" si="35"/>
        <v/>
      </c>
      <c r="AD291" s="247" t="str">
        <f t="shared" si="35"/>
        <v/>
      </c>
      <c r="AE291" s="247" t="str">
        <f t="shared" si="35"/>
        <v/>
      </c>
      <c r="AF291" s="247" t="str">
        <f t="shared" si="35"/>
        <v/>
      </c>
      <c r="AG291" s="247" t="str">
        <f t="shared" si="35"/>
        <v/>
      </c>
      <c r="AH291" s="247" t="str">
        <f t="shared" si="35"/>
        <v/>
      </c>
      <c r="AI291" s="247" t="str">
        <f t="shared" si="35"/>
        <v/>
      </c>
      <c r="AJ291" s="247" t="str">
        <f t="shared" si="35"/>
        <v/>
      </c>
      <c r="AK291" s="247" t="str">
        <f t="shared" si="35"/>
        <v/>
      </c>
      <c r="AL291" s="247" t="str">
        <f t="shared" si="35"/>
        <v/>
      </c>
      <c r="AM291" s="247" t="str">
        <f t="shared" si="35"/>
        <v/>
      </c>
      <c r="AN291" s="247" t="str">
        <f t="shared" si="35"/>
        <v/>
      </c>
      <c r="AO291" s="247" t="str">
        <f t="shared" si="35"/>
        <v/>
      </c>
      <c r="AP291" s="247" t="str">
        <f t="shared" si="35"/>
        <v/>
      </c>
      <c r="AQ291" s="247" t="str">
        <f t="shared" si="35"/>
        <v/>
      </c>
      <c r="AR291" s="247" t="str">
        <f t="shared" si="35"/>
        <v/>
      </c>
      <c r="AS291" s="247" t="str">
        <f t="shared" si="35"/>
        <v/>
      </c>
      <c r="AT291" s="247" t="str">
        <f t="shared" si="35"/>
        <v/>
      </c>
      <c r="AU291" s="247" t="str">
        <f t="shared" si="35"/>
        <v/>
      </c>
      <c r="AV291" s="247" t="str">
        <f t="shared" si="35"/>
        <v/>
      </c>
      <c r="AW291" s="247" t="str">
        <f t="shared" si="35"/>
        <v/>
      </c>
      <c r="AX291" s="247" t="str">
        <f t="shared" si="35"/>
        <v/>
      </c>
      <c r="AY291" s="247" t="str">
        <f t="shared" si="35"/>
        <v/>
      </c>
      <c r="AZ291" s="247" t="str">
        <f t="shared" si="35"/>
        <v/>
      </c>
      <c r="BA291" s="247" t="str">
        <f t="shared" si="35"/>
        <v/>
      </c>
      <c r="BB291" s="247" t="str">
        <f t="shared" si="35"/>
        <v/>
      </c>
      <c r="BC291" s="247" t="str">
        <f t="shared" si="35"/>
        <v/>
      </c>
      <c r="BD291" s="247" t="str">
        <f t="shared" si="35"/>
        <v/>
      </c>
      <c r="BE291" s="247" t="str">
        <f t="shared" si="35"/>
        <v/>
      </c>
      <c r="BF291" s="247" t="str">
        <f t="shared" si="35"/>
        <v/>
      </c>
      <c r="BG291" s="247" t="str">
        <f t="shared" si="35"/>
        <v/>
      </c>
      <c r="BH291" s="247" t="str">
        <f t="shared" si="35"/>
        <v/>
      </c>
      <c r="BI291" s="247" t="str">
        <f t="shared" si="35"/>
        <v/>
      </c>
      <c r="BJ291" s="247" t="str">
        <f t="shared" si="35"/>
        <v/>
      </c>
      <c r="BK291" s="247" t="str">
        <f t="shared" si="35"/>
        <v/>
      </c>
      <c r="BL291" s="247" t="str">
        <f t="shared" si="35"/>
        <v/>
      </c>
      <c r="BM291" s="247" t="str">
        <f t="shared" si="35"/>
        <v/>
      </c>
      <c r="BN291" s="247" t="str">
        <f t="shared" si="35"/>
        <v/>
      </c>
      <c r="BO291" s="247" t="str">
        <f t="shared" si="35"/>
        <v/>
      </c>
      <c r="BP291" s="247" t="str">
        <f t="shared" si="35"/>
        <v/>
      </c>
      <c r="BQ291" s="247" t="str">
        <f t="shared" si="35"/>
        <v/>
      </c>
      <c r="BR291" s="247" t="str">
        <f t="shared" si="35"/>
        <v/>
      </c>
      <c r="BS291" s="247" t="str">
        <f t="shared" si="35"/>
        <v/>
      </c>
    </row>
    <row r="292" spans="1:71" s="241" customFormat="1" ht="20.25" customHeight="1">
      <c r="A292" s="178"/>
      <c r="B292" s="1"/>
      <c r="C292" s="3"/>
      <c r="D292" s="3"/>
      <c r="E292" s="3"/>
      <c r="F292" s="3"/>
      <c r="G292" s="3"/>
      <c r="H292" s="214"/>
      <c r="I292" s="56" t="s">
        <v>82</v>
      </c>
      <c r="J292" s="123"/>
      <c r="K292" s="65"/>
      <c r="L292" s="59" t="str">
        <f>IF(ISBLANK(L$95),"",L$95)</f>
        <v>急性期</v>
      </c>
      <c r="M292" s="250" t="str">
        <f>IF(ISBLANK(M$95),"",M$95)</f>
        <v>回復期</v>
      </c>
      <c r="N292" s="59" t="str">
        <f t="shared" ref="N292:BS292" si="36">IF(ISBLANK(N$95),"",N$95)</f>
        <v>回復期</v>
      </c>
      <c r="O292" s="59" t="str">
        <f t="shared" si="36"/>
        <v>休棟中（今後廃止する予定）</v>
      </c>
      <c r="P292" s="59" t="str">
        <f t="shared" si="36"/>
        <v>慢性期</v>
      </c>
      <c r="Q292" s="59" t="str">
        <f t="shared" si="36"/>
        <v>慢性期</v>
      </c>
      <c r="R292" s="59" t="str">
        <f t="shared" si="36"/>
        <v/>
      </c>
      <c r="S292" s="59" t="str">
        <f t="shared" si="36"/>
        <v/>
      </c>
      <c r="T292" s="59" t="str">
        <f t="shared" si="36"/>
        <v/>
      </c>
      <c r="U292" s="59" t="str">
        <f t="shared" si="36"/>
        <v/>
      </c>
      <c r="V292" s="59" t="str">
        <f t="shared" si="36"/>
        <v/>
      </c>
      <c r="W292" s="59" t="str">
        <f t="shared" si="36"/>
        <v/>
      </c>
      <c r="X292" s="59" t="str">
        <f t="shared" si="36"/>
        <v/>
      </c>
      <c r="Y292" s="59" t="str">
        <f t="shared" si="36"/>
        <v/>
      </c>
      <c r="Z292" s="59" t="str">
        <f t="shared" si="36"/>
        <v/>
      </c>
      <c r="AA292" s="59" t="str">
        <f t="shared" si="36"/>
        <v/>
      </c>
      <c r="AB292" s="59" t="str">
        <f t="shared" si="36"/>
        <v/>
      </c>
      <c r="AC292" s="59" t="str">
        <f t="shared" si="36"/>
        <v/>
      </c>
      <c r="AD292" s="59" t="str">
        <f t="shared" si="36"/>
        <v/>
      </c>
      <c r="AE292" s="59" t="str">
        <f t="shared" si="36"/>
        <v/>
      </c>
      <c r="AF292" s="59" t="str">
        <f t="shared" si="36"/>
        <v/>
      </c>
      <c r="AG292" s="59" t="str">
        <f t="shared" si="36"/>
        <v/>
      </c>
      <c r="AH292" s="59" t="str">
        <f t="shared" si="36"/>
        <v/>
      </c>
      <c r="AI292" s="59" t="str">
        <f t="shared" si="36"/>
        <v/>
      </c>
      <c r="AJ292" s="59" t="str">
        <f t="shared" si="36"/>
        <v/>
      </c>
      <c r="AK292" s="59" t="str">
        <f t="shared" si="36"/>
        <v/>
      </c>
      <c r="AL292" s="59" t="str">
        <f t="shared" si="36"/>
        <v/>
      </c>
      <c r="AM292" s="59" t="str">
        <f t="shared" si="36"/>
        <v/>
      </c>
      <c r="AN292" s="59" t="str">
        <f t="shared" si="36"/>
        <v/>
      </c>
      <c r="AO292" s="59" t="str">
        <f t="shared" si="36"/>
        <v/>
      </c>
      <c r="AP292" s="59" t="str">
        <f t="shared" si="36"/>
        <v/>
      </c>
      <c r="AQ292" s="59" t="str">
        <f t="shared" si="36"/>
        <v/>
      </c>
      <c r="AR292" s="59" t="str">
        <f t="shared" si="36"/>
        <v/>
      </c>
      <c r="AS292" s="59" t="str">
        <f t="shared" si="36"/>
        <v/>
      </c>
      <c r="AT292" s="59" t="str">
        <f t="shared" si="36"/>
        <v/>
      </c>
      <c r="AU292" s="59" t="str">
        <f t="shared" si="36"/>
        <v/>
      </c>
      <c r="AV292" s="59" t="str">
        <f t="shared" si="36"/>
        <v/>
      </c>
      <c r="AW292" s="59" t="str">
        <f t="shared" si="36"/>
        <v/>
      </c>
      <c r="AX292" s="59" t="str">
        <f t="shared" si="36"/>
        <v/>
      </c>
      <c r="AY292" s="59" t="str">
        <f t="shared" si="36"/>
        <v/>
      </c>
      <c r="AZ292" s="59" t="str">
        <f t="shared" si="36"/>
        <v/>
      </c>
      <c r="BA292" s="59" t="str">
        <f t="shared" si="36"/>
        <v/>
      </c>
      <c r="BB292" s="59" t="str">
        <f t="shared" si="36"/>
        <v/>
      </c>
      <c r="BC292" s="59" t="str">
        <f t="shared" si="36"/>
        <v/>
      </c>
      <c r="BD292" s="59" t="str">
        <f t="shared" si="36"/>
        <v/>
      </c>
      <c r="BE292" s="59" t="str">
        <f t="shared" si="36"/>
        <v/>
      </c>
      <c r="BF292" s="59" t="str">
        <f t="shared" si="36"/>
        <v/>
      </c>
      <c r="BG292" s="59" t="str">
        <f t="shared" si="36"/>
        <v/>
      </c>
      <c r="BH292" s="59" t="str">
        <f t="shared" si="36"/>
        <v/>
      </c>
      <c r="BI292" s="59" t="str">
        <f t="shared" si="36"/>
        <v/>
      </c>
      <c r="BJ292" s="59" t="str">
        <f t="shared" si="36"/>
        <v/>
      </c>
      <c r="BK292" s="59" t="str">
        <f t="shared" si="36"/>
        <v/>
      </c>
      <c r="BL292" s="59" t="str">
        <f t="shared" si="36"/>
        <v/>
      </c>
      <c r="BM292" s="59" t="str">
        <f t="shared" si="36"/>
        <v/>
      </c>
      <c r="BN292" s="59" t="str">
        <f t="shared" si="36"/>
        <v/>
      </c>
      <c r="BO292" s="59" t="str">
        <f t="shared" si="36"/>
        <v/>
      </c>
      <c r="BP292" s="59" t="str">
        <f t="shared" si="36"/>
        <v/>
      </c>
      <c r="BQ292" s="59" t="str">
        <f t="shared" si="36"/>
        <v/>
      </c>
      <c r="BR292" s="59" t="str">
        <f t="shared" si="36"/>
        <v/>
      </c>
      <c r="BS292" s="59" t="str">
        <f t="shared" si="36"/>
        <v/>
      </c>
    </row>
    <row r="293" spans="1:71" s="95" customFormat="1" ht="34.5" customHeight="1">
      <c r="A293" s="178"/>
      <c r="B293" s="92"/>
      <c r="C293" s="304" t="s">
        <v>284</v>
      </c>
      <c r="D293" s="305"/>
      <c r="E293" s="305"/>
      <c r="F293" s="305"/>
      <c r="G293" s="305"/>
      <c r="H293" s="306"/>
      <c r="I293" s="321" t="s">
        <v>285</v>
      </c>
      <c r="J293" s="124"/>
      <c r="K293" s="79"/>
      <c r="L293" s="231"/>
      <c r="M293" s="257"/>
      <c r="N293" s="257"/>
      <c r="O293" s="257"/>
      <c r="P293" s="257"/>
      <c r="Q293" s="257"/>
      <c r="R293" s="257"/>
      <c r="S293" s="257"/>
      <c r="T293" s="257"/>
      <c r="U293" s="257"/>
      <c r="V293" s="257"/>
      <c r="W293" s="257"/>
      <c r="X293" s="257"/>
      <c r="Y293" s="257"/>
      <c r="Z293" s="257"/>
      <c r="AA293" s="257"/>
      <c r="AB293" s="257"/>
      <c r="AC293" s="257"/>
      <c r="AD293" s="257"/>
      <c r="AE293" s="257"/>
      <c r="AF293" s="257"/>
      <c r="AG293" s="257"/>
      <c r="AH293" s="257"/>
      <c r="AI293" s="257"/>
      <c r="AJ293" s="257"/>
      <c r="AK293" s="257"/>
      <c r="AL293" s="257"/>
      <c r="AM293" s="257"/>
      <c r="AN293" s="257"/>
      <c r="AO293" s="257"/>
      <c r="AP293" s="257"/>
      <c r="AQ293" s="257"/>
      <c r="AR293" s="257"/>
      <c r="AS293" s="257"/>
      <c r="AT293" s="257"/>
      <c r="AU293" s="257"/>
      <c r="AV293" s="257"/>
      <c r="AW293" s="257"/>
      <c r="AX293" s="257"/>
      <c r="AY293" s="257"/>
      <c r="AZ293" s="257"/>
      <c r="BA293" s="257"/>
      <c r="BB293" s="257"/>
      <c r="BC293" s="257"/>
      <c r="BD293" s="257"/>
      <c r="BE293" s="257"/>
      <c r="BF293" s="257"/>
      <c r="BG293" s="257"/>
      <c r="BH293" s="257"/>
      <c r="BI293" s="257"/>
      <c r="BJ293" s="257"/>
      <c r="BK293" s="257"/>
      <c r="BL293" s="257"/>
      <c r="BM293" s="257"/>
      <c r="BN293" s="257"/>
      <c r="BO293" s="257"/>
      <c r="BP293" s="257"/>
      <c r="BQ293" s="257"/>
      <c r="BR293" s="257"/>
      <c r="BS293" s="257"/>
    </row>
    <row r="294" spans="1:71" s="95" customFormat="1" ht="34.5" customHeight="1">
      <c r="A294" s="178"/>
      <c r="B294" s="125"/>
      <c r="C294" s="359"/>
      <c r="D294" s="360"/>
      <c r="E294" s="360"/>
      <c r="F294" s="360"/>
      <c r="G294" s="360"/>
      <c r="H294" s="361"/>
      <c r="I294" s="321"/>
      <c r="J294" s="126"/>
      <c r="K294" s="82"/>
      <c r="L294" s="127"/>
      <c r="M294" s="257"/>
      <c r="N294" s="257"/>
      <c r="O294" s="257"/>
      <c r="P294" s="257"/>
      <c r="Q294" s="257"/>
      <c r="R294" s="257"/>
      <c r="S294" s="257"/>
      <c r="T294" s="257"/>
      <c r="U294" s="257"/>
      <c r="V294" s="257"/>
      <c r="W294" s="257"/>
      <c r="X294" s="257"/>
      <c r="Y294" s="257"/>
      <c r="Z294" s="257"/>
      <c r="AA294" s="257"/>
      <c r="AB294" s="257"/>
      <c r="AC294" s="257"/>
      <c r="AD294" s="257"/>
      <c r="AE294" s="257"/>
      <c r="AF294" s="257"/>
      <c r="AG294" s="257"/>
      <c r="AH294" s="257"/>
      <c r="AI294" s="257"/>
      <c r="AJ294" s="257"/>
      <c r="AK294" s="257"/>
      <c r="AL294" s="257"/>
      <c r="AM294" s="257"/>
      <c r="AN294" s="257"/>
      <c r="AO294" s="257"/>
      <c r="AP294" s="257"/>
      <c r="AQ294" s="257"/>
      <c r="AR294" s="257"/>
      <c r="AS294" s="257"/>
      <c r="AT294" s="257"/>
      <c r="AU294" s="257"/>
      <c r="AV294" s="257"/>
      <c r="AW294" s="257"/>
      <c r="AX294" s="257"/>
      <c r="AY294" s="257"/>
      <c r="AZ294" s="257"/>
      <c r="BA294" s="257"/>
      <c r="BB294" s="257"/>
      <c r="BC294" s="257"/>
      <c r="BD294" s="257"/>
      <c r="BE294" s="257"/>
      <c r="BF294" s="257"/>
      <c r="BG294" s="257"/>
      <c r="BH294" s="257"/>
      <c r="BI294" s="257"/>
      <c r="BJ294" s="257"/>
      <c r="BK294" s="257"/>
      <c r="BL294" s="257"/>
      <c r="BM294" s="257"/>
      <c r="BN294" s="257"/>
      <c r="BO294" s="257"/>
      <c r="BP294" s="257"/>
      <c r="BQ294" s="257"/>
      <c r="BR294" s="257"/>
      <c r="BS294" s="257"/>
    </row>
    <row r="295" spans="1:71" s="95" customFormat="1" ht="34.5" customHeight="1">
      <c r="A295" s="183" t="s">
        <v>286</v>
      </c>
      <c r="B295" s="125"/>
      <c r="C295" s="359"/>
      <c r="D295" s="360"/>
      <c r="E295" s="360"/>
      <c r="F295" s="360"/>
      <c r="G295" s="360"/>
      <c r="H295" s="361"/>
      <c r="I295" s="321"/>
      <c r="J295" s="126"/>
      <c r="K295" s="82"/>
      <c r="L295" s="128" t="s">
        <v>42</v>
      </c>
      <c r="M295" s="257" t="s">
        <v>42</v>
      </c>
      <c r="N295" s="257" t="s">
        <v>42</v>
      </c>
      <c r="O295" s="257" t="s">
        <v>287</v>
      </c>
      <c r="P295" s="257" t="s">
        <v>42</v>
      </c>
      <c r="Q295" s="257" t="s">
        <v>42</v>
      </c>
      <c r="R295" s="257" t="str">
        <f t="shared" ref="R295:AQ295" si="37">IF(ISBLANK(R293),"-","～")</f>
        <v>-</v>
      </c>
      <c r="S295" s="257" t="str">
        <f t="shared" si="37"/>
        <v>-</v>
      </c>
      <c r="T295" s="257" t="str">
        <f t="shared" si="37"/>
        <v>-</v>
      </c>
      <c r="U295" s="257" t="str">
        <f t="shared" si="37"/>
        <v>-</v>
      </c>
      <c r="V295" s="257" t="str">
        <f t="shared" si="37"/>
        <v>-</v>
      </c>
      <c r="W295" s="257" t="str">
        <f t="shared" si="37"/>
        <v>-</v>
      </c>
      <c r="X295" s="257" t="str">
        <f t="shared" si="37"/>
        <v>-</v>
      </c>
      <c r="Y295" s="257" t="str">
        <f t="shared" si="37"/>
        <v>-</v>
      </c>
      <c r="Z295" s="257" t="str">
        <f t="shared" si="37"/>
        <v>-</v>
      </c>
      <c r="AA295" s="257" t="str">
        <f t="shared" si="37"/>
        <v>-</v>
      </c>
      <c r="AB295" s="257" t="str">
        <f t="shared" si="37"/>
        <v>-</v>
      </c>
      <c r="AC295" s="257" t="str">
        <f t="shared" si="37"/>
        <v>-</v>
      </c>
      <c r="AD295" s="257" t="str">
        <f t="shared" si="37"/>
        <v>-</v>
      </c>
      <c r="AE295" s="257" t="str">
        <f t="shared" si="37"/>
        <v>-</v>
      </c>
      <c r="AF295" s="257" t="str">
        <f t="shared" si="37"/>
        <v>-</v>
      </c>
      <c r="AG295" s="257" t="str">
        <f t="shared" si="37"/>
        <v>-</v>
      </c>
      <c r="AH295" s="257" t="str">
        <f t="shared" si="37"/>
        <v>-</v>
      </c>
      <c r="AI295" s="257" t="str">
        <f t="shared" si="37"/>
        <v>-</v>
      </c>
      <c r="AJ295" s="257" t="str">
        <f t="shared" si="37"/>
        <v>-</v>
      </c>
      <c r="AK295" s="257" t="str">
        <f t="shared" si="37"/>
        <v>-</v>
      </c>
      <c r="AL295" s="257" t="str">
        <f t="shared" si="37"/>
        <v>-</v>
      </c>
      <c r="AM295" s="257" t="str">
        <f t="shared" si="37"/>
        <v>-</v>
      </c>
      <c r="AN295" s="257" t="str">
        <f t="shared" si="37"/>
        <v>-</v>
      </c>
      <c r="AO295" s="257" t="str">
        <f t="shared" si="37"/>
        <v>-</v>
      </c>
      <c r="AP295" s="257" t="str">
        <f t="shared" si="37"/>
        <v>-</v>
      </c>
      <c r="AQ295" s="257" t="str">
        <f t="shared" si="37"/>
        <v>-</v>
      </c>
      <c r="AR295" s="257" t="str">
        <f t="shared" ref="AR295:BS295" si="38">IF(ISBLANK(AR293), "-", "～")</f>
        <v>-</v>
      </c>
      <c r="AS295" s="257" t="str">
        <f t="shared" si="38"/>
        <v>-</v>
      </c>
      <c r="AT295" s="257" t="str">
        <f t="shared" si="38"/>
        <v>-</v>
      </c>
      <c r="AU295" s="257" t="str">
        <f t="shared" si="38"/>
        <v>-</v>
      </c>
      <c r="AV295" s="257" t="str">
        <f t="shared" si="38"/>
        <v>-</v>
      </c>
      <c r="AW295" s="257" t="str">
        <f t="shared" si="38"/>
        <v>-</v>
      </c>
      <c r="AX295" s="257" t="str">
        <f t="shared" si="38"/>
        <v>-</v>
      </c>
      <c r="AY295" s="257" t="str">
        <f t="shared" si="38"/>
        <v>-</v>
      </c>
      <c r="AZ295" s="257" t="str">
        <f t="shared" si="38"/>
        <v>-</v>
      </c>
      <c r="BA295" s="257" t="str">
        <f t="shared" si="38"/>
        <v>-</v>
      </c>
      <c r="BB295" s="257" t="str">
        <f t="shared" si="38"/>
        <v>-</v>
      </c>
      <c r="BC295" s="257" t="str">
        <f t="shared" si="38"/>
        <v>-</v>
      </c>
      <c r="BD295" s="257" t="str">
        <f t="shared" si="38"/>
        <v>-</v>
      </c>
      <c r="BE295" s="257" t="str">
        <f t="shared" si="38"/>
        <v>-</v>
      </c>
      <c r="BF295" s="257" t="str">
        <f t="shared" si="38"/>
        <v>-</v>
      </c>
      <c r="BG295" s="257" t="str">
        <f t="shared" si="38"/>
        <v>-</v>
      </c>
      <c r="BH295" s="257" t="str">
        <f t="shared" si="38"/>
        <v>-</v>
      </c>
      <c r="BI295" s="257" t="str">
        <f t="shared" si="38"/>
        <v>-</v>
      </c>
      <c r="BJ295" s="257" t="str">
        <f t="shared" si="38"/>
        <v>-</v>
      </c>
      <c r="BK295" s="257" t="str">
        <f t="shared" si="38"/>
        <v>-</v>
      </c>
      <c r="BL295" s="257" t="str">
        <f t="shared" si="38"/>
        <v>-</v>
      </c>
      <c r="BM295" s="257" t="str">
        <f t="shared" si="38"/>
        <v>-</v>
      </c>
      <c r="BN295" s="257" t="str">
        <f t="shared" si="38"/>
        <v>-</v>
      </c>
      <c r="BO295" s="257" t="str">
        <f t="shared" si="38"/>
        <v>-</v>
      </c>
      <c r="BP295" s="257" t="str">
        <f t="shared" si="38"/>
        <v>-</v>
      </c>
      <c r="BQ295" s="257" t="str">
        <f t="shared" si="38"/>
        <v>-</v>
      </c>
      <c r="BR295" s="257" t="str">
        <f t="shared" si="38"/>
        <v>-</v>
      </c>
      <c r="BS295" s="257" t="str">
        <f t="shared" si="38"/>
        <v>-</v>
      </c>
    </row>
    <row r="296" spans="1:71" s="95" customFormat="1" ht="34.5" customHeight="1">
      <c r="A296" s="178"/>
      <c r="B296" s="125"/>
      <c r="C296" s="359"/>
      <c r="D296" s="360"/>
      <c r="E296" s="360"/>
      <c r="F296" s="360"/>
      <c r="G296" s="360"/>
      <c r="H296" s="361"/>
      <c r="I296" s="321"/>
      <c r="J296" s="126"/>
      <c r="K296" s="82"/>
      <c r="L296" s="230"/>
      <c r="M296" s="257"/>
      <c r="N296" s="257"/>
      <c r="O296" s="257"/>
      <c r="P296" s="257"/>
      <c r="Q296" s="257"/>
      <c r="R296" s="257"/>
      <c r="S296" s="257"/>
      <c r="T296" s="257"/>
      <c r="U296" s="257"/>
      <c r="V296" s="257"/>
      <c r="W296" s="257"/>
      <c r="X296" s="257"/>
      <c r="Y296" s="257"/>
      <c r="Z296" s="257"/>
      <c r="AA296" s="257"/>
      <c r="AB296" s="257"/>
      <c r="AC296" s="257"/>
      <c r="AD296" s="257"/>
      <c r="AE296" s="257"/>
      <c r="AF296" s="257"/>
      <c r="AG296" s="257"/>
      <c r="AH296" s="257"/>
      <c r="AI296" s="257"/>
      <c r="AJ296" s="257"/>
      <c r="AK296" s="257"/>
      <c r="AL296" s="257"/>
      <c r="AM296" s="257"/>
      <c r="AN296" s="257"/>
      <c r="AO296" s="257"/>
      <c r="AP296" s="257"/>
      <c r="AQ296" s="257"/>
      <c r="AR296" s="257"/>
      <c r="AS296" s="257"/>
      <c r="AT296" s="257"/>
      <c r="AU296" s="257"/>
      <c r="AV296" s="257"/>
      <c r="AW296" s="257"/>
      <c r="AX296" s="257"/>
      <c r="AY296" s="257"/>
      <c r="AZ296" s="257"/>
      <c r="BA296" s="257"/>
      <c r="BB296" s="257"/>
      <c r="BC296" s="257"/>
      <c r="BD296" s="257"/>
      <c r="BE296" s="257"/>
      <c r="BF296" s="257"/>
      <c r="BG296" s="257"/>
      <c r="BH296" s="257"/>
      <c r="BI296" s="257"/>
      <c r="BJ296" s="257"/>
      <c r="BK296" s="257"/>
      <c r="BL296" s="257"/>
      <c r="BM296" s="257"/>
      <c r="BN296" s="257"/>
      <c r="BO296" s="257"/>
      <c r="BP296" s="257"/>
      <c r="BQ296" s="257"/>
      <c r="BR296" s="257"/>
      <c r="BS296" s="257"/>
    </row>
    <row r="297" spans="1:71" s="95" customFormat="1" ht="34.5" customHeight="1">
      <c r="A297" s="178"/>
      <c r="B297" s="125"/>
      <c r="C297" s="362"/>
      <c r="D297" s="363"/>
      <c r="E297" s="363"/>
      <c r="F297" s="363"/>
      <c r="G297" s="363"/>
      <c r="H297" s="364"/>
      <c r="I297" s="321"/>
      <c r="J297" s="129"/>
      <c r="K297" s="84"/>
      <c r="L297" s="130"/>
      <c r="M297" s="257"/>
      <c r="N297" s="257"/>
      <c r="O297" s="257"/>
      <c r="P297" s="257"/>
      <c r="Q297" s="257"/>
      <c r="R297" s="257"/>
      <c r="S297" s="257"/>
      <c r="T297" s="257"/>
      <c r="U297" s="257"/>
      <c r="V297" s="257"/>
      <c r="W297" s="257"/>
      <c r="X297" s="257"/>
      <c r="Y297" s="257"/>
      <c r="Z297" s="257"/>
      <c r="AA297" s="257"/>
      <c r="AB297" s="257"/>
      <c r="AC297" s="257"/>
      <c r="AD297" s="257"/>
      <c r="AE297" s="257"/>
      <c r="AF297" s="257"/>
      <c r="AG297" s="257"/>
      <c r="AH297" s="257"/>
      <c r="AI297" s="257"/>
      <c r="AJ297" s="257"/>
      <c r="AK297" s="257"/>
      <c r="AL297" s="257"/>
      <c r="AM297" s="257"/>
      <c r="AN297" s="257"/>
      <c r="AO297" s="257"/>
      <c r="AP297" s="257"/>
      <c r="AQ297" s="257"/>
      <c r="AR297" s="257"/>
      <c r="AS297" s="257"/>
      <c r="AT297" s="257"/>
      <c r="AU297" s="257"/>
      <c r="AV297" s="257"/>
      <c r="AW297" s="257"/>
      <c r="AX297" s="257"/>
      <c r="AY297" s="257"/>
      <c r="AZ297" s="257"/>
      <c r="BA297" s="257"/>
      <c r="BB297" s="257"/>
      <c r="BC297" s="257"/>
      <c r="BD297" s="257"/>
      <c r="BE297" s="257"/>
      <c r="BF297" s="257"/>
      <c r="BG297" s="257"/>
      <c r="BH297" s="257"/>
      <c r="BI297" s="257"/>
      <c r="BJ297" s="257"/>
      <c r="BK297" s="257"/>
      <c r="BL297" s="257"/>
      <c r="BM297" s="257"/>
      <c r="BN297" s="257"/>
      <c r="BO297" s="257"/>
      <c r="BP297" s="257"/>
      <c r="BQ297" s="257"/>
      <c r="BR297" s="257"/>
      <c r="BS297" s="257"/>
    </row>
    <row r="298" spans="1:71" s="74" customFormat="1">
      <c r="A298" s="178"/>
      <c r="B298" s="14"/>
      <c r="C298" s="14"/>
      <c r="D298" s="14"/>
      <c r="E298" s="14"/>
      <c r="F298" s="14"/>
      <c r="G298" s="14"/>
      <c r="H298" s="10"/>
      <c r="I298" s="10"/>
      <c r="J298" s="71"/>
      <c r="K298" s="72"/>
      <c r="L298" s="73"/>
      <c r="M298" s="73"/>
      <c r="N298" s="73"/>
      <c r="O298" s="73"/>
      <c r="P298" s="73"/>
      <c r="Q298" s="73"/>
    </row>
    <row r="299" spans="1:71" s="67" customFormat="1">
      <c r="A299" s="178"/>
      <c r="B299" s="68"/>
      <c r="C299" s="52"/>
      <c r="D299" s="52"/>
      <c r="E299" s="52"/>
      <c r="F299" s="52"/>
      <c r="G299" s="52"/>
      <c r="H299" s="75"/>
      <c r="I299" s="75"/>
      <c r="J299" s="71"/>
      <c r="K299" s="72"/>
      <c r="L299" s="73"/>
      <c r="M299" s="73"/>
      <c r="N299" s="73"/>
      <c r="O299" s="73"/>
      <c r="P299" s="73"/>
      <c r="Q299" s="73"/>
    </row>
    <row r="300" spans="1:71" s="67" customFormat="1">
      <c r="A300" s="178"/>
      <c r="B300" s="96"/>
      <c r="C300" s="96"/>
      <c r="D300" s="52"/>
      <c r="E300" s="52"/>
      <c r="F300" s="52"/>
      <c r="G300" s="52"/>
      <c r="H300" s="75"/>
      <c r="I300" s="120" t="s">
        <v>288</v>
      </c>
      <c r="J300" s="71"/>
      <c r="K300" s="72"/>
      <c r="L300" s="73"/>
      <c r="M300" s="73"/>
      <c r="N300" s="73"/>
      <c r="O300" s="73"/>
      <c r="P300" s="73"/>
      <c r="Q300" s="73"/>
    </row>
    <row r="301" spans="1:71" s="67" customFormat="1">
      <c r="A301" s="178"/>
      <c r="B301" s="96"/>
      <c r="C301" s="96"/>
      <c r="D301" s="52"/>
      <c r="E301" s="52"/>
      <c r="F301" s="52"/>
      <c r="G301" s="52"/>
      <c r="H301" s="75"/>
      <c r="I301" s="75"/>
      <c r="J301" s="71"/>
      <c r="K301" s="72"/>
      <c r="L301" s="73"/>
      <c r="M301" s="73"/>
      <c r="N301" s="73"/>
      <c r="O301" s="73"/>
      <c r="P301" s="73"/>
      <c r="Q301" s="73"/>
    </row>
    <row r="302" spans="1:71" s="17" customFormat="1">
      <c r="A302" s="178"/>
      <c r="B302" s="1"/>
      <c r="C302" s="43"/>
      <c r="D302" s="27"/>
      <c r="E302" s="27"/>
      <c r="F302" s="27"/>
      <c r="G302" s="27"/>
      <c r="H302" s="16"/>
      <c r="I302" s="223"/>
      <c r="J302" s="5"/>
      <c r="K302" s="6"/>
      <c r="M302" s="41"/>
      <c r="N302" s="41"/>
      <c r="O302" s="41"/>
      <c r="P302" s="41"/>
      <c r="Q302" s="41"/>
      <c r="R302" s="8"/>
    </row>
    <row r="303" spans="1:71" s="17" customFormat="1">
      <c r="A303" s="178"/>
      <c r="B303" s="1"/>
      <c r="C303" s="43"/>
      <c r="D303" s="27"/>
      <c r="E303" s="27"/>
      <c r="F303" s="27"/>
      <c r="G303" s="27"/>
      <c r="H303" s="16"/>
      <c r="I303" s="223"/>
      <c r="J303" s="5"/>
      <c r="K303" s="6"/>
      <c r="M303" s="41"/>
      <c r="N303" s="41"/>
      <c r="O303" s="41"/>
      <c r="P303" s="41"/>
      <c r="Q303" s="41"/>
      <c r="R303" s="8"/>
    </row>
    <row r="304" spans="1:71" s="17" customFormat="1">
      <c r="A304" s="178"/>
      <c r="B304" s="1"/>
      <c r="E304" s="43"/>
      <c r="F304" s="43"/>
      <c r="G304" s="43"/>
      <c r="H304" s="16"/>
      <c r="I304" s="223"/>
      <c r="J304" s="5"/>
      <c r="K304" s="6"/>
      <c r="M304" s="29"/>
      <c r="N304" s="29"/>
      <c r="O304" s="29"/>
      <c r="P304" s="29"/>
      <c r="Q304" s="29"/>
      <c r="R304" s="8"/>
    </row>
    <row r="305" spans="1:71" s="17" customFormat="1">
      <c r="A305" s="178"/>
      <c r="B305" s="1"/>
      <c r="E305" s="43"/>
      <c r="F305" s="43"/>
      <c r="G305" s="43"/>
      <c r="H305" s="16"/>
      <c r="I305" s="223"/>
      <c r="J305" s="5"/>
      <c r="K305" s="6"/>
      <c r="M305" s="41"/>
      <c r="N305" s="41"/>
      <c r="O305" s="41"/>
      <c r="P305" s="41"/>
      <c r="Q305" s="41"/>
      <c r="R305" s="8"/>
    </row>
    <row r="306" spans="1:71" s="17" customFormat="1">
      <c r="A306" s="178"/>
      <c r="B306" s="1"/>
      <c r="E306" s="43"/>
      <c r="F306" s="43"/>
      <c r="G306" s="43"/>
      <c r="H306" s="16"/>
      <c r="I306" s="223"/>
      <c r="J306" s="5"/>
      <c r="K306" s="6"/>
      <c r="M306" s="29"/>
      <c r="N306" s="29"/>
      <c r="O306" s="29"/>
      <c r="P306" s="29"/>
      <c r="Q306" s="29"/>
      <c r="R306" s="8"/>
    </row>
    <row r="307" spans="1:71" s="17" customFormat="1">
      <c r="A307" s="178"/>
      <c r="B307" s="1"/>
      <c r="E307" s="43"/>
      <c r="F307" s="43"/>
      <c r="G307" s="43"/>
      <c r="H307" s="16"/>
      <c r="I307" s="223"/>
      <c r="J307" s="5"/>
      <c r="K307" s="6"/>
      <c r="M307" s="29"/>
      <c r="N307" s="29"/>
      <c r="O307" s="29"/>
      <c r="P307" s="29"/>
      <c r="Q307" s="29"/>
      <c r="R307" s="8"/>
    </row>
    <row r="308" spans="1:71" s="17" customFormat="1">
      <c r="A308" s="178"/>
      <c r="B308" s="1"/>
      <c r="E308" s="27"/>
      <c r="F308" s="27"/>
      <c r="G308" s="27"/>
      <c r="H308" s="16"/>
      <c r="I308" s="4"/>
      <c r="J308" s="29"/>
      <c r="K308" s="44"/>
      <c r="L308" s="7"/>
      <c r="M308" s="7"/>
      <c r="N308" s="7"/>
      <c r="O308" s="7"/>
      <c r="P308" s="7"/>
      <c r="Q308" s="7"/>
      <c r="R308" s="8"/>
    </row>
    <row r="309" spans="1:71" s="17" customFormat="1">
      <c r="A309" s="178"/>
      <c r="B309" s="1"/>
      <c r="C309" s="32"/>
      <c r="D309" s="32"/>
      <c r="E309" s="32"/>
      <c r="F309" s="32"/>
      <c r="G309" s="32"/>
      <c r="H309" s="32"/>
      <c r="I309" s="32"/>
      <c r="J309" s="32"/>
      <c r="K309" s="42"/>
      <c r="L309" s="32"/>
      <c r="M309" s="32"/>
      <c r="N309" s="32"/>
      <c r="O309" s="32"/>
      <c r="P309" s="32"/>
      <c r="Q309" s="32"/>
      <c r="R309" s="8"/>
    </row>
    <row r="310" spans="1:71" s="17" customFormat="1">
      <c r="A310" s="178"/>
      <c r="B310" s="1"/>
      <c r="C310" s="52"/>
      <c r="D310" s="3"/>
      <c r="E310" s="3"/>
      <c r="F310" s="3"/>
      <c r="G310" s="3"/>
      <c r="H310" s="214"/>
      <c r="I310" s="214"/>
      <c r="J310" s="53"/>
      <c r="K310" s="24"/>
      <c r="L310" s="51"/>
      <c r="M310" s="51"/>
      <c r="N310" s="51"/>
      <c r="O310" s="51"/>
      <c r="P310" s="51"/>
      <c r="Q310" s="51"/>
      <c r="R310" s="8"/>
    </row>
    <row r="311" spans="1:71" s="74" customFormat="1" ht="18.75">
      <c r="A311" s="178"/>
      <c r="B311" s="131" t="s">
        <v>289</v>
      </c>
      <c r="C311" s="132"/>
      <c r="D311" s="132"/>
      <c r="E311" s="47"/>
      <c r="F311" s="47"/>
      <c r="G311" s="47"/>
      <c r="H311" s="48"/>
      <c r="I311" s="48"/>
      <c r="J311" s="50"/>
      <c r="K311" s="49"/>
      <c r="L311" s="133"/>
      <c r="M311" s="133"/>
      <c r="N311" s="133"/>
      <c r="O311" s="133"/>
      <c r="P311" s="133"/>
      <c r="Q311" s="133"/>
    </row>
    <row r="312" spans="1:71" s="74" customFormat="1">
      <c r="A312" s="178"/>
      <c r="B312" s="36" t="s">
        <v>290</v>
      </c>
      <c r="C312" s="56"/>
      <c r="D312" s="56"/>
      <c r="E312" s="3"/>
      <c r="F312" s="3"/>
      <c r="G312" s="3"/>
      <c r="H312" s="214"/>
      <c r="I312" s="214"/>
      <c r="J312" s="51"/>
      <c r="K312" s="24"/>
      <c r="L312" s="86"/>
      <c r="M312" s="86"/>
      <c r="N312" s="86"/>
      <c r="O312" s="86"/>
      <c r="P312" s="86"/>
      <c r="Q312" s="86"/>
    </row>
    <row r="313" spans="1:71">
      <c r="A313" s="178"/>
      <c r="B313" s="14"/>
      <c r="C313" s="14"/>
      <c r="D313" s="14"/>
      <c r="E313" s="14"/>
      <c r="F313" s="14"/>
      <c r="G313" s="14"/>
      <c r="H313" s="10"/>
      <c r="I313" s="10"/>
      <c r="L313" s="175"/>
      <c r="M313" s="175"/>
      <c r="N313" s="175"/>
      <c r="O313" s="175"/>
      <c r="P313" s="175"/>
      <c r="Q313" s="175"/>
      <c r="R313" s="8"/>
      <c r="S313" s="8"/>
      <c r="T313" s="8"/>
      <c r="U313" s="8"/>
      <c r="V313" s="8"/>
    </row>
    <row r="314" spans="1:71" s="240" customFormat="1" ht="34.5" customHeight="1">
      <c r="A314" s="207"/>
      <c r="B314" s="14"/>
      <c r="C314" s="3"/>
      <c r="D314" s="3"/>
      <c r="E314" s="3"/>
      <c r="F314" s="3"/>
      <c r="G314" s="3"/>
      <c r="H314" s="214"/>
      <c r="I314" s="214"/>
      <c r="J314" s="63" t="s">
        <v>81</v>
      </c>
      <c r="K314" s="64"/>
      <c r="L314" s="245" t="str">
        <f>IF(ISBLANK(L$9),"",L$9)</f>
        <v>4階病棟</v>
      </c>
      <c r="M314" s="249" t="str">
        <f t="shared" ref="M314:BS314" si="39">IF(ISBLANK(M$9),"",M$9)</f>
        <v>回復期リハビリテーション病棟</v>
      </c>
      <c r="N314" s="247" t="str">
        <f t="shared" si="39"/>
        <v>地域包括ケア病棟</v>
      </c>
      <c r="O314" s="247" t="str">
        <f t="shared" si="39"/>
        <v>地域包括ケア病棟サテライト</v>
      </c>
      <c r="P314" s="247" t="str">
        <f t="shared" si="39"/>
        <v>特殊疾患病棟</v>
      </c>
      <c r="Q314" s="247" t="str">
        <f t="shared" si="39"/>
        <v>療養病棟2階</v>
      </c>
      <c r="R314" s="247" t="str">
        <f t="shared" si="39"/>
        <v/>
      </c>
      <c r="S314" s="247" t="str">
        <f t="shared" si="39"/>
        <v/>
      </c>
      <c r="T314" s="247" t="str">
        <f t="shared" si="39"/>
        <v/>
      </c>
      <c r="U314" s="247" t="str">
        <f t="shared" si="39"/>
        <v/>
      </c>
      <c r="V314" s="247" t="str">
        <f t="shared" si="39"/>
        <v/>
      </c>
      <c r="W314" s="247" t="str">
        <f t="shared" si="39"/>
        <v/>
      </c>
      <c r="X314" s="247" t="str">
        <f t="shared" si="39"/>
        <v/>
      </c>
      <c r="Y314" s="247" t="str">
        <f t="shared" si="39"/>
        <v/>
      </c>
      <c r="Z314" s="247" t="str">
        <f t="shared" si="39"/>
        <v/>
      </c>
      <c r="AA314" s="247" t="str">
        <f t="shared" si="39"/>
        <v/>
      </c>
      <c r="AB314" s="247" t="str">
        <f t="shared" si="39"/>
        <v/>
      </c>
      <c r="AC314" s="247" t="str">
        <f t="shared" si="39"/>
        <v/>
      </c>
      <c r="AD314" s="247" t="str">
        <f t="shared" si="39"/>
        <v/>
      </c>
      <c r="AE314" s="247" t="str">
        <f t="shared" si="39"/>
        <v/>
      </c>
      <c r="AF314" s="247" t="str">
        <f t="shared" si="39"/>
        <v/>
      </c>
      <c r="AG314" s="247" t="str">
        <f t="shared" si="39"/>
        <v/>
      </c>
      <c r="AH314" s="247" t="str">
        <f t="shared" si="39"/>
        <v/>
      </c>
      <c r="AI314" s="247" t="str">
        <f t="shared" si="39"/>
        <v/>
      </c>
      <c r="AJ314" s="247" t="str">
        <f t="shared" si="39"/>
        <v/>
      </c>
      <c r="AK314" s="247" t="str">
        <f t="shared" si="39"/>
        <v/>
      </c>
      <c r="AL314" s="247" t="str">
        <f t="shared" si="39"/>
        <v/>
      </c>
      <c r="AM314" s="247" t="str">
        <f t="shared" si="39"/>
        <v/>
      </c>
      <c r="AN314" s="247" t="str">
        <f t="shared" si="39"/>
        <v/>
      </c>
      <c r="AO314" s="247" t="str">
        <f t="shared" si="39"/>
        <v/>
      </c>
      <c r="AP314" s="247" t="str">
        <f t="shared" si="39"/>
        <v/>
      </c>
      <c r="AQ314" s="247" t="str">
        <f t="shared" si="39"/>
        <v/>
      </c>
      <c r="AR314" s="247" t="str">
        <f t="shared" si="39"/>
        <v/>
      </c>
      <c r="AS314" s="247" t="str">
        <f t="shared" si="39"/>
        <v/>
      </c>
      <c r="AT314" s="247" t="str">
        <f t="shared" si="39"/>
        <v/>
      </c>
      <c r="AU314" s="247" t="str">
        <f t="shared" si="39"/>
        <v/>
      </c>
      <c r="AV314" s="247" t="str">
        <f t="shared" si="39"/>
        <v/>
      </c>
      <c r="AW314" s="247" t="str">
        <f t="shared" si="39"/>
        <v/>
      </c>
      <c r="AX314" s="247" t="str">
        <f t="shared" si="39"/>
        <v/>
      </c>
      <c r="AY314" s="247" t="str">
        <f t="shared" si="39"/>
        <v/>
      </c>
      <c r="AZ314" s="247" t="str">
        <f t="shared" si="39"/>
        <v/>
      </c>
      <c r="BA314" s="247" t="str">
        <f t="shared" si="39"/>
        <v/>
      </c>
      <c r="BB314" s="247" t="str">
        <f t="shared" si="39"/>
        <v/>
      </c>
      <c r="BC314" s="247" t="str">
        <f t="shared" si="39"/>
        <v/>
      </c>
      <c r="BD314" s="247" t="str">
        <f t="shared" si="39"/>
        <v/>
      </c>
      <c r="BE314" s="247" t="str">
        <f t="shared" si="39"/>
        <v/>
      </c>
      <c r="BF314" s="247" t="str">
        <f t="shared" si="39"/>
        <v/>
      </c>
      <c r="BG314" s="247" t="str">
        <f t="shared" si="39"/>
        <v/>
      </c>
      <c r="BH314" s="247" t="str">
        <f t="shared" si="39"/>
        <v/>
      </c>
      <c r="BI314" s="247" t="str">
        <f t="shared" si="39"/>
        <v/>
      </c>
      <c r="BJ314" s="247" t="str">
        <f t="shared" si="39"/>
        <v/>
      </c>
      <c r="BK314" s="247" t="str">
        <f t="shared" si="39"/>
        <v/>
      </c>
      <c r="BL314" s="247" t="str">
        <f t="shared" si="39"/>
        <v/>
      </c>
      <c r="BM314" s="247" t="str">
        <f t="shared" si="39"/>
        <v/>
      </c>
      <c r="BN314" s="247" t="str">
        <f t="shared" si="39"/>
        <v/>
      </c>
      <c r="BO314" s="247" t="str">
        <f t="shared" si="39"/>
        <v/>
      </c>
      <c r="BP314" s="247" t="str">
        <f t="shared" si="39"/>
        <v/>
      </c>
      <c r="BQ314" s="247" t="str">
        <f t="shared" si="39"/>
        <v/>
      </c>
      <c r="BR314" s="247" t="str">
        <f t="shared" si="39"/>
        <v/>
      </c>
      <c r="BS314" s="247" t="str">
        <f t="shared" si="39"/>
        <v/>
      </c>
    </row>
    <row r="315" spans="1:71" s="240" customFormat="1" ht="20.25" customHeight="1">
      <c r="A315" s="181" t="s">
        <v>140</v>
      </c>
      <c r="B315" s="1"/>
      <c r="C315" s="3"/>
      <c r="D315" s="3"/>
      <c r="E315" s="3"/>
      <c r="F315" s="3"/>
      <c r="G315" s="3"/>
      <c r="H315" s="214"/>
      <c r="I315" s="56" t="s">
        <v>82</v>
      </c>
      <c r="J315" s="57"/>
      <c r="K315" s="65"/>
      <c r="L315" s="59" t="str">
        <f>IF(ISBLANK(L$95),"",L$95)</f>
        <v>急性期</v>
      </c>
      <c r="M315" s="250" t="str">
        <f t="shared" ref="M315:BS315" si="40">IF(ISBLANK(M$95),"",M$95)</f>
        <v>回復期</v>
      </c>
      <c r="N315" s="59" t="str">
        <f t="shared" si="40"/>
        <v>回復期</v>
      </c>
      <c r="O315" s="59" t="str">
        <f t="shared" si="40"/>
        <v>休棟中（今後廃止する予定）</v>
      </c>
      <c r="P315" s="59" t="str">
        <f t="shared" si="40"/>
        <v>慢性期</v>
      </c>
      <c r="Q315" s="59" t="str">
        <f t="shared" si="40"/>
        <v>慢性期</v>
      </c>
      <c r="R315" s="59" t="str">
        <f t="shared" si="40"/>
        <v/>
      </c>
      <c r="S315" s="59" t="str">
        <f t="shared" si="40"/>
        <v/>
      </c>
      <c r="T315" s="59" t="str">
        <f t="shared" si="40"/>
        <v/>
      </c>
      <c r="U315" s="59" t="str">
        <f t="shared" si="40"/>
        <v/>
      </c>
      <c r="V315" s="59" t="str">
        <f t="shared" si="40"/>
        <v/>
      </c>
      <c r="W315" s="59" t="str">
        <f t="shared" si="40"/>
        <v/>
      </c>
      <c r="X315" s="59" t="str">
        <f t="shared" si="40"/>
        <v/>
      </c>
      <c r="Y315" s="59" t="str">
        <f t="shared" si="40"/>
        <v/>
      </c>
      <c r="Z315" s="59" t="str">
        <f t="shared" si="40"/>
        <v/>
      </c>
      <c r="AA315" s="59" t="str">
        <f t="shared" si="40"/>
        <v/>
      </c>
      <c r="AB315" s="59" t="str">
        <f t="shared" si="40"/>
        <v/>
      </c>
      <c r="AC315" s="59" t="str">
        <f t="shared" si="40"/>
        <v/>
      </c>
      <c r="AD315" s="59" t="str">
        <f t="shared" si="40"/>
        <v/>
      </c>
      <c r="AE315" s="59" t="str">
        <f t="shared" si="40"/>
        <v/>
      </c>
      <c r="AF315" s="59" t="str">
        <f t="shared" si="40"/>
        <v/>
      </c>
      <c r="AG315" s="59" t="str">
        <f t="shared" si="40"/>
        <v/>
      </c>
      <c r="AH315" s="59" t="str">
        <f t="shared" si="40"/>
        <v/>
      </c>
      <c r="AI315" s="59" t="str">
        <f t="shared" si="40"/>
        <v/>
      </c>
      <c r="AJ315" s="59" t="str">
        <f t="shared" si="40"/>
        <v/>
      </c>
      <c r="AK315" s="59" t="str">
        <f t="shared" si="40"/>
        <v/>
      </c>
      <c r="AL315" s="59" t="str">
        <f t="shared" si="40"/>
        <v/>
      </c>
      <c r="AM315" s="59" t="str">
        <f t="shared" si="40"/>
        <v/>
      </c>
      <c r="AN315" s="59" t="str">
        <f t="shared" si="40"/>
        <v/>
      </c>
      <c r="AO315" s="59" t="str">
        <f t="shared" si="40"/>
        <v/>
      </c>
      <c r="AP315" s="59" t="str">
        <f t="shared" si="40"/>
        <v/>
      </c>
      <c r="AQ315" s="59" t="str">
        <f t="shared" si="40"/>
        <v/>
      </c>
      <c r="AR315" s="59" t="str">
        <f t="shared" si="40"/>
        <v/>
      </c>
      <c r="AS315" s="59" t="str">
        <f t="shared" si="40"/>
        <v/>
      </c>
      <c r="AT315" s="59" t="str">
        <f t="shared" si="40"/>
        <v/>
      </c>
      <c r="AU315" s="59" t="str">
        <f t="shared" si="40"/>
        <v/>
      </c>
      <c r="AV315" s="59" t="str">
        <f t="shared" si="40"/>
        <v/>
      </c>
      <c r="AW315" s="59" t="str">
        <f t="shared" si="40"/>
        <v/>
      </c>
      <c r="AX315" s="59" t="str">
        <f t="shared" si="40"/>
        <v/>
      </c>
      <c r="AY315" s="59" t="str">
        <f t="shared" si="40"/>
        <v/>
      </c>
      <c r="AZ315" s="59" t="str">
        <f t="shared" si="40"/>
        <v/>
      </c>
      <c r="BA315" s="59" t="str">
        <f t="shared" si="40"/>
        <v/>
      </c>
      <c r="BB315" s="59" t="str">
        <f t="shared" si="40"/>
        <v/>
      </c>
      <c r="BC315" s="59" t="str">
        <f t="shared" si="40"/>
        <v/>
      </c>
      <c r="BD315" s="59" t="str">
        <f t="shared" si="40"/>
        <v/>
      </c>
      <c r="BE315" s="59" t="str">
        <f t="shared" si="40"/>
        <v/>
      </c>
      <c r="BF315" s="59" t="str">
        <f t="shared" si="40"/>
        <v/>
      </c>
      <c r="BG315" s="59" t="str">
        <f t="shared" si="40"/>
        <v/>
      </c>
      <c r="BH315" s="59" t="str">
        <f t="shared" si="40"/>
        <v/>
      </c>
      <c r="BI315" s="59" t="str">
        <f t="shared" si="40"/>
        <v/>
      </c>
      <c r="BJ315" s="59" t="str">
        <f t="shared" si="40"/>
        <v/>
      </c>
      <c r="BK315" s="59" t="str">
        <f t="shared" si="40"/>
        <v/>
      </c>
      <c r="BL315" s="59" t="str">
        <f t="shared" si="40"/>
        <v/>
      </c>
      <c r="BM315" s="59" t="str">
        <f t="shared" si="40"/>
        <v/>
      </c>
      <c r="BN315" s="59" t="str">
        <f t="shared" si="40"/>
        <v/>
      </c>
      <c r="BO315" s="59" t="str">
        <f t="shared" si="40"/>
        <v/>
      </c>
      <c r="BP315" s="59" t="str">
        <f t="shared" si="40"/>
        <v/>
      </c>
      <c r="BQ315" s="59" t="str">
        <f t="shared" si="40"/>
        <v/>
      </c>
      <c r="BR315" s="59" t="str">
        <f t="shared" si="40"/>
        <v/>
      </c>
      <c r="BS315" s="59" t="str">
        <f t="shared" si="40"/>
        <v/>
      </c>
    </row>
    <row r="316" spans="1:71" s="67" customFormat="1" ht="34.5" customHeight="1">
      <c r="A316" s="183" t="s">
        <v>291</v>
      </c>
      <c r="B316" s="68"/>
      <c r="C316" s="344" t="s">
        <v>292</v>
      </c>
      <c r="D316" s="289" t="s">
        <v>293</v>
      </c>
      <c r="E316" s="295"/>
      <c r="F316" s="295"/>
      <c r="G316" s="295"/>
      <c r="H316" s="290"/>
      <c r="I316" s="316" t="s">
        <v>294</v>
      </c>
      <c r="J316" s="105">
        <f t="shared" ref="J316:J321" si="41">IF(SUM(L316:BS316)=0,IF(COUNTIF(L316:BS316,"未確認")&gt;0,"未確認",IF(COUNTIF(L316:BS316,"~*")&gt;0,"*",SUM(L316:BS316))),SUM(L316:BS316))</f>
        <v>1772</v>
      </c>
      <c r="K316" s="66" t="str">
        <f t="shared" ref="K316:K321" si="42">IF(OR(COUNTIF(L316:BS316,"未確認")&gt;0,COUNTIF(L316:BS316,"~*")&gt;0),"※","")</f>
        <v/>
      </c>
      <c r="L316" s="108">
        <v>880</v>
      </c>
      <c r="M316" s="255">
        <v>183</v>
      </c>
      <c r="N316" s="255">
        <v>539</v>
      </c>
      <c r="O316" s="255">
        <v>134</v>
      </c>
      <c r="P316" s="255">
        <v>25</v>
      </c>
      <c r="Q316" s="255">
        <v>11</v>
      </c>
      <c r="R316" s="255"/>
      <c r="S316" s="255"/>
      <c r="T316" s="255"/>
      <c r="U316" s="255"/>
      <c r="V316" s="255"/>
      <c r="W316" s="255"/>
      <c r="X316" s="255"/>
      <c r="Y316" s="255"/>
      <c r="Z316" s="255"/>
      <c r="AA316" s="255"/>
      <c r="AB316" s="255"/>
      <c r="AC316" s="255"/>
      <c r="AD316" s="255"/>
      <c r="AE316" s="255"/>
      <c r="AF316" s="255"/>
      <c r="AG316" s="255"/>
      <c r="AH316" s="255"/>
      <c r="AI316" s="255"/>
      <c r="AJ316" s="255"/>
      <c r="AK316" s="255"/>
      <c r="AL316" s="255"/>
      <c r="AM316" s="255"/>
      <c r="AN316" s="255"/>
      <c r="AO316" s="255"/>
      <c r="AP316" s="255"/>
      <c r="AQ316" s="255"/>
      <c r="AR316" s="255"/>
      <c r="AS316" s="255"/>
      <c r="AT316" s="255"/>
      <c r="AU316" s="255"/>
      <c r="AV316" s="255"/>
      <c r="AW316" s="255"/>
      <c r="AX316" s="255"/>
      <c r="AY316" s="255"/>
      <c r="AZ316" s="255"/>
      <c r="BA316" s="255"/>
      <c r="BB316" s="255"/>
      <c r="BC316" s="255"/>
      <c r="BD316" s="255"/>
      <c r="BE316" s="255"/>
      <c r="BF316" s="255"/>
      <c r="BG316" s="255"/>
      <c r="BH316" s="255"/>
      <c r="BI316" s="255"/>
      <c r="BJ316" s="255"/>
      <c r="BK316" s="255"/>
      <c r="BL316" s="255"/>
      <c r="BM316" s="255"/>
      <c r="BN316" s="255"/>
      <c r="BO316" s="255"/>
      <c r="BP316" s="255"/>
      <c r="BQ316" s="255"/>
      <c r="BR316" s="255"/>
      <c r="BS316" s="255"/>
    </row>
    <row r="317" spans="1:71" s="67" customFormat="1" ht="34.5" customHeight="1">
      <c r="A317" s="183" t="s">
        <v>295</v>
      </c>
      <c r="B317" s="68"/>
      <c r="C317" s="373"/>
      <c r="D317" s="355"/>
      <c r="E317" s="274" t="s">
        <v>296</v>
      </c>
      <c r="F317" s="275"/>
      <c r="G317" s="275"/>
      <c r="H317" s="276"/>
      <c r="I317" s="354"/>
      <c r="J317" s="105">
        <f t="shared" si="41"/>
        <v>1142</v>
      </c>
      <c r="K317" s="66" t="str">
        <f t="shared" si="42"/>
        <v/>
      </c>
      <c r="L317" s="108">
        <v>340</v>
      </c>
      <c r="M317" s="255">
        <v>183</v>
      </c>
      <c r="N317" s="255">
        <v>450</v>
      </c>
      <c r="O317" s="255">
        <v>133</v>
      </c>
      <c r="P317" s="255">
        <v>25</v>
      </c>
      <c r="Q317" s="255">
        <v>11</v>
      </c>
      <c r="R317" s="255"/>
      <c r="S317" s="255"/>
      <c r="T317" s="255"/>
      <c r="U317" s="255"/>
      <c r="V317" s="255"/>
      <c r="W317" s="255"/>
      <c r="X317" s="255"/>
      <c r="Y317" s="255"/>
      <c r="Z317" s="255"/>
      <c r="AA317" s="255"/>
      <c r="AB317" s="255"/>
      <c r="AC317" s="255"/>
      <c r="AD317" s="255"/>
      <c r="AE317" s="255"/>
      <c r="AF317" s="255"/>
      <c r="AG317" s="255"/>
      <c r="AH317" s="255"/>
      <c r="AI317" s="255"/>
      <c r="AJ317" s="255"/>
      <c r="AK317" s="255"/>
      <c r="AL317" s="255"/>
      <c r="AM317" s="255"/>
      <c r="AN317" s="255"/>
      <c r="AO317" s="255"/>
      <c r="AP317" s="255"/>
      <c r="AQ317" s="255"/>
      <c r="AR317" s="255"/>
      <c r="AS317" s="255"/>
      <c r="AT317" s="255"/>
      <c r="AU317" s="255"/>
      <c r="AV317" s="255"/>
      <c r="AW317" s="255"/>
      <c r="AX317" s="255"/>
      <c r="AY317" s="255"/>
      <c r="AZ317" s="255"/>
      <c r="BA317" s="255"/>
      <c r="BB317" s="255"/>
      <c r="BC317" s="255"/>
      <c r="BD317" s="255"/>
      <c r="BE317" s="255"/>
      <c r="BF317" s="255"/>
      <c r="BG317" s="255"/>
      <c r="BH317" s="255"/>
      <c r="BI317" s="255"/>
      <c r="BJ317" s="255"/>
      <c r="BK317" s="255"/>
      <c r="BL317" s="255"/>
      <c r="BM317" s="255"/>
      <c r="BN317" s="255"/>
      <c r="BO317" s="255"/>
      <c r="BP317" s="255"/>
      <c r="BQ317" s="255"/>
      <c r="BR317" s="255"/>
      <c r="BS317" s="255"/>
    </row>
    <row r="318" spans="1:71" s="67" customFormat="1" ht="34.5" customHeight="1">
      <c r="A318" s="184" t="s">
        <v>297</v>
      </c>
      <c r="B318" s="68"/>
      <c r="C318" s="373"/>
      <c r="D318" s="356"/>
      <c r="E318" s="274" t="s">
        <v>298</v>
      </c>
      <c r="F318" s="275"/>
      <c r="G318" s="275"/>
      <c r="H318" s="276"/>
      <c r="I318" s="354"/>
      <c r="J318" s="105">
        <f t="shared" si="41"/>
        <v>422</v>
      </c>
      <c r="K318" s="66" t="str">
        <f t="shared" si="42"/>
        <v/>
      </c>
      <c r="L318" s="108">
        <v>352</v>
      </c>
      <c r="M318" s="255">
        <v>0</v>
      </c>
      <c r="N318" s="255">
        <v>69</v>
      </c>
      <c r="O318" s="255">
        <v>1</v>
      </c>
      <c r="P318" s="255">
        <v>0</v>
      </c>
      <c r="Q318" s="255">
        <v>0</v>
      </c>
      <c r="R318" s="255"/>
      <c r="S318" s="255"/>
      <c r="T318" s="255"/>
      <c r="U318" s="255"/>
      <c r="V318" s="255"/>
      <c r="W318" s="255"/>
      <c r="X318" s="255"/>
      <c r="Y318" s="255"/>
      <c r="Z318" s="255"/>
      <c r="AA318" s="255"/>
      <c r="AB318" s="255"/>
      <c r="AC318" s="255"/>
      <c r="AD318" s="255"/>
      <c r="AE318" s="255"/>
      <c r="AF318" s="255"/>
      <c r="AG318" s="255"/>
      <c r="AH318" s="255"/>
      <c r="AI318" s="255"/>
      <c r="AJ318" s="255"/>
      <c r="AK318" s="255"/>
      <c r="AL318" s="255"/>
      <c r="AM318" s="255"/>
      <c r="AN318" s="255"/>
      <c r="AO318" s="255"/>
      <c r="AP318" s="255"/>
      <c r="AQ318" s="255"/>
      <c r="AR318" s="255"/>
      <c r="AS318" s="255"/>
      <c r="AT318" s="255"/>
      <c r="AU318" s="255"/>
      <c r="AV318" s="255"/>
      <c r="AW318" s="255"/>
      <c r="AX318" s="255"/>
      <c r="AY318" s="255"/>
      <c r="AZ318" s="255"/>
      <c r="BA318" s="255"/>
      <c r="BB318" s="255"/>
      <c r="BC318" s="255"/>
      <c r="BD318" s="255"/>
      <c r="BE318" s="255"/>
      <c r="BF318" s="255"/>
      <c r="BG318" s="255"/>
      <c r="BH318" s="255"/>
      <c r="BI318" s="255"/>
      <c r="BJ318" s="255"/>
      <c r="BK318" s="255"/>
      <c r="BL318" s="255"/>
      <c r="BM318" s="255"/>
      <c r="BN318" s="255"/>
      <c r="BO318" s="255"/>
      <c r="BP318" s="255"/>
      <c r="BQ318" s="255"/>
      <c r="BR318" s="255"/>
      <c r="BS318" s="255"/>
    </row>
    <row r="319" spans="1:71" s="67" customFormat="1" ht="34.5" customHeight="1">
      <c r="A319" s="184" t="s">
        <v>299</v>
      </c>
      <c r="B319" s="68"/>
      <c r="C319" s="373"/>
      <c r="D319" s="357"/>
      <c r="E319" s="274" t="s">
        <v>300</v>
      </c>
      <c r="F319" s="275"/>
      <c r="G319" s="275"/>
      <c r="H319" s="276"/>
      <c r="I319" s="354"/>
      <c r="J319" s="105">
        <f t="shared" si="41"/>
        <v>208</v>
      </c>
      <c r="K319" s="66" t="str">
        <f t="shared" si="42"/>
        <v/>
      </c>
      <c r="L319" s="108">
        <v>188</v>
      </c>
      <c r="M319" s="255">
        <v>0</v>
      </c>
      <c r="N319" s="255">
        <v>20</v>
      </c>
      <c r="O319" s="255">
        <v>0</v>
      </c>
      <c r="P319" s="255">
        <v>0</v>
      </c>
      <c r="Q319" s="255">
        <v>0</v>
      </c>
      <c r="R319" s="255"/>
      <c r="S319" s="255"/>
      <c r="T319" s="255"/>
      <c r="U319" s="255"/>
      <c r="V319" s="255"/>
      <c r="W319" s="255"/>
      <c r="X319" s="255"/>
      <c r="Y319" s="255"/>
      <c r="Z319" s="255"/>
      <c r="AA319" s="255"/>
      <c r="AB319" s="255"/>
      <c r="AC319" s="255"/>
      <c r="AD319" s="255"/>
      <c r="AE319" s="255"/>
      <c r="AF319" s="255"/>
      <c r="AG319" s="255"/>
      <c r="AH319" s="255"/>
      <c r="AI319" s="255"/>
      <c r="AJ319" s="255"/>
      <c r="AK319" s="255"/>
      <c r="AL319" s="255"/>
      <c r="AM319" s="255"/>
      <c r="AN319" s="255"/>
      <c r="AO319" s="255"/>
      <c r="AP319" s="255"/>
      <c r="AQ319" s="255"/>
      <c r="AR319" s="255"/>
      <c r="AS319" s="255"/>
      <c r="AT319" s="255"/>
      <c r="AU319" s="255"/>
      <c r="AV319" s="255"/>
      <c r="AW319" s="255"/>
      <c r="AX319" s="255"/>
      <c r="AY319" s="255"/>
      <c r="AZ319" s="255"/>
      <c r="BA319" s="255"/>
      <c r="BB319" s="255"/>
      <c r="BC319" s="255"/>
      <c r="BD319" s="255"/>
      <c r="BE319" s="255"/>
      <c r="BF319" s="255"/>
      <c r="BG319" s="255"/>
      <c r="BH319" s="255"/>
      <c r="BI319" s="255"/>
      <c r="BJ319" s="255"/>
      <c r="BK319" s="255"/>
      <c r="BL319" s="255"/>
      <c r="BM319" s="255"/>
      <c r="BN319" s="255"/>
      <c r="BO319" s="255"/>
      <c r="BP319" s="255"/>
      <c r="BQ319" s="255"/>
      <c r="BR319" s="255"/>
      <c r="BS319" s="255"/>
    </row>
    <row r="320" spans="1:71" s="67" customFormat="1" ht="34.5" customHeight="1">
      <c r="A320" s="184" t="s">
        <v>301</v>
      </c>
      <c r="B320" s="1"/>
      <c r="C320" s="373"/>
      <c r="D320" s="274" t="s">
        <v>302</v>
      </c>
      <c r="E320" s="275"/>
      <c r="F320" s="275"/>
      <c r="G320" s="275"/>
      <c r="H320" s="276"/>
      <c r="I320" s="354"/>
      <c r="J320" s="105">
        <f t="shared" si="41"/>
        <v>70397</v>
      </c>
      <c r="K320" s="66" t="str">
        <f t="shared" si="42"/>
        <v/>
      </c>
      <c r="L320" s="108">
        <v>14198</v>
      </c>
      <c r="M320" s="255">
        <v>12692</v>
      </c>
      <c r="N320" s="255">
        <v>12811</v>
      </c>
      <c r="O320" s="255">
        <v>166</v>
      </c>
      <c r="P320" s="255">
        <v>15187</v>
      </c>
      <c r="Q320" s="255">
        <v>15343</v>
      </c>
      <c r="R320" s="255"/>
      <c r="S320" s="255"/>
      <c r="T320" s="255"/>
      <c r="U320" s="255"/>
      <c r="V320" s="255"/>
      <c r="W320" s="255"/>
      <c r="X320" s="255"/>
      <c r="Y320" s="255"/>
      <c r="Z320" s="255"/>
      <c r="AA320" s="255"/>
      <c r="AB320" s="255"/>
      <c r="AC320" s="255"/>
      <c r="AD320" s="255"/>
      <c r="AE320" s="255"/>
      <c r="AF320" s="255"/>
      <c r="AG320" s="255"/>
      <c r="AH320" s="255"/>
      <c r="AI320" s="255"/>
      <c r="AJ320" s="255"/>
      <c r="AK320" s="255"/>
      <c r="AL320" s="255"/>
      <c r="AM320" s="255"/>
      <c r="AN320" s="255"/>
      <c r="AO320" s="255"/>
      <c r="AP320" s="255"/>
      <c r="AQ320" s="255"/>
      <c r="AR320" s="255"/>
      <c r="AS320" s="255"/>
      <c r="AT320" s="255"/>
      <c r="AU320" s="255"/>
      <c r="AV320" s="255"/>
      <c r="AW320" s="255"/>
      <c r="AX320" s="255"/>
      <c r="AY320" s="255"/>
      <c r="AZ320" s="255"/>
      <c r="BA320" s="255"/>
      <c r="BB320" s="255"/>
      <c r="BC320" s="255"/>
      <c r="BD320" s="255"/>
      <c r="BE320" s="255"/>
      <c r="BF320" s="255"/>
      <c r="BG320" s="255"/>
      <c r="BH320" s="255"/>
      <c r="BI320" s="255"/>
      <c r="BJ320" s="255"/>
      <c r="BK320" s="255"/>
      <c r="BL320" s="255"/>
      <c r="BM320" s="255"/>
      <c r="BN320" s="255"/>
      <c r="BO320" s="255"/>
      <c r="BP320" s="255"/>
      <c r="BQ320" s="255"/>
      <c r="BR320" s="255"/>
      <c r="BS320" s="255"/>
    </row>
    <row r="321" spans="1:71" s="67" customFormat="1" ht="34.5" customHeight="1">
      <c r="A321" s="184" t="s">
        <v>303</v>
      </c>
      <c r="B321" s="96"/>
      <c r="C321" s="373"/>
      <c r="D321" s="274" t="s">
        <v>304</v>
      </c>
      <c r="E321" s="275"/>
      <c r="F321" s="275"/>
      <c r="G321" s="275"/>
      <c r="H321" s="276"/>
      <c r="I321" s="351"/>
      <c r="J321" s="105">
        <f t="shared" si="41"/>
        <v>1768</v>
      </c>
      <c r="K321" s="66" t="str">
        <f t="shared" si="42"/>
        <v/>
      </c>
      <c r="L321" s="108">
        <v>875</v>
      </c>
      <c r="M321" s="255">
        <v>180</v>
      </c>
      <c r="N321" s="255">
        <v>534</v>
      </c>
      <c r="O321" s="255">
        <v>133</v>
      </c>
      <c r="P321" s="255">
        <v>33</v>
      </c>
      <c r="Q321" s="255">
        <v>13</v>
      </c>
      <c r="R321" s="255"/>
      <c r="S321" s="255"/>
      <c r="T321" s="255"/>
      <c r="U321" s="255"/>
      <c r="V321" s="255"/>
      <c r="W321" s="255"/>
      <c r="X321" s="255"/>
      <c r="Y321" s="255"/>
      <c r="Z321" s="255"/>
      <c r="AA321" s="255"/>
      <c r="AB321" s="255"/>
      <c r="AC321" s="255"/>
      <c r="AD321" s="255"/>
      <c r="AE321" s="255"/>
      <c r="AF321" s="255"/>
      <c r="AG321" s="255"/>
      <c r="AH321" s="255"/>
      <c r="AI321" s="255"/>
      <c r="AJ321" s="255"/>
      <c r="AK321" s="255"/>
      <c r="AL321" s="255"/>
      <c r="AM321" s="255"/>
      <c r="AN321" s="255"/>
      <c r="AO321" s="255"/>
      <c r="AP321" s="255"/>
      <c r="AQ321" s="255"/>
      <c r="AR321" s="255"/>
      <c r="AS321" s="255"/>
      <c r="AT321" s="255"/>
      <c r="AU321" s="255"/>
      <c r="AV321" s="255"/>
      <c r="AW321" s="255"/>
      <c r="AX321" s="255"/>
      <c r="AY321" s="255"/>
      <c r="AZ321" s="255"/>
      <c r="BA321" s="255"/>
      <c r="BB321" s="255"/>
      <c r="BC321" s="255"/>
      <c r="BD321" s="255"/>
      <c r="BE321" s="255"/>
      <c r="BF321" s="255"/>
      <c r="BG321" s="255"/>
      <c r="BH321" s="255"/>
      <c r="BI321" s="255"/>
      <c r="BJ321" s="255"/>
      <c r="BK321" s="255"/>
      <c r="BL321" s="255"/>
      <c r="BM321" s="255"/>
      <c r="BN321" s="255"/>
      <c r="BO321" s="255"/>
      <c r="BP321" s="255"/>
      <c r="BQ321" s="255"/>
      <c r="BR321" s="255"/>
      <c r="BS321" s="255"/>
    </row>
    <row r="322" spans="1:71" s="74" customFormat="1">
      <c r="A322" s="178"/>
      <c r="B322" s="14"/>
      <c r="C322" s="176"/>
      <c r="D322" s="14"/>
      <c r="E322" s="14"/>
      <c r="F322" s="14"/>
      <c r="G322" s="14"/>
      <c r="H322" s="10"/>
      <c r="I322" s="10"/>
      <c r="J322" s="71"/>
      <c r="K322" s="72"/>
      <c r="L322" s="73"/>
      <c r="M322" s="73"/>
      <c r="N322" s="73"/>
      <c r="O322" s="73"/>
      <c r="P322" s="73"/>
      <c r="Q322" s="73"/>
    </row>
    <row r="323" spans="1:71" s="67" customFormat="1">
      <c r="A323" s="178"/>
      <c r="B323" s="68"/>
      <c r="C323" s="52"/>
      <c r="D323" s="52"/>
      <c r="E323" s="52"/>
      <c r="F323" s="52"/>
      <c r="G323" s="52"/>
      <c r="H323" s="75"/>
      <c r="I323" s="75"/>
      <c r="J323" s="71"/>
      <c r="K323" s="72"/>
      <c r="L323" s="73"/>
      <c r="M323" s="73"/>
      <c r="N323" s="73"/>
      <c r="O323" s="73"/>
      <c r="P323" s="73"/>
      <c r="Q323" s="73"/>
    </row>
    <row r="324" spans="1:71" s="74" customFormat="1">
      <c r="A324" s="178"/>
      <c r="B324" s="96"/>
      <c r="C324" s="134"/>
      <c r="D324" s="3"/>
      <c r="E324" s="3"/>
      <c r="F324" s="3"/>
      <c r="H324" s="214"/>
      <c r="I324" s="214"/>
      <c r="J324" s="51"/>
      <c r="K324" s="24"/>
      <c r="L324" s="86"/>
      <c r="M324" s="86"/>
      <c r="N324" s="86"/>
      <c r="O324" s="86"/>
      <c r="P324" s="86"/>
      <c r="Q324" s="86"/>
    </row>
    <row r="325" spans="1:71" s="74" customFormat="1">
      <c r="A325" s="178"/>
      <c r="B325" s="36" t="s">
        <v>305</v>
      </c>
      <c r="C325" s="85"/>
      <c r="D325" s="85"/>
      <c r="E325" s="85"/>
      <c r="F325" s="85"/>
      <c r="G325" s="85"/>
      <c r="H325" s="10"/>
      <c r="I325" s="10"/>
      <c r="J325" s="51"/>
      <c r="K325" s="24"/>
      <c r="L325" s="86"/>
      <c r="M325" s="86"/>
      <c r="N325" s="86"/>
      <c r="O325" s="86"/>
      <c r="P325" s="86"/>
      <c r="Q325" s="86"/>
    </row>
    <row r="326" spans="1:71">
      <c r="A326" s="178"/>
      <c r="B326" s="14"/>
      <c r="C326" s="14"/>
      <c r="D326" s="14"/>
      <c r="E326" s="14"/>
      <c r="F326" s="14"/>
      <c r="G326" s="14"/>
      <c r="H326" s="10"/>
      <c r="I326" s="10"/>
      <c r="L326" s="175"/>
      <c r="M326" s="175"/>
      <c r="N326" s="175"/>
      <c r="O326" s="175"/>
      <c r="P326" s="175"/>
      <c r="Q326" s="175"/>
      <c r="R326" s="8"/>
      <c r="S326" s="8"/>
      <c r="T326" s="8"/>
      <c r="U326" s="8"/>
      <c r="V326" s="8"/>
    </row>
    <row r="327" spans="1:71" s="240" customFormat="1" ht="34.5" customHeight="1">
      <c r="A327" s="178"/>
      <c r="B327" s="14"/>
      <c r="C327" s="3"/>
      <c r="D327" s="3"/>
      <c r="E327" s="3"/>
      <c r="F327" s="3"/>
      <c r="G327" s="3"/>
      <c r="H327" s="214"/>
      <c r="I327" s="214"/>
      <c r="J327" s="63" t="s">
        <v>81</v>
      </c>
      <c r="K327" s="64"/>
      <c r="L327" s="245" t="str">
        <f>IF(ISBLANK(L$9),"",L$9)</f>
        <v>4階病棟</v>
      </c>
      <c r="M327" s="249" t="str">
        <f t="shared" ref="M327:BS327" si="43">IF(ISBLANK(M$9),"",M$9)</f>
        <v>回復期リハビリテーション病棟</v>
      </c>
      <c r="N327" s="247" t="str">
        <f t="shared" si="43"/>
        <v>地域包括ケア病棟</v>
      </c>
      <c r="O327" s="247" t="str">
        <f t="shared" si="43"/>
        <v>地域包括ケア病棟サテライト</v>
      </c>
      <c r="P327" s="247" t="str">
        <f t="shared" si="43"/>
        <v>特殊疾患病棟</v>
      </c>
      <c r="Q327" s="247" t="str">
        <f t="shared" si="43"/>
        <v>療養病棟2階</v>
      </c>
      <c r="R327" s="247" t="str">
        <f t="shared" si="43"/>
        <v/>
      </c>
      <c r="S327" s="247" t="str">
        <f t="shared" si="43"/>
        <v/>
      </c>
      <c r="T327" s="247" t="str">
        <f t="shared" si="43"/>
        <v/>
      </c>
      <c r="U327" s="247" t="str">
        <f t="shared" si="43"/>
        <v/>
      </c>
      <c r="V327" s="247" t="str">
        <f t="shared" si="43"/>
        <v/>
      </c>
      <c r="W327" s="247" t="str">
        <f t="shared" si="43"/>
        <v/>
      </c>
      <c r="X327" s="247" t="str">
        <f t="shared" si="43"/>
        <v/>
      </c>
      <c r="Y327" s="247" t="str">
        <f t="shared" si="43"/>
        <v/>
      </c>
      <c r="Z327" s="247" t="str">
        <f t="shared" si="43"/>
        <v/>
      </c>
      <c r="AA327" s="247" t="str">
        <f t="shared" si="43"/>
        <v/>
      </c>
      <c r="AB327" s="247" t="str">
        <f t="shared" si="43"/>
        <v/>
      </c>
      <c r="AC327" s="247" t="str">
        <f t="shared" si="43"/>
        <v/>
      </c>
      <c r="AD327" s="247" t="str">
        <f t="shared" si="43"/>
        <v/>
      </c>
      <c r="AE327" s="247" t="str">
        <f t="shared" si="43"/>
        <v/>
      </c>
      <c r="AF327" s="247" t="str">
        <f t="shared" si="43"/>
        <v/>
      </c>
      <c r="AG327" s="247" t="str">
        <f t="shared" si="43"/>
        <v/>
      </c>
      <c r="AH327" s="247" t="str">
        <f t="shared" si="43"/>
        <v/>
      </c>
      <c r="AI327" s="247" t="str">
        <f t="shared" si="43"/>
        <v/>
      </c>
      <c r="AJ327" s="247" t="str">
        <f t="shared" si="43"/>
        <v/>
      </c>
      <c r="AK327" s="247" t="str">
        <f t="shared" si="43"/>
        <v/>
      </c>
      <c r="AL327" s="247" t="str">
        <f t="shared" si="43"/>
        <v/>
      </c>
      <c r="AM327" s="247" t="str">
        <f t="shared" si="43"/>
        <v/>
      </c>
      <c r="AN327" s="247" t="str">
        <f t="shared" si="43"/>
        <v/>
      </c>
      <c r="AO327" s="247" t="str">
        <f t="shared" si="43"/>
        <v/>
      </c>
      <c r="AP327" s="247" t="str">
        <f t="shared" si="43"/>
        <v/>
      </c>
      <c r="AQ327" s="247" t="str">
        <f t="shared" si="43"/>
        <v/>
      </c>
      <c r="AR327" s="247" t="str">
        <f t="shared" si="43"/>
        <v/>
      </c>
      <c r="AS327" s="247" t="str">
        <f t="shared" si="43"/>
        <v/>
      </c>
      <c r="AT327" s="247" t="str">
        <f t="shared" si="43"/>
        <v/>
      </c>
      <c r="AU327" s="247" t="str">
        <f t="shared" si="43"/>
        <v/>
      </c>
      <c r="AV327" s="247" t="str">
        <f t="shared" si="43"/>
        <v/>
      </c>
      <c r="AW327" s="247" t="str">
        <f t="shared" si="43"/>
        <v/>
      </c>
      <c r="AX327" s="247" t="str">
        <f t="shared" si="43"/>
        <v/>
      </c>
      <c r="AY327" s="247" t="str">
        <f t="shared" si="43"/>
        <v/>
      </c>
      <c r="AZ327" s="247" t="str">
        <f t="shared" si="43"/>
        <v/>
      </c>
      <c r="BA327" s="247" t="str">
        <f t="shared" si="43"/>
        <v/>
      </c>
      <c r="BB327" s="247" t="str">
        <f t="shared" si="43"/>
        <v/>
      </c>
      <c r="BC327" s="247" t="str">
        <f t="shared" si="43"/>
        <v/>
      </c>
      <c r="BD327" s="247" t="str">
        <f t="shared" si="43"/>
        <v/>
      </c>
      <c r="BE327" s="247" t="str">
        <f t="shared" si="43"/>
        <v/>
      </c>
      <c r="BF327" s="247" t="str">
        <f t="shared" si="43"/>
        <v/>
      </c>
      <c r="BG327" s="247" t="str">
        <f t="shared" si="43"/>
        <v/>
      </c>
      <c r="BH327" s="247" t="str">
        <f t="shared" si="43"/>
        <v/>
      </c>
      <c r="BI327" s="247" t="str">
        <f t="shared" si="43"/>
        <v/>
      </c>
      <c r="BJ327" s="247" t="str">
        <f t="shared" si="43"/>
        <v/>
      </c>
      <c r="BK327" s="247" t="str">
        <f t="shared" si="43"/>
        <v/>
      </c>
      <c r="BL327" s="247" t="str">
        <f t="shared" si="43"/>
        <v/>
      </c>
      <c r="BM327" s="247" t="str">
        <f t="shared" si="43"/>
        <v/>
      </c>
      <c r="BN327" s="247" t="str">
        <f t="shared" si="43"/>
        <v/>
      </c>
      <c r="BO327" s="247" t="str">
        <f t="shared" si="43"/>
        <v/>
      </c>
      <c r="BP327" s="247" t="str">
        <f t="shared" si="43"/>
        <v/>
      </c>
      <c r="BQ327" s="247" t="str">
        <f t="shared" si="43"/>
        <v/>
      </c>
      <c r="BR327" s="247" t="str">
        <f t="shared" si="43"/>
        <v/>
      </c>
      <c r="BS327" s="247" t="str">
        <f t="shared" si="43"/>
        <v/>
      </c>
    </row>
    <row r="328" spans="1:71" s="240" customFormat="1" ht="20.25" customHeight="1">
      <c r="A328" s="178"/>
      <c r="B328" s="1"/>
      <c r="C328" s="52"/>
      <c r="D328" s="3"/>
      <c r="E328" s="3"/>
      <c r="F328" s="3"/>
      <c r="G328" s="3"/>
      <c r="H328" s="214"/>
      <c r="I328" s="56" t="s">
        <v>82</v>
      </c>
      <c r="J328" s="57"/>
      <c r="K328" s="65"/>
      <c r="L328" s="59" t="str">
        <f>IF(ISBLANK(L$95),"",L$95)</f>
        <v>急性期</v>
      </c>
      <c r="M328" s="250" t="str">
        <f t="shared" ref="M328:BS328" si="44">IF(ISBLANK(M$95),"",M$95)</f>
        <v>回復期</v>
      </c>
      <c r="N328" s="59" t="str">
        <f t="shared" si="44"/>
        <v>回復期</v>
      </c>
      <c r="O328" s="59" t="str">
        <f t="shared" si="44"/>
        <v>休棟中（今後廃止する予定）</v>
      </c>
      <c r="P328" s="59" t="str">
        <f t="shared" si="44"/>
        <v>慢性期</v>
      </c>
      <c r="Q328" s="59" t="str">
        <f t="shared" si="44"/>
        <v>慢性期</v>
      </c>
      <c r="R328" s="59" t="str">
        <f t="shared" si="44"/>
        <v/>
      </c>
      <c r="S328" s="59" t="str">
        <f t="shared" si="44"/>
        <v/>
      </c>
      <c r="T328" s="59" t="str">
        <f t="shared" si="44"/>
        <v/>
      </c>
      <c r="U328" s="59" t="str">
        <f t="shared" si="44"/>
        <v/>
      </c>
      <c r="V328" s="59" t="str">
        <f t="shared" si="44"/>
        <v/>
      </c>
      <c r="W328" s="59" t="str">
        <f t="shared" si="44"/>
        <v/>
      </c>
      <c r="X328" s="59" t="str">
        <f t="shared" si="44"/>
        <v/>
      </c>
      <c r="Y328" s="59" t="str">
        <f t="shared" si="44"/>
        <v/>
      </c>
      <c r="Z328" s="59" t="str">
        <f t="shared" si="44"/>
        <v/>
      </c>
      <c r="AA328" s="59" t="str">
        <f t="shared" si="44"/>
        <v/>
      </c>
      <c r="AB328" s="59" t="str">
        <f t="shared" si="44"/>
        <v/>
      </c>
      <c r="AC328" s="59" t="str">
        <f t="shared" si="44"/>
        <v/>
      </c>
      <c r="AD328" s="59" t="str">
        <f t="shared" si="44"/>
        <v/>
      </c>
      <c r="AE328" s="59" t="str">
        <f t="shared" si="44"/>
        <v/>
      </c>
      <c r="AF328" s="59" t="str">
        <f t="shared" si="44"/>
        <v/>
      </c>
      <c r="AG328" s="59" t="str">
        <f t="shared" si="44"/>
        <v/>
      </c>
      <c r="AH328" s="59" t="str">
        <f t="shared" si="44"/>
        <v/>
      </c>
      <c r="AI328" s="59" t="str">
        <f t="shared" si="44"/>
        <v/>
      </c>
      <c r="AJ328" s="59" t="str">
        <f t="shared" si="44"/>
        <v/>
      </c>
      <c r="AK328" s="59" t="str">
        <f t="shared" si="44"/>
        <v/>
      </c>
      <c r="AL328" s="59" t="str">
        <f t="shared" si="44"/>
        <v/>
      </c>
      <c r="AM328" s="59" t="str">
        <f t="shared" si="44"/>
        <v/>
      </c>
      <c r="AN328" s="59" t="str">
        <f t="shared" si="44"/>
        <v/>
      </c>
      <c r="AO328" s="59" t="str">
        <f t="shared" si="44"/>
        <v/>
      </c>
      <c r="AP328" s="59" t="str">
        <f t="shared" si="44"/>
        <v/>
      </c>
      <c r="AQ328" s="59" t="str">
        <f t="shared" si="44"/>
        <v/>
      </c>
      <c r="AR328" s="59" t="str">
        <f t="shared" si="44"/>
        <v/>
      </c>
      <c r="AS328" s="59" t="str">
        <f t="shared" si="44"/>
        <v/>
      </c>
      <c r="AT328" s="59" t="str">
        <f t="shared" si="44"/>
        <v/>
      </c>
      <c r="AU328" s="59" t="str">
        <f t="shared" si="44"/>
        <v/>
      </c>
      <c r="AV328" s="59" t="str">
        <f t="shared" si="44"/>
        <v/>
      </c>
      <c r="AW328" s="59" t="str">
        <f t="shared" si="44"/>
        <v/>
      </c>
      <c r="AX328" s="59" t="str">
        <f t="shared" si="44"/>
        <v/>
      </c>
      <c r="AY328" s="59" t="str">
        <f t="shared" si="44"/>
        <v/>
      </c>
      <c r="AZ328" s="59" t="str">
        <f t="shared" si="44"/>
        <v/>
      </c>
      <c r="BA328" s="59" t="str">
        <f t="shared" si="44"/>
        <v/>
      </c>
      <c r="BB328" s="59" t="str">
        <f t="shared" si="44"/>
        <v/>
      </c>
      <c r="BC328" s="59" t="str">
        <f t="shared" si="44"/>
        <v/>
      </c>
      <c r="BD328" s="59" t="str">
        <f t="shared" si="44"/>
        <v/>
      </c>
      <c r="BE328" s="59" t="str">
        <f t="shared" si="44"/>
        <v/>
      </c>
      <c r="BF328" s="59" t="str">
        <f t="shared" si="44"/>
        <v/>
      </c>
      <c r="BG328" s="59" t="str">
        <f t="shared" si="44"/>
        <v/>
      </c>
      <c r="BH328" s="59" t="str">
        <f t="shared" si="44"/>
        <v/>
      </c>
      <c r="BI328" s="59" t="str">
        <f t="shared" si="44"/>
        <v/>
      </c>
      <c r="BJ328" s="59" t="str">
        <f t="shared" si="44"/>
        <v/>
      </c>
      <c r="BK328" s="59" t="str">
        <f t="shared" si="44"/>
        <v/>
      </c>
      <c r="BL328" s="59" t="str">
        <f t="shared" si="44"/>
        <v/>
      </c>
      <c r="BM328" s="59" t="str">
        <f t="shared" si="44"/>
        <v/>
      </c>
      <c r="BN328" s="59" t="str">
        <f t="shared" si="44"/>
        <v/>
      </c>
      <c r="BO328" s="59" t="str">
        <f t="shared" si="44"/>
        <v/>
      </c>
      <c r="BP328" s="59" t="str">
        <f t="shared" si="44"/>
        <v/>
      </c>
      <c r="BQ328" s="59" t="str">
        <f t="shared" si="44"/>
        <v/>
      </c>
      <c r="BR328" s="59" t="str">
        <f t="shared" si="44"/>
        <v/>
      </c>
      <c r="BS328" s="59" t="str">
        <f t="shared" si="44"/>
        <v/>
      </c>
    </row>
    <row r="329" spans="1:71" s="67" customFormat="1" ht="34.5" customHeight="1">
      <c r="A329" s="185" t="s">
        <v>306</v>
      </c>
      <c r="B329" s="96"/>
      <c r="C329" s="344" t="s">
        <v>292</v>
      </c>
      <c r="D329" s="274" t="s">
        <v>293</v>
      </c>
      <c r="E329" s="275"/>
      <c r="F329" s="275"/>
      <c r="G329" s="275"/>
      <c r="H329" s="276"/>
      <c r="I329" s="316" t="s">
        <v>307</v>
      </c>
      <c r="J329" s="105">
        <f>IF(SUM(L329:BS329)=0,IF(COUNTIF(L329:BS329,"未確認")&gt;0,"未確認",IF(COUNTIF(L329:BS329,"~*")&gt;0,"*",SUM(L329:BS329))),SUM(L329:BS329))</f>
        <v>1772</v>
      </c>
      <c r="K329" s="66" t="str">
        <f>IF(OR(COUNTIF(L329:BS329,"未確認")&gt;0,COUNTIF(L329:BS329,"~*")&gt;0),"※","")</f>
        <v/>
      </c>
      <c r="L329" s="108">
        <v>880</v>
      </c>
      <c r="M329" s="255">
        <v>183</v>
      </c>
      <c r="N329" s="255">
        <v>539</v>
      </c>
      <c r="O329" s="255">
        <v>134</v>
      </c>
      <c r="P329" s="255">
        <v>25</v>
      </c>
      <c r="Q329" s="255">
        <v>11</v>
      </c>
      <c r="R329" s="255"/>
      <c r="S329" s="255"/>
      <c r="T329" s="255"/>
      <c r="U329" s="255"/>
      <c r="V329" s="255"/>
      <c r="W329" s="255"/>
      <c r="X329" s="255"/>
      <c r="Y329" s="255"/>
      <c r="Z329" s="255"/>
      <c r="AA329" s="255"/>
      <c r="AB329" s="255"/>
      <c r="AC329" s="255"/>
      <c r="AD329" s="255"/>
      <c r="AE329" s="255"/>
      <c r="AF329" s="255"/>
      <c r="AG329" s="255"/>
      <c r="AH329" s="255"/>
      <c r="AI329" s="255"/>
      <c r="AJ329" s="255"/>
      <c r="AK329" s="255"/>
      <c r="AL329" s="255"/>
      <c r="AM329" s="255"/>
      <c r="AN329" s="255"/>
      <c r="AO329" s="255"/>
      <c r="AP329" s="255"/>
      <c r="AQ329" s="255"/>
      <c r="AR329" s="255"/>
      <c r="AS329" s="255"/>
      <c r="AT329" s="255"/>
      <c r="AU329" s="255"/>
      <c r="AV329" s="255"/>
      <c r="AW329" s="255"/>
      <c r="AX329" s="255"/>
      <c r="AY329" s="255"/>
      <c r="AZ329" s="255"/>
      <c r="BA329" s="255"/>
      <c r="BB329" s="255"/>
      <c r="BC329" s="255"/>
      <c r="BD329" s="255"/>
      <c r="BE329" s="255"/>
      <c r="BF329" s="255"/>
      <c r="BG329" s="255"/>
      <c r="BH329" s="255"/>
      <c r="BI329" s="255"/>
      <c r="BJ329" s="255"/>
      <c r="BK329" s="255"/>
      <c r="BL329" s="255"/>
      <c r="BM329" s="255"/>
      <c r="BN329" s="255"/>
      <c r="BO329" s="255"/>
      <c r="BP329" s="255"/>
      <c r="BQ329" s="255"/>
      <c r="BR329" s="255"/>
      <c r="BS329" s="255"/>
    </row>
    <row r="330" spans="1:71" s="67" customFormat="1" ht="34.5" customHeight="1">
      <c r="A330" s="185" t="s">
        <v>308</v>
      </c>
      <c r="B330" s="96"/>
      <c r="C330" s="344"/>
      <c r="D330" s="343" t="s">
        <v>309</v>
      </c>
      <c r="E330" s="293" t="s">
        <v>310</v>
      </c>
      <c r="F330" s="320"/>
      <c r="G330" s="320"/>
      <c r="H330" s="294"/>
      <c r="I330" s="341"/>
      <c r="J330" s="105">
        <f t="shared" ref="J330:J346" si="45">IF(SUM(L330:BS330)=0,IF(COUNTIF(L330:BS330,"未確認")&gt;0,"未確認",IF(COUNTIF(L330:BS330,"~*")&gt;0,"*",SUM(L330:BS330))),SUM(L330:BS330))</f>
        <v>285</v>
      </c>
      <c r="K330" s="66" t="str">
        <f t="shared" ref="K330:K346" si="46">IF(OR(COUNTIF(L330:BS330,"未確認")&gt;0,COUNTIF(L330:BS330,"~*")&gt;0),"※","")</f>
        <v/>
      </c>
      <c r="L330" s="108">
        <v>19</v>
      </c>
      <c r="M330" s="255">
        <v>59</v>
      </c>
      <c r="N330" s="255">
        <v>178</v>
      </c>
      <c r="O330" s="255">
        <v>0</v>
      </c>
      <c r="P330" s="255">
        <v>24</v>
      </c>
      <c r="Q330" s="255">
        <v>5</v>
      </c>
      <c r="R330" s="255"/>
      <c r="S330" s="255"/>
      <c r="T330" s="255"/>
      <c r="U330" s="255"/>
      <c r="V330" s="255"/>
      <c r="W330" s="255"/>
      <c r="X330" s="255"/>
      <c r="Y330" s="255"/>
      <c r="Z330" s="255"/>
      <c r="AA330" s="255"/>
      <c r="AB330" s="255"/>
      <c r="AC330" s="255"/>
      <c r="AD330" s="255"/>
      <c r="AE330" s="255"/>
      <c r="AF330" s="255"/>
      <c r="AG330" s="255"/>
      <c r="AH330" s="255"/>
      <c r="AI330" s="255"/>
      <c r="AJ330" s="255"/>
      <c r="AK330" s="255"/>
      <c r="AL330" s="255"/>
      <c r="AM330" s="255"/>
      <c r="AN330" s="255"/>
      <c r="AO330" s="255"/>
      <c r="AP330" s="255"/>
      <c r="AQ330" s="255"/>
      <c r="AR330" s="255"/>
      <c r="AS330" s="255"/>
      <c r="AT330" s="255"/>
      <c r="AU330" s="255"/>
      <c r="AV330" s="255"/>
      <c r="AW330" s="255"/>
      <c r="AX330" s="255"/>
      <c r="AY330" s="255"/>
      <c r="AZ330" s="255"/>
      <c r="BA330" s="255"/>
      <c r="BB330" s="255"/>
      <c r="BC330" s="255"/>
      <c r="BD330" s="255"/>
      <c r="BE330" s="255"/>
      <c r="BF330" s="255"/>
      <c r="BG330" s="255"/>
      <c r="BH330" s="255"/>
      <c r="BI330" s="255"/>
      <c r="BJ330" s="255"/>
      <c r="BK330" s="255"/>
      <c r="BL330" s="255"/>
      <c r="BM330" s="255"/>
      <c r="BN330" s="255"/>
      <c r="BO330" s="255"/>
      <c r="BP330" s="255"/>
      <c r="BQ330" s="255"/>
      <c r="BR330" s="255"/>
      <c r="BS330" s="255"/>
    </row>
    <row r="331" spans="1:71" s="67" customFormat="1" ht="34.5" customHeight="1">
      <c r="A331" s="185" t="s">
        <v>311</v>
      </c>
      <c r="B331" s="96"/>
      <c r="C331" s="344"/>
      <c r="D331" s="344"/>
      <c r="E331" s="274" t="s">
        <v>312</v>
      </c>
      <c r="F331" s="275"/>
      <c r="G331" s="275"/>
      <c r="H331" s="276"/>
      <c r="I331" s="341"/>
      <c r="J331" s="105">
        <f t="shared" si="45"/>
        <v>1063</v>
      </c>
      <c r="K331" s="66" t="str">
        <f t="shared" si="46"/>
        <v/>
      </c>
      <c r="L331" s="108">
        <v>665</v>
      </c>
      <c r="M331" s="255">
        <v>10</v>
      </c>
      <c r="N331" s="255">
        <v>265</v>
      </c>
      <c r="O331" s="255">
        <v>121</v>
      </c>
      <c r="P331" s="255">
        <v>1</v>
      </c>
      <c r="Q331" s="255">
        <v>1</v>
      </c>
      <c r="R331" s="255"/>
      <c r="S331" s="255"/>
      <c r="T331" s="255"/>
      <c r="U331" s="255"/>
      <c r="V331" s="255"/>
      <c r="W331" s="255"/>
      <c r="X331" s="255"/>
      <c r="Y331" s="255"/>
      <c r="Z331" s="255"/>
      <c r="AA331" s="255"/>
      <c r="AB331" s="255"/>
      <c r="AC331" s="255"/>
      <c r="AD331" s="255"/>
      <c r="AE331" s="255"/>
      <c r="AF331" s="255"/>
      <c r="AG331" s="255"/>
      <c r="AH331" s="255"/>
      <c r="AI331" s="255"/>
      <c r="AJ331" s="255"/>
      <c r="AK331" s="255"/>
      <c r="AL331" s="255"/>
      <c r="AM331" s="255"/>
      <c r="AN331" s="255"/>
      <c r="AO331" s="255"/>
      <c r="AP331" s="255"/>
      <c r="AQ331" s="255"/>
      <c r="AR331" s="255"/>
      <c r="AS331" s="255"/>
      <c r="AT331" s="255"/>
      <c r="AU331" s="255"/>
      <c r="AV331" s="255"/>
      <c r="AW331" s="255"/>
      <c r="AX331" s="255"/>
      <c r="AY331" s="255"/>
      <c r="AZ331" s="255"/>
      <c r="BA331" s="255"/>
      <c r="BB331" s="255"/>
      <c r="BC331" s="255"/>
      <c r="BD331" s="255"/>
      <c r="BE331" s="255"/>
      <c r="BF331" s="255"/>
      <c r="BG331" s="255"/>
      <c r="BH331" s="255"/>
      <c r="BI331" s="255"/>
      <c r="BJ331" s="255"/>
      <c r="BK331" s="255"/>
      <c r="BL331" s="255"/>
      <c r="BM331" s="255"/>
      <c r="BN331" s="255"/>
      <c r="BO331" s="255"/>
      <c r="BP331" s="255"/>
      <c r="BQ331" s="255"/>
      <c r="BR331" s="255"/>
      <c r="BS331" s="255"/>
    </row>
    <row r="332" spans="1:71" s="67" customFormat="1" ht="34.5" customHeight="1">
      <c r="A332" s="185" t="s">
        <v>313</v>
      </c>
      <c r="B332" s="96"/>
      <c r="C332" s="344"/>
      <c r="D332" s="344"/>
      <c r="E332" s="274" t="s">
        <v>314</v>
      </c>
      <c r="F332" s="275"/>
      <c r="G332" s="275"/>
      <c r="H332" s="276"/>
      <c r="I332" s="341"/>
      <c r="J332" s="105">
        <f t="shared" si="45"/>
        <v>262</v>
      </c>
      <c r="K332" s="66" t="str">
        <f t="shared" si="46"/>
        <v/>
      </c>
      <c r="L332" s="108">
        <v>55</v>
      </c>
      <c r="M332" s="255">
        <v>113</v>
      </c>
      <c r="N332" s="255">
        <v>78</v>
      </c>
      <c r="O332" s="255">
        <v>13</v>
      </c>
      <c r="P332" s="255">
        <v>0</v>
      </c>
      <c r="Q332" s="255">
        <v>3</v>
      </c>
      <c r="R332" s="255"/>
      <c r="S332" s="255"/>
      <c r="T332" s="255"/>
      <c r="U332" s="255"/>
      <c r="V332" s="255"/>
      <c r="W332" s="255"/>
      <c r="X332" s="255"/>
      <c r="Y332" s="255"/>
      <c r="Z332" s="255"/>
      <c r="AA332" s="255"/>
      <c r="AB332" s="255"/>
      <c r="AC332" s="255"/>
      <c r="AD332" s="255"/>
      <c r="AE332" s="255"/>
      <c r="AF332" s="255"/>
      <c r="AG332" s="255"/>
      <c r="AH332" s="255"/>
      <c r="AI332" s="255"/>
      <c r="AJ332" s="255"/>
      <c r="AK332" s="255"/>
      <c r="AL332" s="255"/>
      <c r="AM332" s="255"/>
      <c r="AN332" s="255"/>
      <c r="AO332" s="255"/>
      <c r="AP332" s="255"/>
      <c r="AQ332" s="255"/>
      <c r="AR332" s="255"/>
      <c r="AS332" s="255"/>
      <c r="AT332" s="255"/>
      <c r="AU332" s="255"/>
      <c r="AV332" s="255"/>
      <c r="AW332" s="255"/>
      <c r="AX332" s="255"/>
      <c r="AY332" s="255"/>
      <c r="AZ332" s="255"/>
      <c r="BA332" s="255"/>
      <c r="BB332" s="255"/>
      <c r="BC332" s="255"/>
      <c r="BD332" s="255"/>
      <c r="BE332" s="255"/>
      <c r="BF332" s="255"/>
      <c r="BG332" s="255"/>
      <c r="BH332" s="255"/>
      <c r="BI332" s="255"/>
      <c r="BJ332" s="255"/>
      <c r="BK332" s="255"/>
      <c r="BL332" s="255"/>
      <c r="BM332" s="255"/>
      <c r="BN332" s="255"/>
      <c r="BO332" s="255"/>
      <c r="BP332" s="255"/>
      <c r="BQ332" s="255"/>
      <c r="BR332" s="255"/>
      <c r="BS332" s="255"/>
    </row>
    <row r="333" spans="1:71" s="67" customFormat="1" ht="34.5" customHeight="1">
      <c r="A333" s="185" t="s">
        <v>315</v>
      </c>
      <c r="B333" s="96"/>
      <c r="C333" s="344"/>
      <c r="D333" s="344"/>
      <c r="E333" s="301" t="s">
        <v>316</v>
      </c>
      <c r="F333" s="302"/>
      <c r="G333" s="302"/>
      <c r="H333" s="303"/>
      <c r="I333" s="341"/>
      <c r="J333" s="105">
        <f t="shared" si="45"/>
        <v>161</v>
      </c>
      <c r="K333" s="66" t="str">
        <f t="shared" si="46"/>
        <v/>
      </c>
      <c r="L333" s="108">
        <v>141</v>
      </c>
      <c r="M333" s="255">
        <v>1</v>
      </c>
      <c r="N333" s="255">
        <v>18</v>
      </c>
      <c r="O333" s="255">
        <v>0</v>
      </c>
      <c r="P333" s="255">
        <v>0</v>
      </c>
      <c r="Q333" s="255">
        <v>1</v>
      </c>
      <c r="R333" s="255"/>
      <c r="S333" s="255"/>
      <c r="T333" s="255"/>
      <c r="U333" s="255"/>
      <c r="V333" s="255"/>
      <c r="W333" s="255"/>
      <c r="X333" s="255"/>
      <c r="Y333" s="255"/>
      <c r="Z333" s="255"/>
      <c r="AA333" s="255"/>
      <c r="AB333" s="255"/>
      <c r="AC333" s="255"/>
      <c r="AD333" s="255"/>
      <c r="AE333" s="255"/>
      <c r="AF333" s="255"/>
      <c r="AG333" s="255"/>
      <c r="AH333" s="255"/>
      <c r="AI333" s="255"/>
      <c r="AJ333" s="255"/>
      <c r="AK333" s="255"/>
      <c r="AL333" s="255"/>
      <c r="AM333" s="255"/>
      <c r="AN333" s="255"/>
      <c r="AO333" s="255"/>
      <c r="AP333" s="255"/>
      <c r="AQ333" s="255"/>
      <c r="AR333" s="255"/>
      <c r="AS333" s="255"/>
      <c r="AT333" s="255"/>
      <c r="AU333" s="255"/>
      <c r="AV333" s="255"/>
      <c r="AW333" s="255"/>
      <c r="AX333" s="255"/>
      <c r="AY333" s="255"/>
      <c r="AZ333" s="255"/>
      <c r="BA333" s="255"/>
      <c r="BB333" s="255"/>
      <c r="BC333" s="255"/>
      <c r="BD333" s="255"/>
      <c r="BE333" s="255"/>
      <c r="BF333" s="255"/>
      <c r="BG333" s="255"/>
      <c r="BH333" s="255"/>
      <c r="BI333" s="255"/>
      <c r="BJ333" s="255"/>
      <c r="BK333" s="255"/>
      <c r="BL333" s="255"/>
      <c r="BM333" s="255"/>
      <c r="BN333" s="255"/>
      <c r="BO333" s="255"/>
      <c r="BP333" s="255"/>
      <c r="BQ333" s="255"/>
      <c r="BR333" s="255"/>
      <c r="BS333" s="255"/>
    </row>
    <row r="334" spans="1:71" s="67" customFormat="1" ht="34.5" customHeight="1">
      <c r="A334" s="185" t="s">
        <v>317</v>
      </c>
      <c r="B334" s="96"/>
      <c r="C334" s="344"/>
      <c r="D334" s="344"/>
      <c r="E334" s="301" t="s">
        <v>318</v>
      </c>
      <c r="F334" s="302"/>
      <c r="G334" s="302"/>
      <c r="H334" s="303"/>
      <c r="I334" s="341"/>
      <c r="J334" s="105">
        <f t="shared" si="45"/>
        <v>1</v>
      </c>
      <c r="K334" s="66" t="str">
        <f t="shared" si="46"/>
        <v/>
      </c>
      <c r="L334" s="108">
        <v>0</v>
      </c>
      <c r="M334" s="255">
        <v>0</v>
      </c>
      <c r="N334" s="255">
        <v>0</v>
      </c>
      <c r="O334" s="255">
        <v>0</v>
      </c>
      <c r="P334" s="255">
        <v>0</v>
      </c>
      <c r="Q334" s="255">
        <v>1</v>
      </c>
      <c r="R334" s="255"/>
      <c r="S334" s="255"/>
      <c r="T334" s="255"/>
      <c r="U334" s="255"/>
      <c r="V334" s="255"/>
      <c r="W334" s="255"/>
      <c r="X334" s="255"/>
      <c r="Y334" s="255"/>
      <c r="Z334" s="255"/>
      <c r="AA334" s="255"/>
      <c r="AB334" s="255"/>
      <c r="AC334" s="255"/>
      <c r="AD334" s="255"/>
      <c r="AE334" s="255"/>
      <c r="AF334" s="255"/>
      <c r="AG334" s="255"/>
      <c r="AH334" s="255"/>
      <c r="AI334" s="255"/>
      <c r="AJ334" s="255"/>
      <c r="AK334" s="255"/>
      <c r="AL334" s="255"/>
      <c r="AM334" s="255"/>
      <c r="AN334" s="255"/>
      <c r="AO334" s="255"/>
      <c r="AP334" s="255"/>
      <c r="AQ334" s="255"/>
      <c r="AR334" s="255"/>
      <c r="AS334" s="255"/>
      <c r="AT334" s="255"/>
      <c r="AU334" s="255"/>
      <c r="AV334" s="255"/>
      <c r="AW334" s="255"/>
      <c r="AX334" s="255"/>
      <c r="AY334" s="255"/>
      <c r="AZ334" s="255"/>
      <c r="BA334" s="255"/>
      <c r="BB334" s="255"/>
      <c r="BC334" s="255"/>
      <c r="BD334" s="255"/>
      <c r="BE334" s="255"/>
      <c r="BF334" s="255"/>
      <c r="BG334" s="255"/>
      <c r="BH334" s="255"/>
      <c r="BI334" s="255"/>
      <c r="BJ334" s="255"/>
      <c r="BK334" s="255"/>
      <c r="BL334" s="255"/>
      <c r="BM334" s="255"/>
      <c r="BN334" s="255"/>
      <c r="BO334" s="255"/>
      <c r="BP334" s="255"/>
      <c r="BQ334" s="255"/>
      <c r="BR334" s="255"/>
      <c r="BS334" s="255"/>
    </row>
    <row r="335" spans="1:71" s="67" customFormat="1" ht="34.5" customHeight="1">
      <c r="A335" s="185" t="s">
        <v>319</v>
      </c>
      <c r="B335" s="96"/>
      <c r="C335" s="344"/>
      <c r="D335" s="344"/>
      <c r="E335" s="274" t="s">
        <v>320</v>
      </c>
      <c r="F335" s="275"/>
      <c r="G335" s="275"/>
      <c r="H335" s="276"/>
      <c r="I335" s="341"/>
      <c r="J335" s="105">
        <f t="shared" si="45"/>
        <v>0</v>
      </c>
      <c r="K335" s="66" t="str">
        <f t="shared" si="46"/>
        <v/>
      </c>
      <c r="L335" s="108">
        <v>0</v>
      </c>
      <c r="M335" s="255">
        <v>0</v>
      </c>
      <c r="N335" s="255">
        <v>0</v>
      </c>
      <c r="O335" s="255">
        <v>0</v>
      </c>
      <c r="P335" s="255">
        <v>0</v>
      </c>
      <c r="Q335" s="255">
        <v>0</v>
      </c>
      <c r="R335" s="255"/>
      <c r="S335" s="255"/>
      <c r="T335" s="255"/>
      <c r="U335" s="255"/>
      <c r="V335" s="255"/>
      <c r="W335" s="255"/>
      <c r="X335" s="255"/>
      <c r="Y335" s="255"/>
      <c r="Z335" s="255"/>
      <c r="AA335" s="255"/>
      <c r="AB335" s="255"/>
      <c r="AC335" s="255"/>
      <c r="AD335" s="255"/>
      <c r="AE335" s="255"/>
      <c r="AF335" s="255"/>
      <c r="AG335" s="255"/>
      <c r="AH335" s="255"/>
      <c r="AI335" s="255"/>
      <c r="AJ335" s="255"/>
      <c r="AK335" s="255"/>
      <c r="AL335" s="255"/>
      <c r="AM335" s="255"/>
      <c r="AN335" s="255"/>
      <c r="AO335" s="255"/>
      <c r="AP335" s="255"/>
      <c r="AQ335" s="255"/>
      <c r="AR335" s="255"/>
      <c r="AS335" s="255"/>
      <c r="AT335" s="255"/>
      <c r="AU335" s="255"/>
      <c r="AV335" s="255"/>
      <c r="AW335" s="255"/>
      <c r="AX335" s="255"/>
      <c r="AY335" s="255"/>
      <c r="AZ335" s="255"/>
      <c r="BA335" s="255"/>
      <c r="BB335" s="255"/>
      <c r="BC335" s="255"/>
      <c r="BD335" s="255"/>
      <c r="BE335" s="255"/>
      <c r="BF335" s="255"/>
      <c r="BG335" s="255"/>
      <c r="BH335" s="255"/>
      <c r="BI335" s="255"/>
      <c r="BJ335" s="255"/>
      <c r="BK335" s="255"/>
      <c r="BL335" s="255"/>
      <c r="BM335" s="255"/>
      <c r="BN335" s="255"/>
      <c r="BO335" s="255"/>
      <c r="BP335" s="255"/>
      <c r="BQ335" s="255"/>
      <c r="BR335" s="255"/>
      <c r="BS335" s="255"/>
    </row>
    <row r="336" spans="1:71" s="67" customFormat="1" ht="34.5" customHeight="1">
      <c r="A336" s="185" t="s">
        <v>321</v>
      </c>
      <c r="B336" s="96"/>
      <c r="C336" s="344"/>
      <c r="D336" s="345"/>
      <c r="E336" s="289" t="s">
        <v>207</v>
      </c>
      <c r="F336" s="295"/>
      <c r="G336" s="295"/>
      <c r="H336" s="290"/>
      <c r="I336" s="341"/>
      <c r="J336" s="105">
        <f t="shared" si="45"/>
        <v>0</v>
      </c>
      <c r="K336" s="66" t="str">
        <f t="shared" si="46"/>
        <v/>
      </c>
      <c r="L336" s="108">
        <v>0</v>
      </c>
      <c r="M336" s="255">
        <v>0</v>
      </c>
      <c r="N336" s="255">
        <v>0</v>
      </c>
      <c r="O336" s="255">
        <v>0</v>
      </c>
      <c r="P336" s="255">
        <v>0</v>
      </c>
      <c r="Q336" s="255">
        <v>0</v>
      </c>
      <c r="R336" s="255"/>
      <c r="S336" s="255"/>
      <c r="T336" s="255"/>
      <c r="U336" s="255"/>
      <c r="V336" s="255"/>
      <c r="W336" s="255"/>
      <c r="X336" s="255"/>
      <c r="Y336" s="255"/>
      <c r="Z336" s="255"/>
      <c r="AA336" s="255"/>
      <c r="AB336" s="255"/>
      <c r="AC336" s="255"/>
      <c r="AD336" s="255"/>
      <c r="AE336" s="255"/>
      <c r="AF336" s="255"/>
      <c r="AG336" s="255"/>
      <c r="AH336" s="255"/>
      <c r="AI336" s="255"/>
      <c r="AJ336" s="255"/>
      <c r="AK336" s="255"/>
      <c r="AL336" s="255"/>
      <c r="AM336" s="255"/>
      <c r="AN336" s="255"/>
      <c r="AO336" s="255"/>
      <c r="AP336" s="255"/>
      <c r="AQ336" s="255"/>
      <c r="AR336" s="255"/>
      <c r="AS336" s="255"/>
      <c r="AT336" s="255"/>
      <c r="AU336" s="255"/>
      <c r="AV336" s="255"/>
      <c r="AW336" s="255"/>
      <c r="AX336" s="255"/>
      <c r="AY336" s="255"/>
      <c r="AZ336" s="255"/>
      <c r="BA336" s="255"/>
      <c r="BB336" s="255"/>
      <c r="BC336" s="255"/>
      <c r="BD336" s="255"/>
      <c r="BE336" s="255"/>
      <c r="BF336" s="255"/>
      <c r="BG336" s="255"/>
      <c r="BH336" s="255"/>
      <c r="BI336" s="255"/>
      <c r="BJ336" s="255"/>
      <c r="BK336" s="255"/>
      <c r="BL336" s="255"/>
      <c r="BM336" s="255"/>
      <c r="BN336" s="255"/>
      <c r="BO336" s="255"/>
      <c r="BP336" s="255"/>
      <c r="BQ336" s="255"/>
      <c r="BR336" s="255"/>
      <c r="BS336" s="255"/>
    </row>
    <row r="337" spans="1:71" s="67" customFormat="1" ht="34.5" customHeight="1">
      <c r="A337" s="185" t="s">
        <v>322</v>
      </c>
      <c r="B337" s="96"/>
      <c r="C337" s="344"/>
      <c r="D337" s="274" t="s">
        <v>304</v>
      </c>
      <c r="E337" s="275"/>
      <c r="F337" s="275"/>
      <c r="G337" s="275"/>
      <c r="H337" s="276"/>
      <c r="I337" s="341"/>
      <c r="J337" s="105">
        <f t="shared" si="45"/>
        <v>1768</v>
      </c>
      <c r="K337" s="66" t="str">
        <f t="shared" si="46"/>
        <v/>
      </c>
      <c r="L337" s="108">
        <v>875</v>
      </c>
      <c r="M337" s="255">
        <v>180</v>
      </c>
      <c r="N337" s="255">
        <v>534</v>
      </c>
      <c r="O337" s="255">
        <v>133</v>
      </c>
      <c r="P337" s="255">
        <v>33</v>
      </c>
      <c r="Q337" s="255">
        <v>13</v>
      </c>
      <c r="R337" s="255"/>
      <c r="S337" s="255"/>
      <c r="T337" s="255"/>
      <c r="U337" s="255"/>
      <c r="V337" s="255"/>
      <c r="W337" s="255"/>
      <c r="X337" s="255"/>
      <c r="Y337" s="255"/>
      <c r="Z337" s="255"/>
      <c r="AA337" s="255"/>
      <c r="AB337" s="255"/>
      <c r="AC337" s="255"/>
      <c r="AD337" s="255"/>
      <c r="AE337" s="255"/>
      <c r="AF337" s="255"/>
      <c r="AG337" s="255"/>
      <c r="AH337" s="255"/>
      <c r="AI337" s="255"/>
      <c r="AJ337" s="255"/>
      <c r="AK337" s="255"/>
      <c r="AL337" s="255"/>
      <c r="AM337" s="255"/>
      <c r="AN337" s="255"/>
      <c r="AO337" s="255"/>
      <c r="AP337" s="255"/>
      <c r="AQ337" s="255"/>
      <c r="AR337" s="255"/>
      <c r="AS337" s="255"/>
      <c r="AT337" s="255"/>
      <c r="AU337" s="255"/>
      <c r="AV337" s="255"/>
      <c r="AW337" s="255"/>
      <c r="AX337" s="255"/>
      <c r="AY337" s="255"/>
      <c r="AZ337" s="255"/>
      <c r="BA337" s="255"/>
      <c r="BB337" s="255"/>
      <c r="BC337" s="255"/>
      <c r="BD337" s="255"/>
      <c r="BE337" s="255"/>
      <c r="BF337" s="255"/>
      <c r="BG337" s="255"/>
      <c r="BH337" s="255"/>
      <c r="BI337" s="255"/>
      <c r="BJ337" s="255"/>
      <c r="BK337" s="255"/>
      <c r="BL337" s="255"/>
      <c r="BM337" s="255"/>
      <c r="BN337" s="255"/>
      <c r="BO337" s="255"/>
      <c r="BP337" s="255"/>
      <c r="BQ337" s="255"/>
      <c r="BR337" s="255"/>
      <c r="BS337" s="255"/>
    </row>
    <row r="338" spans="1:71" s="67" customFormat="1" ht="34.5" customHeight="1">
      <c r="A338" s="185" t="s">
        <v>323</v>
      </c>
      <c r="B338" s="96"/>
      <c r="C338" s="344"/>
      <c r="D338" s="343" t="s">
        <v>324</v>
      </c>
      <c r="E338" s="293" t="s">
        <v>325</v>
      </c>
      <c r="F338" s="320"/>
      <c r="G338" s="320"/>
      <c r="H338" s="294"/>
      <c r="I338" s="341"/>
      <c r="J338" s="105">
        <f t="shared" si="45"/>
        <v>285</v>
      </c>
      <c r="K338" s="66" t="str">
        <f t="shared" si="46"/>
        <v/>
      </c>
      <c r="L338" s="108">
        <v>254</v>
      </c>
      <c r="M338" s="255">
        <v>6</v>
      </c>
      <c r="N338" s="255">
        <v>20</v>
      </c>
      <c r="O338" s="255">
        <v>0</v>
      </c>
      <c r="P338" s="255">
        <v>2</v>
      </c>
      <c r="Q338" s="255">
        <v>3</v>
      </c>
      <c r="R338" s="255"/>
      <c r="S338" s="255"/>
      <c r="T338" s="255"/>
      <c r="U338" s="255"/>
      <c r="V338" s="255"/>
      <c r="W338" s="255"/>
      <c r="X338" s="255"/>
      <c r="Y338" s="255"/>
      <c r="Z338" s="255"/>
      <c r="AA338" s="255"/>
      <c r="AB338" s="255"/>
      <c r="AC338" s="255"/>
      <c r="AD338" s="255"/>
      <c r="AE338" s="255"/>
      <c r="AF338" s="255"/>
      <c r="AG338" s="255"/>
      <c r="AH338" s="255"/>
      <c r="AI338" s="255"/>
      <c r="AJ338" s="255"/>
      <c r="AK338" s="255"/>
      <c r="AL338" s="255"/>
      <c r="AM338" s="255"/>
      <c r="AN338" s="255"/>
      <c r="AO338" s="255"/>
      <c r="AP338" s="255"/>
      <c r="AQ338" s="255"/>
      <c r="AR338" s="255"/>
      <c r="AS338" s="255"/>
      <c r="AT338" s="255"/>
      <c r="AU338" s="255"/>
      <c r="AV338" s="255"/>
      <c r="AW338" s="255"/>
      <c r="AX338" s="255"/>
      <c r="AY338" s="255"/>
      <c r="AZ338" s="255"/>
      <c r="BA338" s="255"/>
      <c r="BB338" s="255"/>
      <c r="BC338" s="255"/>
      <c r="BD338" s="255"/>
      <c r="BE338" s="255"/>
      <c r="BF338" s="255"/>
      <c r="BG338" s="255"/>
      <c r="BH338" s="255"/>
      <c r="BI338" s="255"/>
      <c r="BJ338" s="255"/>
      <c r="BK338" s="255"/>
      <c r="BL338" s="255"/>
      <c r="BM338" s="255"/>
      <c r="BN338" s="255"/>
      <c r="BO338" s="255"/>
      <c r="BP338" s="255"/>
      <c r="BQ338" s="255"/>
      <c r="BR338" s="255"/>
      <c r="BS338" s="255"/>
    </row>
    <row r="339" spans="1:71" s="67" customFormat="1" ht="34.5" customHeight="1">
      <c r="A339" s="185" t="s">
        <v>326</v>
      </c>
      <c r="B339" s="96"/>
      <c r="C339" s="344"/>
      <c r="D339" s="344"/>
      <c r="E339" s="274" t="s">
        <v>327</v>
      </c>
      <c r="F339" s="275"/>
      <c r="G339" s="275"/>
      <c r="H339" s="276"/>
      <c r="I339" s="341"/>
      <c r="J339" s="105">
        <f t="shared" si="45"/>
        <v>1085</v>
      </c>
      <c r="K339" s="66" t="str">
        <f t="shared" si="46"/>
        <v/>
      </c>
      <c r="L339" s="108">
        <v>407</v>
      </c>
      <c r="M339" s="255">
        <v>132</v>
      </c>
      <c r="N339" s="255">
        <v>412</v>
      </c>
      <c r="O339" s="255">
        <v>132</v>
      </c>
      <c r="P339" s="255">
        <v>2</v>
      </c>
      <c r="Q339" s="255">
        <v>0</v>
      </c>
      <c r="R339" s="255"/>
      <c r="S339" s="255"/>
      <c r="T339" s="255"/>
      <c r="U339" s="255"/>
      <c r="V339" s="255"/>
      <c r="W339" s="255"/>
      <c r="X339" s="255"/>
      <c r="Y339" s="255"/>
      <c r="Z339" s="255"/>
      <c r="AA339" s="255"/>
      <c r="AB339" s="255"/>
      <c r="AC339" s="255"/>
      <c r="AD339" s="255"/>
      <c r="AE339" s="255"/>
      <c r="AF339" s="255"/>
      <c r="AG339" s="255"/>
      <c r="AH339" s="255"/>
      <c r="AI339" s="255"/>
      <c r="AJ339" s="255"/>
      <c r="AK339" s="255"/>
      <c r="AL339" s="255"/>
      <c r="AM339" s="255"/>
      <c r="AN339" s="255"/>
      <c r="AO339" s="255"/>
      <c r="AP339" s="255"/>
      <c r="AQ339" s="255"/>
      <c r="AR339" s="255"/>
      <c r="AS339" s="255"/>
      <c r="AT339" s="255"/>
      <c r="AU339" s="255"/>
      <c r="AV339" s="255"/>
      <c r="AW339" s="255"/>
      <c r="AX339" s="255"/>
      <c r="AY339" s="255"/>
      <c r="AZ339" s="255"/>
      <c r="BA339" s="255"/>
      <c r="BB339" s="255"/>
      <c r="BC339" s="255"/>
      <c r="BD339" s="255"/>
      <c r="BE339" s="255"/>
      <c r="BF339" s="255"/>
      <c r="BG339" s="255"/>
      <c r="BH339" s="255"/>
      <c r="BI339" s="255"/>
      <c r="BJ339" s="255"/>
      <c r="BK339" s="255"/>
      <c r="BL339" s="255"/>
      <c r="BM339" s="255"/>
      <c r="BN339" s="255"/>
      <c r="BO339" s="255"/>
      <c r="BP339" s="255"/>
      <c r="BQ339" s="255"/>
      <c r="BR339" s="255"/>
      <c r="BS339" s="255"/>
    </row>
    <row r="340" spans="1:71" s="67" customFormat="1" ht="34.5" customHeight="1">
      <c r="A340" s="185" t="s">
        <v>328</v>
      </c>
      <c r="B340" s="96"/>
      <c r="C340" s="344"/>
      <c r="D340" s="344"/>
      <c r="E340" s="274" t="s">
        <v>329</v>
      </c>
      <c r="F340" s="275"/>
      <c r="G340" s="275"/>
      <c r="H340" s="276"/>
      <c r="I340" s="341"/>
      <c r="J340" s="105">
        <f t="shared" si="45"/>
        <v>57</v>
      </c>
      <c r="K340" s="66" t="str">
        <f t="shared" si="46"/>
        <v/>
      </c>
      <c r="L340" s="108">
        <v>24</v>
      </c>
      <c r="M340" s="255">
        <v>15</v>
      </c>
      <c r="N340" s="255">
        <v>15</v>
      </c>
      <c r="O340" s="255">
        <v>0</v>
      </c>
      <c r="P340" s="255">
        <v>0</v>
      </c>
      <c r="Q340" s="255">
        <v>3</v>
      </c>
      <c r="R340" s="255"/>
      <c r="S340" s="255"/>
      <c r="T340" s="255"/>
      <c r="U340" s="255"/>
      <c r="V340" s="255"/>
      <c r="W340" s="255"/>
      <c r="X340" s="255"/>
      <c r="Y340" s="255"/>
      <c r="Z340" s="255"/>
      <c r="AA340" s="255"/>
      <c r="AB340" s="255"/>
      <c r="AC340" s="255"/>
      <c r="AD340" s="255"/>
      <c r="AE340" s="255"/>
      <c r="AF340" s="255"/>
      <c r="AG340" s="255"/>
      <c r="AH340" s="255"/>
      <c r="AI340" s="255"/>
      <c r="AJ340" s="255"/>
      <c r="AK340" s="255"/>
      <c r="AL340" s="255"/>
      <c r="AM340" s="255"/>
      <c r="AN340" s="255"/>
      <c r="AO340" s="255"/>
      <c r="AP340" s="255"/>
      <c r="AQ340" s="255"/>
      <c r="AR340" s="255"/>
      <c r="AS340" s="255"/>
      <c r="AT340" s="255"/>
      <c r="AU340" s="255"/>
      <c r="AV340" s="255"/>
      <c r="AW340" s="255"/>
      <c r="AX340" s="255"/>
      <c r="AY340" s="255"/>
      <c r="AZ340" s="255"/>
      <c r="BA340" s="255"/>
      <c r="BB340" s="255"/>
      <c r="BC340" s="255"/>
      <c r="BD340" s="255"/>
      <c r="BE340" s="255"/>
      <c r="BF340" s="255"/>
      <c r="BG340" s="255"/>
      <c r="BH340" s="255"/>
      <c r="BI340" s="255"/>
      <c r="BJ340" s="255"/>
      <c r="BK340" s="255"/>
      <c r="BL340" s="255"/>
      <c r="BM340" s="255"/>
      <c r="BN340" s="255"/>
      <c r="BO340" s="255"/>
      <c r="BP340" s="255"/>
      <c r="BQ340" s="255"/>
      <c r="BR340" s="255"/>
      <c r="BS340" s="255"/>
    </row>
    <row r="341" spans="1:71" s="67" customFormat="1" ht="34.5" customHeight="1">
      <c r="A341" s="185" t="s">
        <v>330</v>
      </c>
      <c r="B341" s="96"/>
      <c r="C341" s="344"/>
      <c r="D341" s="344"/>
      <c r="E341" s="274" t="s">
        <v>331</v>
      </c>
      <c r="F341" s="275"/>
      <c r="G341" s="275"/>
      <c r="H341" s="276"/>
      <c r="I341" s="341"/>
      <c r="J341" s="105">
        <f t="shared" si="45"/>
        <v>92</v>
      </c>
      <c r="K341" s="66" t="str">
        <f t="shared" si="46"/>
        <v/>
      </c>
      <c r="L341" s="108">
        <v>36</v>
      </c>
      <c r="M341" s="255">
        <v>17</v>
      </c>
      <c r="N341" s="255">
        <v>38</v>
      </c>
      <c r="O341" s="255">
        <v>0</v>
      </c>
      <c r="P341" s="255">
        <v>0</v>
      </c>
      <c r="Q341" s="255">
        <v>1</v>
      </c>
      <c r="R341" s="255"/>
      <c r="S341" s="255"/>
      <c r="T341" s="255"/>
      <c r="U341" s="255"/>
      <c r="V341" s="255"/>
      <c r="W341" s="255"/>
      <c r="X341" s="255"/>
      <c r="Y341" s="255"/>
      <c r="Z341" s="255"/>
      <c r="AA341" s="255"/>
      <c r="AB341" s="255"/>
      <c r="AC341" s="255"/>
      <c r="AD341" s="255"/>
      <c r="AE341" s="255"/>
      <c r="AF341" s="255"/>
      <c r="AG341" s="255"/>
      <c r="AH341" s="255"/>
      <c r="AI341" s="255"/>
      <c r="AJ341" s="255"/>
      <c r="AK341" s="255"/>
      <c r="AL341" s="255"/>
      <c r="AM341" s="255"/>
      <c r="AN341" s="255"/>
      <c r="AO341" s="255"/>
      <c r="AP341" s="255"/>
      <c r="AQ341" s="255"/>
      <c r="AR341" s="255"/>
      <c r="AS341" s="255"/>
      <c r="AT341" s="255"/>
      <c r="AU341" s="255"/>
      <c r="AV341" s="255"/>
      <c r="AW341" s="255"/>
      <c r="AX341" s="255"/>
      <c r="AY341" s="255"/>
      <c r="AZ341" s="255"/>
      <c r="BA341" s="255"/>
      <c r="BB341" s="255"/>
      <c r="BC341" s="255"/>
      <c r="BD341" s="255"/>
      <c r="BE341" s="255"/>
      <c r="BF341" s="255"/>
      <c r="BG341" s="255"/>
      <c r="BH341" s="255"/>
      <c r="BI341" s="255"/>
      <c r="BJ341" s="255"/>
      <c r="BK341" s="255"/>
      <c r="BL341" s="255"/>
      <c r="BM341" s="255"/>
      <c r="BN341" s="255"/>
      <c r="BO341" s="255"/>
      <c r="BP341" s="255"/>
      <c r="BQ341" s="255"/>
      <c r="BR341" s="255"/>
      <c r="BS341" s="255"/>
    </row>
    <row r="342" spans="1:71" s="67" customFormat="1" ht="34.5" customHeight="1">
      <c r="A342" s="185" t="s">
        <v>332</v>
      </c>
      <c r="B342" s="96"/>
      <c r="C342" s="344"/>
      <c r="D342" s="344"/>
      <c r="E342" s="274" t="s">
        <v>333</v>
      </c>
      <c r="F342" s="275"/>
      <c r="G342" s="275"/>
      <c r="H342" s="276"/>
      <c r="I342" s="341"/>
      <c r="J342" s="105">
        <f t="shared" si="45"/>
        <v>38</v>
      </c>
      <c r="K342" s="66" t="str">
        <f t="shared" si="46"/>
        <v/>
      </c>
      <c r="L342" s="108">
        <v>26</v>
      </c>
      <c r="M342" s="255">
        <v>3</v>
      </c>
      <c r="N342" s="255">
        <v>7</v>
      </c>
      <c r="O342" s="255">
        <v>0</v>
      </c>
      <c r="P342" s="255">
        <v>1</v>
      </c>
      <c r="Q342" s="255">
        <v>1</v>
      </c>
      <c r="R342" s="255"/>
      <c r="S342" s="255"/>
      <c r="T342" s="255"/>
      <c r="U342" s="255"/>
      <c r="V342" s="255"/>
      <c r="W342" s="255"/>
      <c r="X342" s="255"/>
      <c r="Y342" s="255"/>
      <c r="Z342" s="255"/>
      <c r="AA342" s="255"/>
      <c r="AB342" s="255"/>
      <c r="AC342" s="255"/>
      <c r="AD342" s="255"/>
      <c r="AE342" s="255"/>
      <c r="AF342" s="255"/>
      <c r="AG342" s="255"/>
      <c r="AH342" s="255"/>
      <c r="AI342" s="255"/>
      <c r="AJ342" s="255"/>
      <c r="AK342" s="255"/>
      <c r="AL342" s="255"/>
      <c r="AM342" s="255"/>
      <c r="AN342" s="255"/>
      <c r="AO342" s="255"/>
      <c r="AP342" s="255"/>
      <c r="AQ342" s="255"/>
      <c r="AR342" s="255"/>
      <c r="AS342" s="255"/>
      <c r="AT342" s="255"/>
      <c r="AU342" s="255"/>
      <c r="AV342" s="255"/>
      <c r="AW342" s="255"/>
      <c r="AX342" s="255"/>
      <c r="AY342" s="255"/>
      <c r="AZ342" s="255"/>
      <c r="BA342" s="255"/>
      <c r="BB342" s="255"/>
      <c r="BC342" s="255"/>
      <c r="BD342" s="255"/>
      <c r="BE342" s="255"/>
      <c r="BF342" s="255"/>
      <c r="BG342" s="255"/>
      <c r="BH342" s="255"/>
      <c r="BI342" s="255"/>
      <c r="BJ342" s="255"/>
      <c r="BK342" s="255"/>
      <c r="BL342" s="255"/>
      <c r="BM342" s="255"/>
      <c r="BN342" s="255"/>
      <c r="BO342" s="255"/>
      <c r="BP342" s="255"/>
      <c r="BQ342" s="255"/>
      <c r="BR342" s="255"/>
      <c r="BS342" s="255"/>
    </row>
    <row r="343" spans="1:71" s="67" customFormat="1" ht="34.5" customHeight="1">
      <c r="A343" s="185" t="s">
        <v>334</v>
      </c>
      <c r="B343" s="96"/>
      <c r="C343" s="344"/>
      <c r="D343" s="344"/>
      <c r="E343" s="301" t="s">
        <v>335</v>
      </c>
      <c r="F343" s="302"/>
      <c r="G343" s="302"/>
      <c r="H343" s="303"/>
      <c r="I343" s="341"/>
      <c r="J343" s="105">
        <f t="shared" si="45"/>
        <v>19</v>
      </c>
      <c r="K343" s="66" t="str">
        <f t="shared" si="46"/>
        <v/>
      </c>
      <c r="L343" s="108">
        <v>13</v>
      </c>
      <c r="M343" s="255">
        <v>2</v>
      </c>
      <c r="N343" s="255">
        <v>4</v>
      </c>
      <c r="O343" s="255">
        <v>0</v>
      </c>
      <c r="P343" s="255">
        <v>0</v>
      </c>
      <c r="Q343" s="255">
        <v>0</v>
      </c>
      <c r="R343" s="255"/>
      <c r="S343" s="255"/>
      <c r="T343" s="255"/>
      <c r="U343" s="255"/>
      <c r="V343" s="255"/>
      <c r="W343" s="255"/>
      <c r="X343" s="255"/>
      <c r="Y343" s="255"/>
      <c r="Z343" s="255"/>
      <c r="AA343" s="255"/>
      <c r="AB343" s="255"/>
      <c r="AC343" s="255"/>
      <c r="AD343" s="255"/>
      <c r="AE343" s="255"/>
      <c r="AF343" s="255"/>
      <c r="AG343" s="255"/>
      <c r="AH343" s="255"/>
      <c r="AI343" s="255"/>
      <c r="AJ343" s="255"/>
      <c r="AK343" s="255"/>
      <c r="AL343" s="255"/>
      <c r="AM343" s="255"/>
      <c r="AN343" s="255"/>
      <c r="AO343" s="255"/>
      <c r="AP343" s="255"/>
      <c r="AQ343" s="255"/>
      <c r="AR343" s="255"/>
      <c r="AS343" s="255"/>
      <c r="AT343" s="255"/>
      <c r="AU343" s="255"/>
      <c r="AV343" s="255"/>
      <c r="AW343" s="255"/>
      <c r="AX343" s="255"/>
      <c r="AY343" s="255"/>
      <c r="AZ343" s="255"/>
      <c r="BA343" s="255"/>
      <c r="BB343" s="255"/>
      <c r="BC343" s="255"/>
      <c r="BD343" s="255"/>
      <c r="BE343" s="255"/>
      <c r="BF343" s="255"/>
      <c r="BG343" s="255"/>
      <c r="BH343" s="255"/>
      <c r="BI343" s="255"/>
      <c r="BJ343" s="255"/>
      <c r="BK343" s="255"/>
      <c r="BL343" s="255"/>
      <c r="BM343" s="255"/>
      <c r="BN343" s="255"/>
      <c r="BO343" s="255"/>
      <c r="BP343" s="255"/>
      <c r="BQ343" s="255"/>
      <c r="BR343" s="255"/>
      <c r="BS343" s="255"/>
    </row>
    <row r="344" spans="1:71" s="67" customFormat="1" ht="34.5" customHeight="1">
      <c r="A344" s="185" t="s">
        <v>336</v>
      </c>
      <c r="B344" s="96"/>
      <c r="C344" s="344"/>
      <c r="D344" s="344"/>
      <c r="E344" s="274" t="s">
        <v>337</v>
      </c>
      <c r="F344" s="275"/>
      <c r="G344" s="275"/>
      <c r="H344" s="276"/>
      <c r="I344" s="341"/>
      <c r="J344" s="105">
        <f t="shared" si="45"/>
        <v>62</v>
      </c>
      <c r="K344" s="66" t="str">
        <f t="shared" si="46"/>
        <v/>
      </c>
      <c r="L344" s="108">
        <v>37</v>
      </c>
      <c r="M344" s="255">
        <v>4</v>
      </c>
      <c r="N344" s="255">
        <v>21</v>
      </c>
      <c r="O344" s="255">
        <v>0</v>
      </c>
      <c r="P344" s="255">
        <v>0</v>
      </c>
      <c r="Q344" s="255">
        <v>0</v>
      </c>
      <c r="R344" s="255"/>
      <c r="S344" s="255"/>
      <c r="T344" s="255"/>
      <c r="U344" s="255"/>
      <c r="V344" s="255"/>
      <c r="W344" s="255"/>
      <c r="X344" s="255"/>
      <c r="Y344" s="255"/>
      <c r="Z344" s="255"/>
      <c r="AA344" s="255"/>
      <c r="AB344" s="255"/>
      <c r="AC344" s="255"/>
      <c r="AD344" s="255"/>
      <c r="AE344" s="255"/>
      <c r="AF344" s="255"/>
      <c r="AG344" s="255"/>
      <c r="AH344" s="255"/>
      <c r="AI344" s="255"/>
      <c r="AJ344" s="255"/>
      <c r="AK344" s="255"/>
      <c r="AL344" s="255"/>
      <c r="AM344" s="255"/>
      <c r="AN344" s="255"/>
      <c r="AO344" s="255"/>
      <c r="AP344" s="255"/>
      <c r="AQ344" s="255"/>
      <c r="AR344" s="255"/>
      <c r="AS344" s="255"/>
      <c r="AT344" s="255"/>
      <c r="AU344" s="255"/>
      <c r="AV344" s="255"/>
      <c r="AW344" s="255"/>
      <c r="AX344" s="255"/>
      <c r="AY344" s="255"/>
      <c r="AZ344" s="255"/>
      <c r="BA344" s="255"/>
      <c r="BB344" s="255"/>
      <c r="BC344" s="255"/>
      <c r="BD344" s="255"/>
      <c r="BE344" s="255"/>
      <c r="BF344" s="255"/>
      <c r="BG344" s="255"/>
      <c r="BH344" s="255"/>
      <c r="BI344" s="255"/>
      <c r="BJ344" s="255"/>
      <c r="BK344" s="255"/>
      <c r="BL344" s="255"/>
      <c r="BM344" s="255"/>
      <c r="BN344" s="255"/>
      <c r="BO344" s="255"/>
      <c r="BP344" s="255"/>
      <c r="BQ344" s="255"/>
      <c r="BR344" s="255"/>
      <c r="BS344" s="255"/>
    </row>
    <row r="345" spans="1:71" s="67" customFormat="1" ht="34.5" customHeight="1">
      <c r="A345" s="185" t="s">
        <v>338</v>
      </c>
      <c r="B345" s="96"/>
      <c r="C345" s="344"/>
      <c r="D345" s="344"/>
      <c r="E345" s="274" t="s">
        <v>339</v>
      </c>
      <c r="F345" s="275"/>
      <c r="G345" s="275"/>
      <c r="H345" s="276"/>
      <c r="I345" s="341"/>
      <c r="J345" s="105">
        <f t="shared" si="45"/>
        <v>129</v>
      </c>
      <c r="K345" s="66" t="str">
        <f t="shared" si="46"/>
        <v/>
      </c>
      <c r="L345" s="108">
        <v>78</v>
      </c>
      <c r="M345" s="255">
        <v>1</v>
      </c>
      <c r="N345" s="255">
        <v>16</v>
      </c>
      <c r="O345" s="255">
        <v>1</v>
      </c>
      <c r="P345" s="255">
        <v>28</v>
      </c>
      <c r="Q345" s="255">
        <v>5</v>
      </c>
      <c r="R345" s="255"/>
      <c r="S345" s="255"/>
      <c r="T345" s="255"/>
      <c r="U345" s="255"/>
      <c r="V345" s="255"/>
      <c r="W345" s="255"/>
      <c r="X345" s="255"/>
      <c r="Y345" s="255"/>
      <c r="Z345" s="255"/>
      <c r="AA345" s="255"/>
      <c r="AB345" s="255"/>
      <c r="AC345" s="255"/>
      <c r="AD345" s="255"/>
      <c r="AE345" s="255"/>
      <c r="AF345" s="255"/>
      <c r="AG345" s="255"/>
      <c r="AH345" s="255"/>
      <c r="AI345" s="255"/>
      <c r="AJ345" s="255"/>
      <c r="AK345" s="255"/>
      <c r="AL345" s="255"/>
      <c r="AM345" s="255"/>
      <c r="AN345" s="255"/>
      <c r="AO345" s="255"/>
      <c r="AP345" s="255"/>
      <c r="AQ345" s="255"/>
      <c r="AR345" s="255"/>
      <c r="AS345" s="255"/>
      <c r="AT345" s="255"/>
      <c r="AU345" s="255"/>
      <c r="AV345" s="255"/>
      <c r="AW345" s="255"/>
      <c r="AX345" s="255"/>
      <c r="AY345" s="255"/>
      <c r="AZ345" s="255"/>
      <c r="BA345" s="255"/>
      <c r="BB345" s="255"/>
      <c r="BC345" s="255"/>
      <c r="BD345" s="255"/>
      <c r="BE345" s="255"/>
      <c r="BF345" s="255"/>
      <c r="BG345" s="255"/>
      <c r="BH345" s="255"/>
      <c r="BI345" s="255"/>
      <c r="BJ345" s="255"/>
      <c r="BK345" s="255"/>
      <c r="BL345" s="255"/>
      <c r="BM345" s="255"/>
      <c r="BN345" s="255"/>
      <c r="BO345" s="255"/>
      <c r="BP345" s="255"/>
      <c r="BQ345" s="255"/>
      <c r="BR345" s="255"/>
      <c r="BS345" s="255"/>
    </row>
    <row r="346" spans="1:71" s="67" customFormat="1" ht="34.5" customHeight="1">
      <c r="A346" s="185" t="s">
        <v>340</v>
      </c>
      <c r="B346" s="96"/>
      <c r="C346" s="344"/>
      <c r="D346" s="344"/>
      <c r="E346" s="274" t="s">
        <v>207</v>
      </c>
      <c r="F346" s="275"/>
      <c r="G346" s="275"/>
      <c r="H346" s="276"/>
      <c r="I346" s="342"/>
      <c r="J346" s="105">
        <f t="shared" si="45"/>
        <v>1</v>
      </c>
      <c r="K346" s="66" t="str">
        <f t="shared" si="46"/>
        <v/>
      </c>
      <c r="L346" s="108">
        <v>0</v>
      </c>
      <c r="M346" s="255">
        <v>0</v>
      </c>
      <c r="N346" s="255">
        <v>1</v>
      </c>
      <c r="O346" s="255">
        <v>0</v>
      </c>
      <c r="P346" s="255">
        <v>0</v>
      </c>
      <c r="Q346" s="255">
        <v>0</v>
      </c>
      <c r="R346" s="255"/>
      <c r="S346" s="255"/>
      <c r="T346" s="255"/>
      <c r="U346" s="255"/>
      <c r="V346" s="255"/>
      <c r="W346" s="255"/>
      <c r="X346" s="255"/>
      <c r="Y346" s="255"/>
      <c r="Z346" s="255"/>
      <c r="AA346" s="255"/>
      <c r="AB346" s="255"/>
      <c r="AC346" s="255"/>
      <c r="AD346" s="255"/>
      <c r="AE346" s="255"/>
      <c r="AF346" s="255"/>
      <c r="AG346" s="255"/>
      <c r="AH346" s="255"/>
      <c r="AI346" s="255"/>
      <c r="AJ346" s="255"/>
      <c r="AK346" s="255"/>
      <c r="AL346" s="255"/>
      <c r="AM346" s="255"/>
      <c r="AN346" s="255"/>
      <c r="AO346" s="255"/>
      <c r="AP346" s="255"/>
      <c r="AQ346" s="255"/>
      <c r="AR346" s="255"/>
      <c r="AS346" s="255"/>
      <c r="AT346" s="255"/>
      <c r="AU346" s="255"/>
      <c r="AV346" s="255"/>
      <c r="AW346" s="255"/>
      <c r="AX346" s="255"/>
      <c r="AY346" s="255"/>
      <c r="AZ346" s="255"/>
      <c r="BA346" s="255"/>
      <c r="BB346" s="255"/>
      <c r="BC346" s="255"/>
      <c r="BD346" s="255"/>
      <c r="BE346" s="255"/>
      <c r="BF346" s="255"/>
      <c r="BG346" s="255"/>
      <c r="BH346" s="255"/>
      <c r="BI346" s="255"/>
      <c r="BJ346" s="255"/>
      <c r="BK346" s="255"/>
      <c r="BL346" s="255"/>
      <c r="BM346" s="255"/>
      <c r="BN346" s="255"/>
      <c r="BO346" s="255"/>
      <c r="BP346" s="255"/>
      <c r="BQ346" s="255"/>
      <c r="BR346" s="255"/>
      <c r="BS346" s="255"/>
    </row>
    <row r="347" spans="1:71" s="74" customFormat="1">
      <c r="A347" s="178"/>
      <c r="B347" s="14"/>
      <c r="C347" s="14"/>
      <c r="D347" s="14"/>
      <c r="E347" s="14"/>
      <c r="F347" s="14"/>
      <c r="G347" s="14"/>
      <c r="H347" s="10"/>
      <c r="I347" s="10"/>
      <c r="J347" s="71"/>
      <c r="K347" s="72"/>
      <c r="L347" s="73"/>
      <c r="M347" s="73"/>
      <c r="N347" s="73"/>
      <c r="O347" s="73"/>
      <c r="P347" s="73"/>
      <c r="Q347" s="73"/>
    </row>
    <row r="348" spans="1:71" s="67" customFormat="1">
      <c r="A348" s="178"/>
      <c r="B348" s="68"/>
      <c r="C348" s="52"/>
      <c r="D348" s="52"/>
      <c r="E348" s="52"/>
      <c r="F348" s="52"/>
      <c r="G348" s="52"/>
      <c r="H348" s="75"/>
      <c r="I348" s="75"/>
      <c r="J348" s="71"/>
      <c r="K348" s="72"/>
      <c r="L348" s="73"/>
      <c r="M348" s="73"/>
      <c r="N348" s="73"/>
      <c r="O348" s="73"/>
      <c r="P348" s="73"/>
      <c r="Q348" s="73"/>
    </row>
    <row r="349" spans="1:71" s="3" customFormat="1">
      <c r="A349" s="178"/>
      <c r="B349" s="96"/>
      <c r="C349" s="135"/>
      <c r="D349" s="134"/>
      <c r="H349" s="214"/>
      <c r="I349" s="214"/>
      <c r="J349" s="51"/>
      <c r="K349" s="24"/>
      <c r="L349" s="86"/>
      <c r="M349" s="86"/>
      <c r="N349" s="86"/>
      <c r="O349" s="86"/>
      <c r="P349" s="86"/>
      <c r="Q349" s="86"/>
    </row>
    <row r="350" spans="1:71" s="3" customFormat="1">
      <c r="A350" s="178"/>
      <c r="B350" s="14" t="s">
        <v>341</v>
      </c>
      <c r="C350" s="85"/>
      <c r="D350" s="85"/>
      <c r="E350" s="85"/>
      <c r="F350" s="85"/>
      <c r="G350" s="85"/>
      <c r="H350" s="10"/>
      <c r="I350" s="10"/>
      <c r="J350" s="51"/>
      <c r="K350" s="24"/>
      <c r="L350" s="86"/>
      <c r="M350" s="86"/>
      <c r="N350" s="86"/>
      <c r="O350" s="86"/>
      <c r="P350" s="86"/>
      <c r="Q350" s="86"/>
    </row>
    <row r="351" spans="1:71">
      <c r="A351" s="178"/>
      <c r="B351" s="14"/>
      <c r="C351" s="14"/>
      <c r="D351" s="14"/>
      <c r="E351" s="14"/>
      <c r="F351" s="14"/>
      <c r="G351" s="14"/>
      <c r="H351" s="10"/>
      <c r="I351" s="10"/>
      <c r="L351" s="175"/>
      <c r="M351" s="175"/>
      <c r="N351" s="175"/>
      <c r="O351" s="175"/>
      <c r="P351" s="175"/>
      <c r="Q351" s="175"/>
      <c r="R351" s="8"/>
      <c r="S351" s="8"/>
      <c r="T351" s="8"/>
      <c r="U351" s="8"/>
      <c r="V351" s="8"/>
    </row>
    <row r="352" spans="1:71" s="240" customFormat="1" ht="34.5" customHeight="1">
      <c r="A352" s="207"/>
      <c r="B352" s="14"/>
      <c r="C352" s="3"/>
      <c r="D352" s="3"/>
      <c r="E352" s="3"/>
      <c r="F352" s="3"/>
      <c r="G352" s="3"/>
      <c r="H352" s="214"/>
      <c r="I352" s="214"/>
      <c r="J352" s="63" t="s">
        <v>81</v>
      </c>
      <c r="K352" s="136"/>
      <c r="L352" s="245" t="str">
        <f>IF(ISBLANK(L$9),"",L$9)</f>
        <v>4階病棟</v>
      </c>
      <c r="M352" s="249" t="str">
        <f t="shared" ref="M352:BS352" si="47">IF(ISBLANK(M$9),"",M$9)</f>
        <v>回復期リハビリテーション病棟</v>
      </c>
      <c r="N352" s="247" t="str">
        <f t="shared" si="47"/>
        <v>地域包括ケア病棟</v>
      </c>
      <c r="O352" s="247" t="str">
        <f t="shared" si="47"/>
        <v>地域包括ケア病棟サテライト</v>
      </c>
      <c r="P352" s="247" t="str">
        <f t="shared" si="47"/>
        <v>特殊疾患病棟</v>
      </c>
      <c r="Q352" s="247" t="str">
        <f t="shared" si="47"/>
        <v>療養病棟2階</v>
      </c>
      <c r="R352" s="247" t="str">
        <f t="shared" si="47"/>
        <v/>
      </c>
      <c r="S352" s="247" t="str">
        <f t="shared" si="47"/>
        <v/>
      </c>
      <c r="T352" s="247" t="str">
        <f t="shared" si="47"/>
        <v/>
      </c>
      <c r="U352" s="247" t="str">
        <f t="shared" si="47"/>
        <v/>
      </c>
      <c r="V352" s="247" t="str">
        <f t="shared" si="47"/>
        <v/>
      </c>
      <c r="W352" s="247" t="str">
        <f t="shared" si="47"/>
        <v/>
      </c>
      <c r="X352" s="247" t="str">
        <f t="shared" si="47"/>
        <v/>
      </c>
      <c r="Y352" s="247" t="str">
        <f t="shared" si="47"/>
        <v/>
      </c>
      <c r="Z352" s="247" t="str">
        <f t="shared" si="47"/>
        <v/>
      </c>
      <c r="AA352" s="247" t="str">
        <f t="shared" si="47"/>
        <v/>
      </c>
      <c r="AB352" s="247" t="str">
        <f t="shared" si="47"/>
        <v/>
      </c>
      <c r="AC352" s="247" t="str">
        <f t="shared" si="47"/>
        <v/>
      </c>
      <c r="AD352" s="247" t="str">
        <f t="shared" si="47"/>
        <v/>
      </c>
      <c r="AE352" s="247" t="str">
        <f t="shared" si="47"/>
        <v/>
      </c>
      <c r="AF352" s="247" t="str">
        <f t="shared" si="47"/>
        <v/>
      </c>
      <c r="AG352" s="247" t="str">
        <f t="shared" si="47"/>
        <v/>
      </c>
      <c r="AH352" s="247" t="str">
        <f t="shared" si="47"/>
        <v/>
      </c>
      <c r="AI352" s="247" t="str">
        <f t="shared" si="47"/>
        <v/>
      </c>
      <c r="AJ352" s="247" t="str">
        <f t="shared" si="47"/>
        <v/>
      </c>
      <c r="AK352" s="247" t="str">
        <f t="shared" si="47"/>
        <v/>
      </c>
      <c r="AL352" s="247" t="str">
        <f t="shared" si="47"/>
        <v/>
      </c>
      <c r="AM352" s="247" t="str">
        <f t="shared" si="47"/>
        <v/>
      </c>
      <c r="AN352" s="247" t="str">
        <f t="shared" si="47"/>
        <v/>
      </c>
      <c r="AO352" s="247" t="str">
        <f t="shared" si="47"/>
        <v/>
      </c>
      <c r="AP352" s="247" t="str">
        <f t="shared" si="47"/>
        <v/>
      </c>
      <c r="AQ352" s="247" t="str">
        <f t="shared" si="47"/>
        <v/>
      </c>
      <c r="AR352" s="247" t="str">
        <f t="shared" si="47"/>
        <v/>
      </c>
      <c r="AS352" s="247" t="str">
        <f t="shared" si="47"/>
        <v/>
      </c>
      <c r="AT352" s="247" t="str">
        <f t="shared" si="47"/>
        <v/>
      </c>
      <c r="AU352" s="247" t="str">
        <f t="shared" si="47"/>
        <v/>
      </c>
      <c r="AV352" s="247" t="str">
        <f t="shared" si="47"/>
        <v/>
      </c>
      <c r="AW352" s="247" t="str">
        <f t="shared" si="47"/>
        <v/>
      </c>
      <c r="AX352" s="247" t="str">
        <f t="shared" si="47"/>
        <v/>
      </c>
      <c r="AY352" s="247" t="str">
        <f t="shared" si="47"/>
        <v/>
      </c>
      <c r="AZ352" s="247" t="str">
        <f t="shared" si="47"/>
        <v/>
      </c>
      <c r="BA352" s="247" t="str">
        <f t="shared" si="47"/>
        <v/>
      </c>
      <c r="BB352" s="247" t="str">
        <f t="shared" si="47"/>
        <v/>
      </c>
      <c r="BC352" s="247" t="str">
        <f t="shared" si="47"/>
        <v/>
      </c>
      <c r="BD352" s="247" t="str">
        <f t="shared" si="47"/>
        <v/>
      </c>
      <c r="BE352" s="247" t="str">
        <f t="shared" si="47"/>
        <v/>
      </c>
      <c r="BF352" s="247" t="str">
        <f t="shared" si="47"/>
        <v/>
      </c>
      <c r="BG352" s="247" t="str">
        <f t="shared" si="47"/>
        <v/>
      </c>
      <c r="BH352" s="247" t="str">
        <f t="shared" si="47"/>
        <v/>
      </c>
      <c r="BI352" s="247" t="str">
        <f t="shared" si="47"/>
        <v/>
      </c>
      <c r="BJ352" s="247" t="str">
        <f t="shared" si="47"/>
        <v/>
      </c>
      <c r="BK352" s="247" t="str">
        <f t="shared" si="47"/>
        <v/>
      </c>
      <c r="BL352" s="247" t="str">
        <f t="shared" si="47"/>
        <v/>
      </c>
      <c r="BM352" s="247" t="str">
        <f t="shared" si="47"/>
        <v/>
      </c>
      <c r="BN352" s="247" t="str">
        <f t="shared" si="47"/>
        <v/>
      </c>
      <c r="BO352" s="247" t="str">
        <f t="shared" si="47"/>
        <v/>
      </c>
      <c r="BP352" s="247" t="str">
        <f t="shared" si="47"/>
        <v/>
      </c>
      <c r="BQ352" s="247" t="str">
        <f t="shared" si="47"/>
        <v/>
      </c>
      <c r="BR352" s="247" t="str">
        <f t="shared" si="47"/>
        <v/>
      </c>
      <c r="BS352" s="247" t="str">
        <f t="shared" si="47"/>
        <v/>
      </c>
    </row>
    <row r="353" spans="1:71" s="240" customFormat="1" ht="20.25" customHeight="1">
      <c r="A353" s="181" t="s">
        <v>140</v>
      </c>
      <c r="B353" s="1"/>
      <c r="C353" s="52"/>
      <c r="D353" s="3"/>
      <c r="E353" s="3"/>
      <c r="F353" s="3"/>
      <c r="G353" s="3"/>
      <c r="H353" s="214"/>
      <c r="I353" s="56" t="s">
        <v>82</v>
      </c>
      <c r="J353" s="57"/>
      <c r="K353" s="137"/>
      <c r="L353" s="59" t="str">
        <f>IF(ISBLANK(L$95),"",L$95)</f>
        <v>急性期</v>
      </c>
      <c r="M353" s="250" t="str">
        <f t="shared" ref="M353:BS353" si="48">IF(ISBLANK(M$95),"",M$95)</f>
        <v>回復期</v>
      </c>
      <c r="N353" s="59" t="str">
        <f t="shared" si="48"/>
        <v>回復期</v>
      </c>
      <c r="O353" s="59" t="str">
        <f t="shared" si="48"/>
        <v>休棟中（今後廃止する予定）</v>
      </c>
      <c r="P353" s="59" t="str">
        <f t="shared" si="48"/>
        <v>慢性期</v>
      </c>
      <c r="Q353" s="59" t="str">
        <f t="shared" si="48"/>
        <v>慢性期</v>
      </c>
      <c r="R353" s="59" t="str">
        <f t="shared" si="48"/>
        <v/>
      </c>
      <c r="S353" s="59" t="str">
        <f t="shared" si="48"/>
        <v/>
      </c>
      <c r="T353" s="59" t="str">
        <f t="shared" si="48"/>
        <v/>
      </c>
      <c r="U353" s="59" t="str">
        <f t="shared" si="48"/>
        <v/>
      </c>
      <c r="V353" s="59" t="str">
        <f t="shared" si="48"/>
        <v/>
      </c>
      <c r="W353" s="59" t="str">
        <f t="shared" si="48"/>
        <v/>
      </c>
      <c r="X353" s="59" t="str">
        <f t="shared" si="48"/>
        <v/>
      </c>
      <c r="Y353" s="59" t="str">
        <f t="shared" si="48"/>
        <v/>
      </c>
      <c r="Z353" s="59" t="str">
        <f t="shared" si="48"/>
        <v/>
      </c>
      <c r="AA353" s="59" t="str">
        <f t="shared" si="48"/>
        <v/>
      </c>
      <c r="AB353" s="59" t="str">
        <f t="shared" si="48"/>
        <v/>
      </c>
      <c r="AC353" s="59" t="str">
        <f t="shared" si="48"/>
        <v/>
      </c>
      <c r="AD353" s="59" t="str">
        <f t="shared" si="48"/>
        <v/>
      </c>
      <c r="AE353" s="59" t="str">
        <f t="shared" si="48"/>
        <v/>
      </c>
      <c r="AF353" s="59" t="str">
        <f t="shared" si="48"/>
        <v/>
      </c>
      <c r="AG353" s="59" t="str">
        <f t="shared" si="48"/>
        <v/>
      </c>
      <c r="AH353" s="59" t="str">
        <f t="shared" si="48"/>
        <v/>
      </c>
      <c r="AI353" s="59" t="str">
        <f t="shared" si="48"/>
        <v/>
      </c>
      <c r="AJ353" s="59" t="str">
        <f t="shared" si="48"/>
        <v/>
      </c>
      <c r="AK353" s="59" t="str">
        <f t="shared" si="48"/>
        <v/>
      </c>
      <c r="AL353" s="59" t="str">
        <f t="shared" si="48"/>
        <v/>
      </c>
      <c r="AM353" s="59" t="str">
        <f t="shared" si="48"/>
        <v/>
      </c>
      <c r="AN353" s="59" t="str">
        <f t="shared" si="48"/>
        <v/>
      </c>
      <c r="AO353" s="59" t="str">
        <f t="shared" si="48"/>
        <v/>
      </c>
      <c r="AP353" s="59" t="str">
        <f t="shared" si="48"/>
        <v/>
      </c>
      <c r="AQ353" s="59" t="str">
        <f t="shared" si="48"/>
        <v/>
      </c>
      <c r="AR353" s="59" t="str">
        <f t="shared" si="48"/>
        <v/>
      </c>
      <c r="AS353" s="59" t="str">
        <f t="shared" si="48"/>
        <v/>
      </c>
      <c r="AT353" s="59" t="str">
        <f t="shared" si="48"/>
        <v/>
      </c>
      <c r="AU353" s="59" t="str">
        <f t="shared" si="48"/>
        <v/>
      </c>
      <c r="AV353" s="59" t="str">
        <f t="shared" si="48"/>
        <v/>
      </c>
      <c r="AW353" s="59" t="str">
        <f t="shared" si="48"/>
        <v/>
      </c>
      <c r="AX353" s="59" t="str">
        <f t="shared" si="48"/>
        <v/>
      </c>
      <c r="AY353" s="59" t="str">
        <f t="shared" si="48"/>
        <v/>
      </c>
      <c r="AZ353" s="59" t="str">
        <f t="shared" si="48"/>
        <v/>
      </c>
      <c r="BA353" s="59" t="str">
        <f t="shared" si="48"/>
        <v/>
      </c>
      <c r="BB353" s="59" t="str">
        <f t="shared" si="48"/>
        <v/>
      </c>
      <c r="BC353" s="59" t="str">
        <f t="shared" si="48"/>
        <v/>
      </c>
      <c r="BD353" s="59" t="str">
        <f t="shared" si="48"/>
        <v/>
      </c>
      <c r="BE353" s="59" t="str">
        <f t="shared" si="48"/>
        <v/>
      </c>
      <c r="BF353" s="59" t="str">
        <f t="shared" si="48"/>
        <v/>
      </c>
      <c r="BG353" s="59" t="str">
        <f t="shared" si="48"/>
        <v/>
      </c>
      <c r="BH353" s="59" t="str">
        <f t="shared" si="48"/>
        <v/>
      </c>
      <c r="BI353" s="59" t="str">
        <f t="shared" si="48"/>
        <v/>
      </c>
      <c r="BJ353" s="59" t="str">
        <f t="shared" si="48"/>
        <v/>
      </c>
      <c r="BK353" s="59" t="str">
        <f t="shared" si="48"/>
        <v/>
      </c>
      <c r="BL353" s="59" t="str">
        <f t="shared" si="48"/>
        <v/>
      </c>
      <c r="BM353" s="59" t="str">
        <f t="shared" si="48"/>
        <v/>
      </c>
      <c r="BN353" s="59" t="str">
        <f t="shared" si="48"/>
        <v/>
      </c>
      <c r="BO353" s="59" t="str">
        <f t="shared" si="48"/>
        <v/>
      </c>
      <c r="BP353" s="59" t="str">
        <f t="shared" si="48"/>
        <v/>
      </c>
      <c r="BQ353" s="59" t="str">
        <f t="shared" si="48"/>
        <v/>
      </c>
      <c r="BR353" s="59" t="str">
        <f t="shared" si="48"/>
        <v/>
      </c>
      <c r="BS353" s="59" t="str">
        <f t="shared" si="48"/>
        <v/>
      </c>
    </row>
    <row r="354" spans="1:71" s="67" customFormat="1" ht="34.5" customHeight="1">
      <c r="A354" s="185" t="s">
        <v>342</v>
      </c>
      <c r="B354" s="96"/>
      <c r="C354" s="289" t="s">
        <v>343</v>
      </c>
      <c r="D354" s="295"/>
      <c r="E354" s="295"/>
      <c r="F354" s="295"/>
      <c r="G354" s="295"/>
      <c r="H354" s="290"/>
      <c r="I354" s="316" t="s">
        <v>344</v>
      </c>
      <c r="J354" s="143">
        <f>IF(SUM(L354:BS354)=0,IF(COUNTIF(L354:BS354,"未確認")&gt;0,"未確認",IF(COUNTIF(L354:BS354,"~*")&gt;0,"*",SUM(L354:BS354))),SUM(L354:BS354))</f>
        <v>1483</v>
      </c>
      <c r="K354" s="144" t="str">
        <f>IF(OR(COUNTIF(L354:BS354,"未確認")&gt;0,COUNTIF(L354:BS354,"~*")&gt;0),"※","")</f>
        <v/>
      </c>
      <c r="L354" s="108">
        <v>621</v>
      </c>
      <c r="M354" s="255">
        <v>174</v>
      </c>
      <c r="N354" s="255">
        <v>514</v>
      </c>
      <c r="O354" s="255">
        <v>133</v>
      </c>
      <c r="P354" s="255">
        <v>31</v>
      </c>
      <c r="Q354" s="255">
        <v>10</v>
      </c>
      <c r="R354" s="255"/>
      <c r="S354" s="255"/>
      <c r="T354" s="255"/>
      <c r="U354" s="255"/>
      <c r="V354" s="255"/>
      <c r="W354" s="255"/>
      <c r="X354" s="255"/>
      <c r="Y354" s="255"/>
      <c r="Z354" s="255"/>
      <c r="AA354" s="255"/>
      <c r="AB354" s="255"/>
      <c r="AC354" s="255"/>
      <c r="AD354" s="255"/>
      <c r="AE354" s="255"/>
      <c r="AF354" s="255"/>
      <c r="AG354" s="255"/>
      <c r="AH354" s="255"/>
      <c r="AI354" s="255"/>
      <c r="AJ354" s="255"/>
      <c r="AK354" s="255"/>
      <c r="AL354" s="255"/>
      <c r="AM354" s="255"/>
      <c r="AN354" s="255"/>
      <c r="AO354" s="255"/>
      <c r="AP354" s="255"/>
      <c r="AQ354" s="255"/>
      <c r="AR354" s="255"/>
      <c r="AS354" s="255"/>
      <c r="AT354" s="255"/>
      <c r="AU354" s="255"/>
      <c r="AV354" s="255"/>
      <c r="AW354" s="255"/>
      <c r="AX354" s="255"/>
      <c r="AY354" s="255"/>
      <c r="AZ354" s="255"/>
      <c r="BA354" s="255"/>
      <c r="BB354" s="255"/>
      <c r="BC354" s="255"/>
      <c r="BD354" s="255"/>
      <c r="BE354" s="255"/>
      <c r="BF354" s="255"/>
      <c r="BG354" s="255"/>
      <c r="BH354" s="255"/>
      <c r="BI354" s="255"/>
      <c r="BJ354" s="255"/>
      <c r="BK354" s="255"/>
      <c r="BL354" s="255"/>
      <c r="BM354" s="255"/>
      <c r="BN354" s="255"/>
      <c r="BO354" s="255"/>
      <c r="BP354" s="255"/>
      <c r="BQ354" s="255"/>
      <c r="BR354" s="255"/>
      <c r="BS354" s="255"/>
    </row>
    <row r="355" spans="1:71" s="67" customFormat="1" ht="34.5" customHeight="1">
      <c r="A355" s="184" t="s">
        <v>345</v>
      </c>
      <c r="B355" s="96"/>
      <c r="C355" s="139"/>
      <c r="D355" s="140"/>
      <c r="E355" s="370" t="s">
        <v>346</v>
      </c>
      <c r="F355" s="371"/>
      <c r="G355" s="371"/>
      <c r="H355" s="372"/>
      <c r="I355" s="341"/>
      <c r="J355" s="143">
        <f>IF(SUM(L355:BS355)=0,IF(COUNTIF(L355:BS355,"未確認")&gt;0,"未確認",IF(COUNTIF(L355:BS355,"~*")&gt;0,"*",SUM(L355:BS355))),SUM(L355:BS355))</f>
        <v>1427</v>
      </c>
      <c r="K355" s="144" t="str">
        <f>IF(OR(COUNTIF(L355:BS355,"未確認")&gt;0,COUNTIF(L355:BS355,"~*")&gt;0),"※","")</f>
        <v/>
      </c>
      <c r="L355" s="108">
        <v>586</v>
      </c>
      <c r="M355" s="255">
        <v>171</v>
      </c>
      <c r="N355" s="255">
        <v>498</v>
      </c>
      <c r="O355" s="255">
        <v>133</v>
      </c>
      <c r="P355" s="255">
        <v>29</v>
      </c>
      <c r="Q355" s="255">
        <v>10</v>
      </c>
      <c r="R355" s="255"/>
      <c r="S355" s="255"/>
      <c r="T355" s="255"/>
      <c r="U355" s="255"/>
      <c r="V355" s="255"/>
      <c r="W355" s="255"/>
      <c r="X355" s="255"/>
      <c r="Y355" s="255"/>
      <c r="Z355" s="255"/>
      <c r="AA355" s="255"/>
      <c r="AB355" s="255"/>
      <c r="AC355" s="255"/>
      <c r="AD355" s="255"/>
      <c r="AE355" s="255"/>
      <c r="AF355" s="255"/>
      <c r="AG355" s="255"/>
      <c r="AH355" s="255"/>
      <c r="AI355" s="255"/>
      <c r="AJ355" s="255"/>
      <c r="AK355" s="255"/>
      <c r="AL355" s="255"/>
      <c r="AM355" s="255"/>
      <c r="AN355" s="255"/>
      <c r="AO355" s="255"/>
      <c r="AP355" s="255"/>
      <c r="AQ355" s="255"/>
      <c r="AR355" s="255"/>
      <c r="AS355" s="255"/>
      <c r="AT355" s="255"/>
      <c r="AU355" s="255"/>
      <c r="AV355" s="255"/>
      <c r="AW355" s="255"/>
      <c r="AX355" s="255"/>
      <c r="AY355" s="255"/>
      <c r="AZ355" s="255"/>
      <c r="BA355" s="255"/>
      <c r="BB355" s="255"/>
      <c r="BC355" s="255"/>
      <c r="BD355" s="255"/>
      <c r="BE355" s="255"/>
      <c r="BF355" s="255"/>
      <c r="BG355" s="255"/>
      <c r="BH355" s="255"/>
      <c r="BI355" s="255"/>
      <c r="BJ355" s="255"/>
      <c r="BK355" s="255"/>
      <c r="BL355" s="255"/>
      <c r="BM355" s="255"/>
      <c r="BN355" s="255"/>
      <c r="BO355" s="255"/>
      <c r="BP355" s="255"/>
      <c r="BQ355" s="255"/>
      <c r="BR355" s="255"/>
      <c r="BS355" s="255"/>
    </row>
    <row r="356" spans="1:71" s="67" customFormat="1" ht="34.5" customHeight="1">
      <c r="A356" s="184" t="s">
        <v>347</v>
      </c>
      <c r="B356" s="96"/>
      <c r="C356" s="139"/>
      <c r="D356" s="140"/>
      <c r="E356" s="370" t="s">
        <v>348</v>
      </c>
      <c r="F356" s="371"/>
      <c r="G356" s="371"/>
      <c r="H356" s="372"/>
      <c r="I356" s="341"/>
      <c r="J356" s="143">
        <f>IF(SUM(L356:BS356)=0,IF(COUNTIF(L356:BS356,"未確認")&gt;0,"未確認",IF(COUNTIF(L356:BS356,"~*")&gt;0,"*",SUM(L356:BS356))),SUM(L356:BS356))</f>
        <v>0</v>
      </c>
      <c r="K356" s="144" t="str">
        <f>IF(OR(COUNTIF(L356:BS356,"未確認")&gt;0,COUNTIF(L356:BS356,"~*")&gt;0),"※","")</f>
        <v/>
      </c>
      <c r="L356" s="108">
        <v>0</v>
      </c>
      <c r="M356" s="255">
        <v>0</v>
      </c>
      <c r="N356" s="255">
        <v>0</v>
      </c>
      <c r="O356" s="255">
        <v>0</v>
      </c>
      <c r="P356" s="255">
        <v>0</v>
      </c>
      <c r="Q356" s="255">
        <v>0</v>
      </c>
      <c r="R356" s="255"/>
      <c r="S356" s="255"/>
      <c r="T356" s="255"/>
      <c r="U356" s="255"/>
      <c r="V356" s="255"/>
      <c r="W356" s="255"/>
      <c r="X356" s="255"/>
      <c r="Y356" s="255"/>
      <c r="Z356" s="255"/>
      <c r="AA356" s="255"/>
      <c r="AB356" s="255"/>
      <c r="AC356" s="255"/>
      <c r="AD356" s="255"/>
      <c r="AE356" s="255"/>
      <c r="AF356" s="255"/>
      <c r="AG356" s="255"/>
      <c r="AH356" s="255"/>
      <c r="AI356" s="255"/>
      <c r="AJ356" s="255"/>
      <c r="AK356" s="255"/>
      <c r="AL356" s="255"/>
      <c r="AM356" s="255"/>
      <c r="AN356" s="255"/>
      <c r="AO356" s="255"/>
      <c r="AP356" s="255"/>
      <c r="AQ356" s="255"/>
      <c r="AR356" s="255"/>
      <c r="AS356" s="255"/>
      <c r="AT356" s="255"/>
      <c r="AU356" s="255"/>
      <c r="AV356" s="255"/>
      <c r="AW356" s="255"/>
      <c r="AX356" s="255"/>
      <c r="AY356" s="255"/>
      <c r="AZ356" s="255"/>
      <c r="BA356" s="255"/>
      <c r="BB356" s="255"/>
      <c r="BC356" s="255"/>
      <c r="BD356" s="255"/>
      <c r="BE356" s="255"/>
      <c r="BF356" s="255"/>
      <c r="BG356" s="255"/>
      <c r="BH356" s="255"/>
      <c r="BI356" s="255"/>
      <c r="BJ356" s="255"/>
      <c r="BK356" s="255"/>
      <c r="BL356" s="255"/>
      <c r="BM356" s="255"/>
      <c r="BN356" s="255"/>
      <c r="BO356" s="255"/>
      <c r="BP356" s="255"/>
      <c r="BQ356" s="255"/>
      <c r="BR356" s="255"/>
      <c r="BS356" s="255"/>
    </row>
    <row r="357" spans="1:71" s="67" customFormat="1" ht="34.5" customHeight="1">
      <c r="A357" s="184" t="s">
        <v>349</v>
      </c>
      <c r="B357" s="96"/>
      <c r="C357" s="139"/>
      <c r="D357" s="140"/>
      <c r="E357" s="370" t="s">
        <v>350</v>
      </c>
      <c r="F357" s="371"/>
      <c r="G357" s="371"/>
      <c r="H357" s="372"/>
      <c r="I357" s="341"/>
      <c r="J357" s="143">
        <f>IF(SUM(L357:BS357)=0,IF(COUNTIF(L357:BS357,"未確認")&gt;0,"未確認",IF(COUNTIF(L357:BS357,"~*")&gt;0,"*",SUM(L357:BS357))),SUM(L357:BS357))</f>
        <v>53</v>
      </c>
      <c r="K357" s="144" t="str">
        <f>IF(OR(COUNTIF(L357:BS357,"未確認")&gt;0,COUNTIF(L357:BS357,"~*")&gt;0),"※","")</f>
        <v/>
      </c>
      <c r="L357" s="108">
        <v>34</v>
      </c>
      <c r="M357" s="255">
        <v>3</v>
      </c>
      <c r="N357" s="255">
        <v>14</v>
      </c>
      <c r="O357" s="255">
        <v>0</v>
      </c>
      <c r="P357" s="255">
        <v>2</v>
      </c>
      <c r="Q357" s="255">
        <v>0</v>
      </c>
      <c r="R357" s="255"/>
      <c r="S357" s="255"/>
      <c r="T357" s="255"/>
      <c r="U357" s="255"/>
      <c r="V357" s="255"/>
      <c r="W357" s="255"/>
      <c r="X357" s="255"/>
      <c r="Y357" s="255"/>
      <c r="Z357" s="255"/>
      <c r="AA357" s="255"/>
      <c r="AB357" s="255"/>
      <c r="AC357" s="255"/>
      <c r="AD357" s="255"/>
      <c r="AE357" s="255"/>
      <c r="AF357" s="255"/>
      <c r="AG357" s="255"/>
      <c r="AH357" s="255"/>
      <c r="AI357" s="255"/>
      <c r="AJ357" s="255"/>
      <c r="AK357" s="255"/>
      <c r="AL357" s="255"/>
      <c r="AM357" s="255"/>
      <c r="AN357" s="255"/>
      <c r="AO357" s="255"/>
      <c r="AP357" s="255"/>
      <c r="AQ357" s="255"/>
      <c r="AR357" s="255"/>
      <c r="AS357" s="255"/>
      <c r="AT357" s="255"/>
      <c r="AU357" s="255"/>
      <c r="AV357" s="255"/>
      <c r="AW357" s="255"/>
      <c r="AX357" s="255"/>
      <c r="AY357" s="255"/>
      <c r="AZ357" s="255"/>
      <c r="BA357" s="255"/>
      <c r="BB357" s="255"/>
      <c r="BC357" s="255"/>
      <c r="BD357" s="255"/>
      <c r="BE357" s="255"/>
      <c r="BF357" s="255"/>
      <c r="BG357" s="255"/>
      <c r="BH357" s="255"/>
      <c r="BI357" s="255"/>
      <c r="BJ357" s="255"/>
      <c r="BK357" s="255"/>
      <c r="BL357" s="255"/>
      <c r="BM357" s="255"/>
      <c r="BN357" s="255"/>
      <c r="BO357" s="255"/>
      <c r="BP357" s="255"/>
      <c r="BQ357" s="255"/>
      <c r="BR357" s="255"/>
      <c r="BS357" s="255"/>
    </row>
    <row r="358" spans="1:71" s="67" customFormat="1" ht="34.5" customHeight="1">
      <c r="A358" s="185" t="s">
        <v>351</v>
      </c>
      <c r="B358" s="1"/>
      <c r="C358" s="141"/>
      <c r="D358" s="142"/>
      <c r="E358" s="370" t="s">
        <v>352</v>
      </c>
      <c r="F358" s="371"/>
      <c r="G358" s="371"/>
      <c r="H358" s="372"/>
      <c r="I358" s="342"/>
      <c r="J358" s="143">
        <f>IF(SUM(L358:BS358)=0,IF(COUNTIF(L358:BS358,"未確認")&gt;0,"未確認",IF(COUNTIF(L358:BS358,"~*")&gt;0,"*",SUM(L358:BS358))),SUM(L358:BS358))</f>
        <v>3</v>
      </c>
      <c r="K358" s="144" t="str">
        <f>IF(OR(COUNTIF(L358:BS358,"未確認")&gt;0,COUNTIF(L358:BS358,"~*")&gt;0),"※","")</f>
        <v/>
      </c>
      <c r="L358" s="108">
        <v>1</v>
      </c>
      <c r="M358" s="255">
        <v>0</v>
      </c>
      <c r="N358" s="255">
        <v>2</v>
      </c>
      <c r="O358" s="255">
        <v>0</v>
      </c>
      <c r="P358" s="255">
        <v>0</v>
      </c>
      <c r="Q358" s="255">
        <v>0</v>
      </c>
      <c r="R358" s="255"/>
      <c r="S358" s="255"/>
      <c r="T358" s="255"/>
      <c r="U358" s="255"/>
      <c r="V358" s="255"/>
      <c r="W358" s="255"/>
      <c r="X358" s="255"/>
      <c r="Y358" s="255"/>
      <c r="Z358" s="255"/>
      <c r="AA358" s="255"/>
      <c r="AB358" s="255"/>
      <c r="AC358" s="255"/>
      <c r="AD358" s="255"/>
      <c r="AE358" s="255"/>
      <c r="AF358" s="255"/>
      <c r="AG358" s="255"/>
      <c r="AH358" s="255"/>
      <c r="AI358" s="255"/>
      <c r="AJ358" s="255"/>
      <c r="AK358" s="255"/>
      <c r="AL358" s="255"/>
      <c r="AM358" s="255"/>
      <c r="AN358" s="255"/>
      <c r="AO358" s="255"/>
      <c r="AP358" s="255"/>
      <c r="AQ358" s="255"/>
      <c r="AR358" s="255"/>
      <c r="AS358" s="255"/>
      <c r="AT358" s="255"/>
      <c r="AU358" s="255"/>
      <c r="AV358" s="255"/>
      <c r="AW358" s="255"/>
      <c r="AX358" s="255"/>
      <c r="AY358" s="255"/>
      <c r="AZ358" s="255"/>
      <c r="BA358" s="255"/>
      <c r="BB358" s="255"/>
      <c r="BC358" s="255"/>
      <c r="BD358" s="255"/>
      <c r="BE358" s="255"/>
      <c r="BF358" s="255"/>
      <c r="BG358" s="255"/>
      <c r="BH358" s="255"/>
      <c r="BI358" s="255"/>
      <c r="BJ358" s="255"/>
      <c r="BK358" s="255"/>
      <c r="BL358" s="255"/>
      <c r="BM358" s="255"/>
      <c r="BN358" s="255"/>
      <c r="BO358" s="255"/>
      <c r="BP358" s="255"/>
      <c r="BQ358" s="255"/>
      <c r="BR358" s="255"/>
      <c r="BS358" s="255"/>
    </row>
    <row r="359" spans="1:71" s="74" customFormat="1">
      <c r="A359" s="178"/>
      <c r="B359" s="14"/>
      <c r="C359" s="176"/>
      <c r="D359" s="14"/>
      <c r="I359" s="10"/>
      <c r="J359" s="71"/>
      <c r="K359" s="72"/>
      <c r="L359" s="73"/>
      <c r="M359" s="73"/>
      <c r="N359" s="73"/>
      <c r="O359" s="73"/>
      <c r="P359" s="73"/>
      <c r="Q359" s="73"/>
    </row>
    <row r="360" spans="1:71" s="67" customFormat="1">
      <c r="A360" s="178"/>
      <c r="B360" s="68"/>
      <c r="C360" s="52"/>
      <c r="D360" s="52"/>
      <c r="E360" s="52"/>
      <c r="F360" s="52"/>
      <c r="G360" s="52"/>
      <c r="H360" s="75"/>
      <c r="I360" s="75"/>
      <c r="J360" s="71"/>
      <c r="K360" s="72"/>
      <c r="L360" s="73"/>
      <c r="M360" s="73"/>
      <c r="N360" s="73"/>
      <c r="O360" s="73"/>
      <c r="P360" s="73"/>
      <c r="Q360" s="73"/>
    </row>
    <row r="361" spans="1:71" s="74" customFormat="1">
      <c r="A361" s="178"/>
      <c r="B361" s="1"/>
      <c r="C361" s="145"/>
      <c r="D361" s="3"/>
      <c r="E361" s="3"/>
      <c r="F361" s="3"/>
      <c r="G361" s="3"/>
      <c r="H361" s="146"/>
      <c r="I361" s="146"/>
      <c r="J361" s="51"/>
      <c r="K361" s="24"/>
      <c r="L361" s="86"/>
      <c r="M361" s="86"/>
      <c r="N361" s="86"/>
      <c r="O361" s="86"/>
      <c r="P361" s="86"/>
      <c r="Q361" s="86"/>
    </row>
    <row r="362" spans="1:71" s="3" customFormat="1">
      <c r="A362" s="178"/>
      <c r="B362" s="14" t="s">
        <v>353</v>
      </c>
      <c r="C362" s="85"/>
      <c r="D362" s="85"/>
      <c r="E362" s="85"/>
      <c r="F362" s="85"/>
      <c r="G362" s="85"/>
      <c r="H362" s="10"/>
      <c r="I362" s="10"/>
      <c r="J362" s="51"/>
      <c r="K362" s="24"/>
      <c r="L362" s="86"/>
      <c r="M362" s="86"/>
      <c r="N362" s="86"/>
      <c r="O362" s="86"/>
      <c r="P362" s="86"/>
      <c r="Q362" s="86"/>
    </row>
    <row r="363" spans="1:71" s="74" customFormat="1">
      <c r="A363" s="178"/>
      <c r="B363" s="96" t="s">
        <v>354</v>
      </c>
      <c r="C363" s="3"/>
      <c r="D363" s="3"/>
      <c r="E363" s="3"/>
      <c r="F363" s="3"/>
      <c r="G363" s="3"/>
      <c r="H363" s="214"/>
      <c r="I363" s="214"/>
      <c r="J363" s="51"/>
      <c r="K363" s="24"/>
      <c r="L363" s="86"/>
      <c r="M363" s="86"/>
      <c r="N363" s="86"/>
      <c r="O363" s="86"/>
      <c r="P363" s="86"/>
      <c r="Q363" s="86"/>
    </row>
    <row r="364" spans="1:71">
      <c r="A364" s="178"/>
      <c r="B364" s="14"/>
      <c r="C364" s="14"/>
      <c r="D364" s="14"/>
      <c r="E364" s="14"/>
      <c r="F364" s="14"/>
      <c r="G364" s="14"/>
      <c r="H364" s="10"/>
      <c r="I364" s="10"/>
      <c r="L364" s="175"/>
      <c r="M364" s="175"/>
      <c r="N364" s="175"/>
      <c r="O364" s="175"/>
      <c r="P364" s="175"/>
      <c r="Q364" s="175"/>
      <c r="R364" s="8"/>
      <c r="S364" s="8"/>
      <c r="T364" s="8"/>
      <c r="U364" s="8"/>
      <c r="V364" s="8"/>
    </row>
    <row r="365" spans="1:71" s="240" customFormat="1" ht="34.5" customHeight="1">
      <c r="A365" s="178"/>
      <c r="B365" s="14"/>
      <c r="C365" s="3"/>
      <c r="D365" s="3"/>
      <c r="E365" s="3"/>
      <c r="F365" s="3"/>
      <c r="G365" s="3"/>
      <c r="H365" s="214"/>
      <c r="I365" s="214"/>
      <c r="J365" s="63" t="s">
        <v>81</v>
      </c>
      <c r="K365" s="136"/>
      <c r="L365" s="245" t="str">
        <f>IF(ISBLANK(L$9),"",L$9)</f>
        <v>4階病棟</v>
      </c>
      <c r="M365" s="249" t="str">
        <f t="shared" ref="M365:AP365" si="49">IF(ISBLANK(M$9),"",M$9)</f>
        <v>回復期リハビリテーション病棟</v>
      </c>
      <c r="N365" s="247" t="str">
        <f t="shared" si="49"/>
        <v>地域包括ケア病棟</v>
      </c>
      <c r="O365" s="247" t="str">
        <f t="shared" si="49"/>
        <v>地域包括ケア病棟サテライト</v>
      </c>
      <c r="P365" s="247" t="str">
        <f t="shared" si="49"/>
        <v>特殊疾患病棟</v>
      </c>
      <c r="Q365" s="247" t="str">
        <f t="shared" si="49"/>
        <v>療養病棟2階</v>
      </c>
      <c r="R365" s="247" t="str">
        <f t="shared" si="49"/>
        <v/>
      </c>
      <c r="S365" s="247" t="str">
        <f t="shared" si="49"/>
        <v/>
      </c>
      <c r="T365" s="247" t="str">
        <f t="shared" si="49"/>
        <v/>
      </c>
      <c r="U365" s="247" t="str">
        <f t="shared" si="49"/>
        <v/>
      </c>
      <c r="V365" s="247" t="str">
        <f t="shared" si="49"/>
        <v/>
      </c>
      <c r="W365" s="247" t="str">
        <f t="shared" si="49"/>
        <v/>
      </c>
      <c r="X365" s="247" t="str">
        <f t="shared" si="49"/>
        <v/>
      </c>
      <c r="Y365" s="247" t="str">
        <f t="shared" si="49"/>
        <v/>
      </c>
      <c r="Z365" s="247" t="str">
        <f t="shared" si="49"/>
        <v/>
      </c>
      <c r="AA365" s="247" t="str">
        <f t="shared" si="49"/>
        <v/>
      </c>
      <c r="AB365" s="247" t="str">
        <f t="shared" si="49"/>
        <v/>
      </c>
      <c r="AC365" s="247" t="str">
        <f t="shared" si="49"/>
        <v/>
      </c>
      <c r="AD365" s="247" t="str">
        <f t="shared" si="49"/>
        <v/>
      </c>
      <c r="AE365" s="247" t="str">
        <f t="shared" si="49"/>
        <v/>
      </c>
      <c r="AF365" s="247" t="str">
        <f t="shared" si="49"/>
        <v/>
      </c>
      <c r="AG365" s="247" t="str">
        <f t="shared" si="49"/>
        <v/>
      </c>
      <c r="AH365" s="247" t="str">
        <f t="shared" si="49"/>
        <v/>
      </c>
      <c r="AI365" s="247" t="str">
        <f t="shared" si="49"/>
        <v/>
      </c>
      <c r="AJ365" s="247" t="str">
        <f t="shared" si="49"/>
        <v/>
      </c>
      <c r="AK365" s="247" t="str">
        <f t="shared" si="49"/>
        <v/>
      </c>
      <c r="AL365" s="247" t="str">
        <f t="shared" si="49"/>
        <v/>
      </c>
      <c r="AM365" s="247" t="str">
        <f t="shared" si="49"/>
        <v/>
      </c>
      <c r="AN365" s="247" t="str">
        <f t="shared" si="49"/>
        <v/>
      </c>
      <c r="AO365" s="247" t="str">
        <f t="shared" si="49"/>
        <v/>
      </c>
      <c r="AP365" s="247" t="str">
        <f t="shared" si="49"/>
        <v/>
      </c>
      <c r="AQ365" s="247" t="str">
        <f t="shared" ref="AQ365:BS365" si="50">IF(ISBLANK(AQ$9),"",AQ$9)</f>
        <v/>
      </c>
      <c r="AR365" s="247" t="str">
        <f t="shared" si="50"/>
        <v/>
      </c>
      <c r="AS365" s="247" t="str">
        <f t="shared" si="50"/>
        <v/>
      </c>
      <c r="AT365" s="247" t="str">
        <f t="shared" si="50"/>
        <v/>
      </c>
      <c r="AU365" s="247" t="str">
        <f t="shared" si="50"/>
        <v/>
      </c>
      <c r="AV365" s="247" t="str">
        <f t="shared" si="50"/>
        <v/>
      </c>
      <c r="AW365" s="247" t="str">
        <f t="shared" si="50"/>
        <v/>
      </c>
      <c r="AX365" s="247" t="str">
        <f t="shared" si="50"/>
        <v/>
      </c>
      <c r="AY365" s="247" t="str">
        <f t="shared" si="50"/>
        <v/>
      </c>
      <c r="AZ365" s="247" t="str">
        <f t="shared" si="50"/>
        <v/>
      </c>
      <c r="BA365" s="247" t="str">
        <f t="shared" si="50"/>
        <v/>
      </c>
      <c r="BB365" s="247" t="str">
        <f t="shared" si="50"/>
        <v/>
      </c>
      <c r="BC365" s="247" t="str">
        <f t="shared" si="50"/>
        <v/>
      </c>
      <c r="BD365" s="247" t="str">
        <f t="shared" si="50"/>
        <v/>
      </c>
      <c r="BE365" s="247" t="str">
        <f t="shared" si="50"/>
        <v/>
      </c>
      <c r="BF365" s="247" t="str">
        <f t="shared" si="50"/>
        <v/>
      </c>
      <c r="BG365" s="247" t="str">
        <f t="shared" si="50"/>
        <v/>
      </c>
      <c r="BH365" s="247" t="str">
        <f t="shared" si="50"/>
        <v/>
      </c>
      <c r="BI365" s="247" t="str">
        <f t="shared" si="50"/>
        <v/>
      </c>
      <c r="BJ365" s="247" t="str">
        <f t="shared" si="50"/>
        <v/>
      </c>
      <c r="BK365" s="247" t="str">
        <f t="shared" si="50"/>
        <v/>
      </c>
      <c r="BL365" s="247" t="str">
        <f t="shared" si="50"/>
        <v/>
      </c>
      <c r="BM365" s="247" t="str">
        <f t="shared" si="50"/>
        <v/>
      </c>
      <c r="BN365" s="247" t="str">
        <f t="shared" si="50"/>
        <v/>
      </c>
      <c r="BO365" s="247" t="str">
        <f t="shared" si="50"/>
        <v/>
      </c>
      <c r="BP365" s="247" t="str">
        <f t="shared" si="50"/>
        <v/>
      </c>
      <c r="BQ365" s="247" t="str">
        <f t="shared" si="50"/>
        <v/>
      </c>
      <c r="BR365" s="247" t="str">
        <f t="shared" si="50"/>
        <v/>
      </c>
      <c r="BS365" s="247" t="str">
        <f t="shared" si="50"/>
        <v/>
      </c>
    </row>
    <row r="366" spans="1:71" s="240" customFormat="1" ht="20.25" customHeight="1">
      <c r="A366" s="178"/>
      <c r="B366" s="1"/>
      <c r="C366" s="3"/>
      <c r="D366" s="3"/>
      <c r="E366" s="3"/>
      <c r="F366" s="3"/>
      <c r="G366" s="3"/>
      <c r="H366" s="214"/>
      <c r="I366" s="56" t="s">
        <v>82</v>
      </c>
      <c r="J366" s="57"/>
      <c r="K366" s="137"/>
      <c r="L366" s="59" t="str">
        <f>IF(ISBLANK(L$95),"",L$95)</f>
        <v>急性期</v>
      </c>
      <c r="M366" s="250" t="str">
        <f t="shared" ref="M366:AP366" si="51">IF(ISBLANK(M$95),"",M$95)</f>
        <v>回復期</v>
      </c>
      <c r="N366" s="59" t="str">
        <f t="shared" si="51"/>
        <v>回復期</v>
      </c>
      <c r="O366" s="59" t="str">
        <f t="shared" si="51"/>
        <v>休棟中（今後廃止する予定）</v>
      </c>
      <c r="P366" s="59" t="str">
        <f t="shared" si="51"/>
        <v>慢性期</v>
      </c>
      <c r="Q366" s="59" t="str">
        <f t="shared" si="51"/>
        <v>慢性期</v>
      </c>
      <c r="R366" s="59" t="str">
        <f t="shared" si="51"/>
        <v/>
      </c>
      <c r="S366" s="59" t="str">
        <f t="shared" si="51"/>
        <v/>
      </c>
      <c r="T366" s="59" t="str">
        <f t="shared" si="51"/>
        <v/>
      </c>
      <c r="U366" s="59" t="str">
        <f t="shared" si="51"/>
        <v/>
      </c>
      <c r="V366" s="59" t="str">
        <f t="shared" si="51"/>
        <v/>
      </c>
      <c r="W366" s="59" t="str">
        <f t="shared" si="51"/>
        <v/>
      </c>
      <c r="X366" s="59" t="str">
        <f t="shared" si="51"/>
        <v/>
      </c>
      <c r="Y366" s="59" t="str">
        <f t="shared" si="51"/>
        <v/>
      </c>
      <c r="Z366" s="59" t="str">
        <f t="shared" si="51"/>
        <v/>
      </c>
      <c r="AA366" s="59" t="str">
        <f t="shared" si="51"/>
        <v/>
      </c>
      <c r="AB366" s="59" t="str">
        <f t="shared" si="51"/>
        <v/>
      </c>
      <c r="AC366" s="59" t="str">
        <f t="shared" si="51"/>
        <v/>
      </c>
      <c r="AD366" s="59" t="str">
        <f t="shared" si="51"/>
        <v/>
      </c>
      <c r="AE366" s="59" t="str">
        <f t="shared" si="51"/>
        <v/>
      </c>
      <c r="AF366" s="59" t="str">
        <f t="shared" si="51"/>
        <v/>
      </c>
      <c r="AG366" s="59" t="str">
        <f t="shared" si="51"/>
        <v/>
      </c>
      <c r="AH366" s="59" t="str">
        <f t="shared" si="51"/>
        <v/>
      </c>
      <c r="AI366" s="59" t="str">
        <f t="shared" si="51"/>
        <v/>
      </c>
      <c r="AJ366" s="59" t="str">
        <f t="shared" si="51"/>
        <v/>
      </c>
      <c r="AK366" s="59" t="str">
        <f t="shared" si="51"/>
        <v/>
      </c>
      <c r="AL366" s="59" t="str">
        <f t="shared" si="51"/>
        <v/>
      </c>
      <c r="AM366" s="59" t="str">
        <f t="shared" si="51"/>
        <v/>
      </c>
      <c r="AN366" s="59" t="str">
        <f t="shared" si="51"/>
        <v/>
      </c>
      <c r="AO366" s="59" t="str">
        <f t="shared" si="51"/>
        <v/>
      </c>
      <c r="AP366" s="59" t="str">
        <f t="shared" si="51"/>
        <v/>
      </c>
      <c r="AQ366" s="59" t="str">
        <f t="shared" ref="AQ366:BS366" si="52">IF(ISBLANK(AQ$95),"",AQ$95)</f>
        <v/>
      </c>
      <c r="AR366" s="59" t="str">
        <f t="shared" si="52"/>
        <v/>
      </c>
      <c r="AS366" s="59" t="str">
        <f t="shared" si="52"/>
        <v/>
      </c>
      <c r="AT366" s="59" t="str">
        <f t="shared" si="52"/>
        <v/>
      </c>
      <c r="AU366" s="59" t="str">
        <f t="shared" si="52"/>
        <v/>
      </c>
      <c r="AV366" s="59" t="str">
        <f t="shared" si="52"/>
        <v/>
      </c>
      <c r="AW366" s="59" t="str">
        <f t="shared" si="52"/>
        <v/>
      </c>
      <c r="AX366" s="59" t="str">
        <f t="shared" si="52"/>
        <v/>
      </c>
      <c r="AY366" s="59" t="str">
        <f t="shared" si="52"/>
        <v/>
      </c>
      <c r="AZ366" s="59" t="str">
        <f t="shared" si="52"/>
        <v/>
      </c>
      <c r="BA366" s="59" t="str">
        <f t="shared" si="52"/>
        <v/>
      </c>
      <c r="BB366" s="59" t="str">
        <f t="shared" si="52"/>
        <v/>
      </c>
      <c r="BC366" s="59" t="str">
        <f t="shared" si="52"/>
        <v/>
      </c>
      <c r="BD366" s="59" t="str">
        <f t="shared" si="52"/>
        <v/>
      </c>
      <c r="BE366" s="59" t="str">
        <f t="shared" si="52"/>
        <v/>
      </c>
      <c r="BF366" s="59" t="str">
        <f t="shared" si="52"/>
        <v/>
      </c>
      <c r="BG366" s="59" t="str">
        <f t="shared" si="52"/>
        <v/>
      </c>
      <c r="BH366" s="59" t="str">
        <f t="shared" si="52"/>
        <v/>
      </c>
      <c r="BI366" s="59" t="str">
        <f t="shared" si="52"/>
        <v/>
      </c>
      <c r="BJ366" s="59" t="str">
        <f t="shared" si="52"/>
        <v/>
      </c>
      <c r="BK366" s="59" t="str">
        <f t="shared" si="52"/>
        <v/>
      </c>
      <c r="BL366" s="59" t="str">
        <f t="shared" si="52"/>
        <v/>
      </c>
      <c r="BM366" s="59" t="str">
        <f t="shared" si="52"/>
        <v/>
      </c>
      <c r="BN366" s="59" t="str">
        <f t="shared" si="52"/>
        <v/>
      </c>
      <c r="BO366" s="59" t="str">
        <f t="shared" si="52"/>
        <v/>
      </c>
      <c r="BP366" s="59" t="str">
        <f t="shared" si="52"/>
        <v/>
      </c>
      <c r="BQ366" s="59" t="str">
        <f t="shared" si="52"/>
        <v/>
      </c>
      <c r="BR366" s="59" t="str">
        <f t="shared" si="52"/>
        <v/>
      </c>
      <c r="BS366" s="59" t="str">
        <f t="shared" si="52"/>
        <v/>
      </c>
    </row>
    <row r="367" spans="1:71" s="67" customFormat="1" ht="34.5" customHeight="1">
      <c r="A367" s="185" t="s">
        <v>355</v>
      </c>
      <c r="B367" s="96"/>
      <c r="C367" s="367" t="s">
        <v>356</v>
      </c>
      <c r="D367" s="368"/>
      <c r="E367" s="368"/>
      <c r="F367" s="368"/>
      <c r="G367" s="368"/>
      <c r="H367" s="369"/>
      <c r="I367" s="316" t="s">
        <v>357</v>
      </c>
      <c r="J367" s="143">
        <v>0</v>
      </c>
      <c r="K367" s="138" t="str">
        <f t="shared" ref="K367:K372" si="53">IF(OR(COUNTIF(J367,"未確認")&gt;0,COUNTIF(J367,"~*")&gt;0),"※","")</f>
        <v/>
      </c>
      <c r="L367" s="200"/>
      <c r="M367" s="258"/>
      <c r="N367" s="258"/>
      <c r="O367" s="258"/>
      <c r="P367" s="258"/>
      <c r="Q367" s="258"/>
      <c r="R367" s="258"/>
      <c r="S367" s="258"/>
      <c r="T367" s="258"/>
      <c r="U367" s="258"/>
      <c r="V367" s="258"/>
      <c r="W367" s="258"/>
      <c r="X367" s="258"/>
      <c r="Y367" s="258"/>
      <c r="Z367" s="258"/>
      <c r="AA367" s="258"/>
      <c r="AB367" s="258"/>
      <c r="AC367" s="258"/>
      <c r="AD367" s="258"/>
      <c r="AE367" s="258"/>
      <c r="AF367" s="258"/>
      <c r="AG367" s="258"/>
      <c r="AH367" s="258"/>
      <c r="AI367" s="258"/>
      <c r="AJ367" s="258"/>
      <c r="AK367" s="258"/>
      <c r="AL367" s="258"/>
      <c r="AM367" s="258"/>
      <c r="AN367" s="258"/>
      <c r="AO367" s="258"/>
      <c r="AP367" s="258"/>
      <c r="AQ367" s="258"/>
      <c r="AR367" s="258"/>
      <c r="AS367" s="258"/>
      <c r="AT367" s="258"/>
      <c r="AU367" s="258"/>
      <c r="AV367" s="258"/>
      <c r="AW367" s="258"/>
      <c r="AX367" s="258"/>
      <c r="AY367" s="258"/>
      <c r="AZ367" s="258"/>
      <c r="BA367" s="258"/>
      <c r="BB367" s="258"/>
      <c r="BC367" s="258"/>
      <c r="BD367" s="258"/>
      <c r="BE367" s="258"/>
      <c r="BF367" s="258"/>
      <c r="BG367" s="258"/>
      <c r="BH367" s="258"/>
      <c r="BI367" s="258"/>
      <c r="BJ367" s="258"/>
      <c r="BK367" s="258"/>
      <c r="BL367" s="258"/>
      <c r="BM367" s="258"/>
      <c r="BN367" s="258"/>
      <c r="BO367" s="258"/>
      <c r="BP367" s="258"/>
      <c r="BQ367" s="258"/>
      <c r="BR367" s="258"/>
      <c r="BS367" s="258"/>
    </row>
    <row r="368" spans="1:71" s="67" customFormat="1" ht="34.5" customHeight="1">
      <c r="A368" s="185" t="s">
        <v>358</v>
      </c>
      <c r="B368" s="96"/>
      <c r="C368" s="139"/>
      <c r="D368" s="147"/>
      <c r="E368" s="274" t="s">
        <v>359</v>
      </c>
      <c r="F368" s="275"/>
      <c r="G368" s="275"/>
      <c r="H368" s="276"/>
      <c r="I368" s="374"/>
      <c r="J368" s="143">
        <v>0</v>
      </c>
      <c r="K368" s="138" t="str">
        <f t="shared" si="53"/>
        <v/>
      </c>
      <c r="L368" s="201"/>
      <c r="M368" s="258"/>
      <c r="N368" s="258"/>
      <c r="O368" s="258"/>
      <c r="P368" s="258"/>
      <c r="Q368" s="258"/>
      <c r="R368" s="258"/>
      <c r="S368" s="258"/>
      <c r="T368" s="258"/>
      <c r="U368" s="258"/>
      <c r="V368" s="258"/>
      <c r="W368" s="258"/>
      <c r="X368" s="258"/>
      <c r="Y368" s="258"/>
      <c r="Z368" s="258"/>
      <c r="AA368" s="258"/>
      <c r="AB368" s="258"/>
      <c r="AC368" s="258"/>
      <c r="AD368" s="258"/>
      <c r="AE368" s="258"/>
      <c r="AF368" s="258"/>
      <c r="AG368" s="258"/>
      <c r="AH368" s="258"/>
      <c r="AI368" s="258"/>
      <c r="AJ368" s="258"/>
      <c r="AK368" s="258"/>
      <c r="AL368" s="258"/>
      <c r="AM368" s="258"/>
      <c r="AN368" s="258"/>
      <c r="AO368" s="258"/>
      <c r="AP368" s="258"/>
      <c r="AQ368" s="258"/>
      <c r="AR368" s="258"/>
      <c r="AS368" s="258"/>
      <c r="AT368" s="258"/>
      <c r="AU368" s="258"/>
      <c r="AV368" s="258"/>
      <c r="AW368" s="258"/>
      <c r="AX368" s="258"/>
      <c r="AY368" s="258"/>
      <c r="AZ368" s="258"/>
      <c r="BA368" s="258"/>
      <c r="BB368" s="258"/>
      <c r="BC368" s="258"/>
      <c r="BD368" s="258"/>
      <c r="BE368" s="258"/>
      <c r="BF368" s="258"/>
      <c r="BG368" s="258"/>
      <c r="BH368" s="258"/>
      <c r="BI368" s="258"/>
      <c r="BJ368" s="258"/>
      <c r="BK368" s="258"/>
      <c r="BL368" s="258"/>
      <c r="BM368" s="258"/>
      <c r="BN368" s="258"/>
      <c r="BO368" s="258"/>
      <c r="BP368" s="258"/>
      <c r="BQ368" s="258"/>
      <c r="BR368" s="258"/>
      <c r="BS368" s="258"/>
    </row>
    <row r="369" spans="1:71" s="67" customFormat="1" ht="34.5" customHeight="1">
      <c r="A369" s="185" t="s">
        <v>360</v>
      </c>
      <c r="B369" s="96"/>
      <c r="C369" s="141"/>
      <c r="D369" s="148"/>
      <c r="E369" s="274" t="s">
        <v>361</v>
      </c>
      <c r="F369" s="275"/>
      <c r="G369" s="275"/>
      <c r="H369" s="276"/>
      <c r="I369" s="374"/>
      <c r="J369" s="143">
        <v>0</v>
      </c>
      <c r="K369" s="138" t="str">
        <f t="shared" si="53"/>
        <v/>
      </c>
      <c r="L369" s="201"/>
      <c r="M369" s="258"/>
      <c r="N369" s="258"/>
      <c r="O369" s="258"/>
      <c r="P369" s="258"/>
      <c r="Q369" s="258"/>
      <c r="R369" s="258"/>
      <c r="S369" s="258"/>
      <c r="T369" s="258"/>
      <c r="U369" s="258"/>
      <c r="V369" s="258"/>
      <c r="W369" s="258"/>
      <c r="X369" s="258"/>
      <c r="Y369" s="258"/>
      <c r="Z369" s="258"/>
      <c r="AA369" s="258"/>
      <c r="AB369" s="258"/>
      <c r="AC369" s="258"/>
      <c r="AD369" s="258"/>
      <c r="AE369" s="258"/>
      <c r="AF369" s="258"/>
      <c r="AG369" s="258"/>
      <c r="AH369" s="258"/>
      <c r="AI369" s="258"/>
      <c r="AJ369" s="258"/>
      <c r="AK369" s="258"/>
      <c r="AL369" s="258"/>
      <c r="AM369" s="258"/>
      <c r="AN369" s="258"/>
      <c r="AO369" s="258"/>
      <c r="AP369" s="258"/>
      <c r="AQ369" s="258"/>
      <c r="AR369" s="258"/>
      <c r="AS369" s="258"/>
      <c r="AT369" s="258"/>
      <c r="AU369" s="258"/>
      <c r="AV369" s="258"/>
      <c r="AW369" s="258"/>
      <c r="AX369" s="258"/>
      <c r="AY369" s="258"/>
      <c r="AZ369" s="258"/>
      <c r="BA369" s="258"/>
      <c r="BB369" s="258"/>
      <c r="BC369" s="258"/>
      <c r="BD369" s="258"/>
      <c r="BE369" s="258"/>
      <c r="BF369" s="258"/>
      <c r="BG369" s="258"/>
      <c r="BH369" s="258"/>
      <c r="BI369" s="258"/>
      <c r="BJ369" s="258"/>
      <c r="BK369" s="258"/>
      <c r="BL369" s="258"/>
      <c r="BM369" s="258"/>
      <c r="BN369" s="258"/>
      <c r="BO369" s="258"/>
      <c r="BP369" s="258"/>
      <c r="BQ369" s="258"/>
      <c r="BR369" s="258"/>
      <c r="BS369" s="258"/>
    </row>
    <row r="370" spans="1:71" s="67" customFormat="1" ht="34.5" customHeight="1">
      <c r="A370" s="185" t="s">
        <v>362</v>
      </c>
      <c r="B370" s="96"/>
      <c r="C370" s="376" t="s">
        <v>363</v>
      </c>
      <c r="D370" s="377"/>
      <c r="E370" s="377"/>
      <c r="F370" s="377"/>
      <c r="G370" s="377"/>
      <c r="H370" s="378"/>
      <c r="I370" s="374"/>
      <c r="J370" s="143">
        <v>0</v>
      </c>
      <c r="K370" s="138" t="str">
        <f t="shared" si="53"/>
        <v/>
      </c>
      <c r="L370" s="201"/>
      <c r="M370" s="258"/>
      <c r="N370" s="258"/>
      <c r="O370" s="258"/>
      <c r="P370" s="258"/>
      <c r="Q370" s="258"/>
      <c r="R370" s="258"/>
      <c r="S370" s="258"/>
      <c r="T370" s="258"/>
      <c r="U370" s="258"/>
      <c r="V370" s="258"/>
      <c r="W370" s="258"/>
      <c r="X370" s="258"/>
      <c r="Y370" s="258"/>
      <c r="Z370" s="258"/>
      <c r="AA370" s="258"/>
      <c r="AB370" s="258"/>
      <c r="AC370" s="258"/>
      <c r="AD370" s="258"/>
      <c r="AE370" s="258"/>
      <c r="AF370" s="258"/>
      <c r="AG370" s="258"/>
      <c r="AH370" s="258"/>
      <c r="AI370" s="258"/>
      <c r="AJ370" s="258"/>
      <c r="AK370" s="258"/>
      <c r="AL370" s="258"/>
      <c r="AM370" s="258"/>
      <c r="AN370" s="258"/>
      <c r="AO370" s="258"/>
      <c r="AP370" s="258"/>
      <c r="AQ370" s="258"/>
      <c r="AR370" s="258"/>
      <c r="AS370" s="258"/>
      <c r="AT370" s="258"/>
      <c r="AU370" s="258"/>
      <c r="AV370" s="258"/>
      <c r="AW370" s="258"/>
      <c r="AX370" s="258"/>
      <c r="AY370" s="258"/>
      <c r="AZ370" s="258"/>
      <c r="BA370" s="258"/>
      <c r="BB370" s="258"/>
      <c r="BC370" s="258"/>
      <c r="BD370" s="258"/>
      <c r="BE370" s="258"/>
      <c r="BF370" s="258"/>
      <c r="BG370" s="258"/>
      <c r="BH370" s="258"/>
      <c r="BI370" s="258"/>
      <c r="BJ370" s="258"/>
      <c r="BK370" s="258"/>
      <c r="BL370" s="258"/>
      <c r="BM370" s="258"/>
      <c r="BN370" s="258"/>
      <c r="BO370" s="258"/>
      <c r="BP370" s="258"/>
      <c r="BQ370" s="258"/>
      <c r="BR370" s="258"/>
      <c r="BS370" s="258"/>
    </row>
    <row r="371" spans="1:71" s="67" customFormat="1" ht="34.5" customHeight="1">
      <c r="A371" s="185" t="s">
        <v>364</v>
      </c>
      <c r="B371" s="96"/>
      <c r="C371" s="139"/>
      <c r="D371" s="147"/>
      <c r="E371" s="274" t="s">
        <v>365</v>
      </c>
      <c r="F371" s="275"/>
      <c r="G371" s="275"/>
      <c r="H371" s="276"/>
      <c r="I371" s="374"/>
      <c r="J371" s="143">
        <v>0</v>
      </c>
      <c r="K371" s="138" t="str">
        <f t="shared" si="53"/>
        <v/>
      </c>
      <c r="L371" s="201"/>
      <c r="M371" s="258"/>
      <c r="N371" s="258"/>
      <c r="O371" s="258"/>
      <c r="P371" s="258"/>
      <c r="Q371" s="258"/>
      <c r="R371" s="258"/>
      <c r="S371" s="258"/>
      <c r="T371" s="258"/>
      <c r="U371" s="258"/>
      <c r="V371" s="258"/>
      <c r="W371" s="258"/>
      <c r="X371" s="258"/>
      <c r="Y371" s="258"/>
      <c r="Z371" s="258"/>
      <c r="AA371" s="258"/>
      <c r="AB371" s="258"/>
      <c r="AC371" s="258"/>
      <c r="AD371" s="258"/>
      <c r="AE371" s="258"/>
      <c r="AF371" s="258"/>
      <c r="AG371" s="258"/>
      <c r="AH371" s="258"/>
      <c r="AI371" s="258"/>
      <c r="AJ371" s="258"/>
      <c r="AK371" s="258"/>
      <c r="AL371" s="258"/>
      <c r="AM371" s="258"/>
      <c r="AN371" s="258"/>
      <c r="AO371" s="258"/>
      <c r="AP371" s="258"/>
      <c r="AQ371" s="258"/>
      <c r="AR371" s="258"/>
      <c r="AS371" s="258"/>
      <c r="AT371" s="258"/>
      <c r="AU371" s="258"/>
      <c r="AV371" s="258"/>
      <c r="AW371" s="258"/>
      <c r="AX371" s="258"/>
      <c r="AY371" s="258"/>
      <c r="AZ371" s="258"/>
      <c r="BA371" s="258"/>
      <c r="BB371" s="258"/>
      <c r="BC371" s="258"/>
      <c r="BD371" s="258"/>
      <c r="BE371" s="258"/>
      <c r="BF371" s="258"/>
      <c r="BG371" s="258"/>
      <c r="BH371" s="258"/>
      <c r="BI371" s="258"/>
      <c r="BJ371" s="258"/>
      <c r="BK371" s="258"/>
      <c r="BL371" s="258"/>
      <c r="BM371" s="258"/>
      <c r="BN371" s="258"/>
      <c r="BO371" s="258"/>
      <c r="BP371" s="258"/>
      <c r="BQ371" s="258"/>
      <c r="BR371" s="258"/>
      <c r="BS371" s="258"/>
    </row>
    <row r="372" spans="1:71" s="67" customFormat="1" ht="34.5" customHeight="1">
      <c r="A372" s="185" t="s">
        <v>366</v>
      </c>
      <c r="B372" s="96"/>
      <c r="C372" s="141"/>
      <c r="D372" s="148"/>
      <c r="E372" s="274" t="s">
        <v>367</v>
      </c>
      <c r="F372" s="275"/>
      <c r="G372" s="275"/>
      <c r="H372" s="276"/>
      <c r="I372" s="375"/>
      <c r="J372" s="143">
        <v>0</v>
      </c>
      <c r="K372" s="138" t="str">
        <f t="shared" si="53"/>
        <v/>
      </c>
      <c r="L372" s="202"/>
      <c r="M372" s="258"/>
      <c r="N372" s="258"/>
      <c r="O372" s="258"/>
      <c r="P372" s="258"/>
      <c r="Q372" s="258"/>
      <c r="R372" s="258"/>
      <c r="S372" s="258"/>
      <c r="T372" s="258"/>
      <c r="U372" s="258"/>
      <c r="V372" s="258"/>
      <c r="W372" s="258"/>
      <c r="X372" s="258"/>
      <c r="Y372" s="258"/>
      <c r="Z372" s="258"/>
      <c r="AA372" s="258"/>
      <c r="AB372" s="258"/>
      <c r="AC372" s="258"/>
      <c r="AD372" s="258"/>
      <c r="AE372" s="258"/>
      <c r="AF372" s="258"/>
      <c r="AG372" s="258"/>
      <c r="AH372" s="258"/>
      <c r="AI372" s="258"/>
      <c r="AJ372" s="258"/>
      <c r="AK372" s="258"/>
      <c r="AL372" s="258"/>
      <c r="AM372" s="258"/>
      <c r="AN372" s="258"/>
      <c r="AO372" s="258"/>
      <c r="AP372" s="258"/>
      <c r="AQ372" s="258"/>
      <c r="AR372" s="258"/>
      <c r="AS372" s="258"/>
      <c r="AT372" s="258"/>
      <c r="AU372" s="258"/>
      <c r="AV372" s="258"/>
      <c r="AW372" s="258"/>
      <c r="AX372" s="258"/>
      <c r="AY372" s="258"/>
      <c r="AZ372" s="258"/>
      <c r="BA372" s="258"/>
      <c r="BB372" s="258"/>
      <c r="BC372" s="258"/>
      <c r="BD372" s="258"/>
      <c r="BE372" s="258"/>
      <c r="BF372" s="258"/>
      <c r="BG372" s="258"/>
      <c r="BH372" s="258"/>
      <c r="BI372" s="258"/>
      <c r="BJ372" s="258"/>
      <c r="BK372" s="258"/>
      <c r="BL372" s="258"/>
      <c r="BM372" s="258"/>
      <c r="BN372" s="258"/>
      <c r="BO372" s="258"/>
      <c r="BP372" s="258"/>
      <c r="BQ372" s="258"/>
      <c r="BR372" s="258"/>
      <c r="BS372" s="258"/>
    </row>
    <row r="373" spans="1:71" s="74" customFormat="1">
      <c r="A373" s="178"/>
      <c r="B373" s="14"/>
      <c r="C373" s="14"/>
      <c r="D373" s="14"/>
      <c r="E373" s="14"/>
      <c r="F373" s="14"/>
      <c r="G373" s="14"/>
      <c r="H373" s="10"/>
      <c r="I373" s="10"/>
      <c r="J373" s="71"/>
      <c r="K373" s="72"/>
      <c r="L373" s="73"/>
      <c r="M373" s="73"/>
      <c r="N373" s="73"/>
      <c r="O373" s="73"/>
      <c r="P373" s="73"/>
      <c r="Q373" s="73"/>
    </row>
    <row r="374" spans="1:71" s="67" customFormat="1">
      <c r="A374" s="178"/>
      <c r="B374" s="68"/>
      <c r="C374" s="52"/>
      <c r="D374" s="52"/>
      <c r="E374" s="52"/>
      <c r="F374" s="52"/>
      <c r="G374" s="52"/>
      <c r="H374" s="75"/>
      <c r="I374" s="75"/>
      <c r="J374" s="71"/>
      <c r="K374" s="72"/>
      <c r="L374" s="73"/>
      <c r="M374" s="73"/>
      <c r="N374" s="73"/>
      <c r="O374" s="73"/>
      <c r="P374" s="73"/>
      <c r="Q374" s="73"/>
    </row>
    <row r="375" spans="1:71" s="67" customFormat="1">
      <c r="A375" s="178"/>
      <c r="B375" s="96"/>
      <c r="C375" s="96"/>
      <c r="D375" s="52"/>
      <c r="E375" s="52"/>
      <c r="F375" s="52"/>
      <c r="G375" s="52"/>
      <c r="H375" s="75"/>
      <c r="I375" s="120" t="s">
        <v>288</v>
      </c>
      <c r="J375" s="71"/>
      <c r="K375" s="72"/>
      <c r="L375" s="73"/>
      <c r="M375" s="73"/>
      <c r="N375" s="73"/>
      <c r="O375" s="73"/>
      <c r="P375" s="73"/>
      <c r="Q375" s="73"/>
    </row>
    <row r="376" spans="1:71" s="67" customFormat="1">
      <c r="A376" s="178"/>
      <c r="B376" s="96"/>
      <c r="C376" s="96"/>
      <c r="D376" s="52"/>
      <c r="E376" s="52"/>
      <c r="F376" s="52"/>
      <c r="G376" s="52"/>
      <c r="H376" s="75"/>
      <c r="I376" s="75"/>
      <c r="J376" s="71"/>
      <c r="K376" s="72"/>
      <c r="L376" s="73"/>
      <c r="M376" s="73"/>
      <c r="N376" s="73"/>
      <c r="O376" s="73"/>
      <c r="P376" s="73"/>
      <c r="Q376" s="73"/>
    </row>
    <row r="377" spans="1:71" s="67" customFormat="1">
      <c r="A377" s="178"/>
      <c r="B377" s="96"/>
      <c r="C377" s="96"/>
      <c r="D377" s="52"/>
      <c r="E377" s="52"/>
      <c r="F377" s="52"/>
      <c r="G377" s="52"/>
      <c r="H377" s="75"/>
      <c r="I377" s="75"/>
      <c r="J377" s="71"/>
      <c r="K377" s="72"/>
      <c r="L377" s="73"/>
      <c r="M377" s="73"/>
      <c r="N377" s="73"/>
      <c r="O377" s="73"/>
      <c r="P377" s="73"/>
      <c r="Q377" s="73"/>
    </row>
    <row r="378" spans="1:71" s="17" customFormat="1">
      <c r="A378" s="178"/>
      <c r="B378" s="1"/>
      <c r="C378" s="43"/>
      <c r="D378" s="27"/>
      <c r="E378" s="27"/>
      <c r="F378" s="27"/>
      <c r="G378" s="27"/>
      <c r="H378" s="16"/>
      <c r="I378" s="223"/>
      <c r="J378" s="5"/>
      <c r="K378" s="6"/>
      <c r="M378" s="41"/>
      <c r="N378" s="41"/>
      <c r="O378" s="41"/>
      <c r="P378" s="41"/>
      <c r="Q378" s="41"/>
      <c r="R378" s="8"/>
    </row>
    <row r="379" spans="1:71" s="17" customFormat="1">
      <c r="A379" s="178"/>
      <c r="B379" s="1"/>
      <c r="C379" s="43"/>
      <c r="D379" s="27"/>
      <c r="E379" s="27"/>
      <c r="F379" s="27"/>
      <c r="G379" s="27"/>
      <c r="H379" s="16"/>
      <c r="I379" s="223"/>
      <c r="J379" s="5"/>
      <c r="K379" s="6"/>
      <c r="M379" s="41"/>
      <c r="N379" s="41"/>
      <c r="O379" s="41"/>
      <c r="P379" s="41"/>
      <c r="Q379" s="41"/>
      <c r="R379" s="8"/>
    </row>
    <row r="380" spans="1:71" s="17" customFormat="1">
      <c r="A380" s="178"/>
      <c r="B380" s="1"/>
      <c r="H380" s="43"/>
      <c r="M380" s="29"/>
      <c r="N380" s="29"/>
      <c r="O380" s="29"/>
      <c r="P380" s="29"/>
      <c r="Q380" s="29"/>
      <c r="R380" s="8"/>
    </row>
    <row r="381" spans="1:71" s="17" customFormat="1">
      <c r="A381" s="178"/>
      <c r="B381" s="1"/>
      <c r="H381" s="43"/>
      <c r="M381" s="41"/>
      <c r="N381" s="41"/>
      <c r="O381" s="41"/>
      <c r="P381" s="41"/>
      <c r="Q381" s="41"/>
      <c r="R381" s="8"/>
    </row>
    <row r="382" spans="1:71" s="17" customFormat="1">
      <c r="A382" s="178"/>
      <c r="B382" s="1"/>
      <c r="H382" s="43"/>
      <c r="M382" s="29"/>
      <c r="N382" s="29"/>
      <c r="O382" s="29"/>
      <c r="P382" s="29"/>
      <c r="Q382" s="29"/>
      <c r="R382" s="8"/>
    </row>
    <row r="383" spans="1:71" s="17" customFormat="1">
      <c r="A383" s="178"/>
      <c r="B383" s="1"/>
      <c r="H383" s="43"/>
      <c r="M383" s="29"/>
      <c r="N383" s="29"/>
      <c r="O383" s="29"/>
      <c r="P383" s="29"/>
      <c r="Q383" s="29"/>
      <c r="R383" s="8"/>
    </row>
    <row r="384" spans="1:71" s="17" customFormat="1">
      <c r="A384" s="178"/>
      <c r="B384" s="1"/>
      <c r="H384" s="43"/>
      <c r="L384" s="7"/>
      <c r="M384" s="7"/>
      <c r="N384" s="7"/>
      <c r="O384" s="7"/>
      <c r="P384" s="7"/>
      <c r="Q384" s="7"/>
      <c r="R384" s="8"/>
    </row>
    <row r="385" spans="1:71" s="17" customFormat="1">
      <c r="A385" s="178"/>
      <c r="B385" s="1"/>
      <c r="C385" s="32"/>
      <c r="D385" s="32"/>
      <c r="E385" s="32"/>
      <c r="F385" s="32"/>
      <c r="G385" s="149"/>
      <c r="H385" s="32"/>
      <c r="I385" s="32"/>
      <c r="J385" s="32"/>
      <c r="K385" s="42"/>
      <c r="L385" s="32"/>
      <c r="M385" s="32"/>
      <c r="N385" s="32"/>
      <c r="O385" s="32"/>
      <c r="P385" s="32"/>
      <c r="Q385" s="32"/>
      <c r="R385" s="8"/>
    </row>
    <row r="386" spans="1:71" s="17" customFormat="1">
      <c r="A386" s="178"/>
      <c r="B386" s="1"/>
      <c r="C386" s="52"/>
      <c r="D386" s="3"/>
      <c r="E386" s="3"/>
      <c r="F386" s="3"/>
      <c r="G386" s="3"/>
      <c r="H386" s="214"/>
      <c r="I386" s="214"/>
      <c r="J386" s="53"/>
      <c r="K386" s="24"/>
      <c r="L386" s="51"/>
      <c r="M386" s="51"/>
      <c r="N386" s="51"/>
      <c r="O386" s="51"/>
      <c r="P386" s="51"/>
      <c r="Q386" s="51"/>
      <c r="R386" s="8"/>
    </row>
    <row r="387" spans="1:71" s="74" customFormat="1" ht="18.75">
      <c r="A387" s="178"/>
      <c r="B387" s="131" t="s">
        <v>368</v>
      </c>
      <c r="C387" s="150"/>
      <c r="D387" s="47"/>
      <c r="E387" s="47"/>
      <c r="F387" s="47"/>
      <c r="G387" s="47"/>
      <c r="H387" s="48"/>
      <c r="I387" s="48"/>
      <c r="J387" s="50"/>
      <c r="K387" s="49"/>
      <c r="L387" s="133"/>
      <c r="M387" s="133"/>
      <c r="N387" s="133"/>
      <c r="O387" s="133"/>
      <c r="P387" s="133"/>
      <c r="Q387" s="133"/>
    </row>
    <row r="388" spans="1:71" s="74" customFormat="1">
      <c r="A388" s="178"/>
      <c r="B388" s="14" t="s">
        <v>369</v>
      </c>
      <c r="C388" s="3"/>
      <c r="D388" s="3"/>
      <c r="E388" s="3"/>
      <c r="F388" s="3"/>
      <c r="G388" s="3"/>
      <c r="H388" s="214"/>
      <c r="I388" s="214"/>
      <c r="J388" s="51"/>
      <c r="K388" s="24"/>
      <c r="L388" s="86"/>
      <c r="M388" s="86"/>
      <c r="N388" s="86"/>
      <c r="O388" s="86"/>
      <c r="P388" s="86"/>
      <c r="Q388" s="86"/>
      <c r="R388" s="92"/>
      <c r="S388" s="92"/>
      <c r="T388" s="92"/>
      <c r="U388" s="92"/>
      <c r="V388" s="92"/>
      <c r="W388" s="92"/>
      <c r="X388" s="92"/>
      <c r="Y388" s="92"/>
      <c r="Z388" s="92"/>
      <c r="AA388" s="92"/>
      <c r="AB388" s="92"/>
      <c r="AC388" s="92"/>
      <c r="AD388" s="92"/>
      <c r="AE388" s="92"/>
      <c r="AF388" s="92"/>
      <c r="AG388" s="92"/>
      <c r="AH388" s="92"/>
      <c r="AI388" s="92"/>
      <c r="AJ388" s="92"/>
      <c r="AK388" s="92"/>
      <c r="AL388" s="92"/>
      <c r="AM388" s="92"/>
      <c r="AN388" s="92"/>
      <c r="AO388" s="92"/>
      <c r="AP388" s="92"/>
      <c r="AQ388" s="92"/>
      <c r="AR388" s="92"/>
      <c r="AS388" s="92"/>
      <c r="AT388" s="92"/>
      <c r="AU388" s="92"/>
      <c r="AV388" s="92"/>
      <c r="AW388" s="92"/>
      <c r="AX388" s="92"/>
      <c r="AY388" s="92"/>
      <c r="AZ388" s="92"/>
      <c r="BA388" s="92"/>
      <c r="BB388" s="92"/>
      <c r="BC388" s="92"/>
      <c r="BD388" s="92"/>
      <c r="BE388" s="92"/>
      <c r="BF388" s="92"/>
      <c r="BG388" s="92"/>
      <c r="BH388" s="92"/>
      <c r="BI388" s="92"/>
      <c r="BJ388" s="92"/>
      <c r="BK388" s="92"/>
      <c r="BL388" s="92"/>
      <c r="BM388" s="92"/>
      <c r="BN388" s="92"/>
      <c r="BO388" s="92"/>
      <c r="BP388" s="92"/>
      <c r="BQ388" s="92"/>
      <c r="BR388" s="92"/>
      <c r="BS388" s="92"/>
    </row>
    <row r="389" spans="1:71" s="74" customFormat="1">
      <c r="A389" s="178"/>
      <c r="B389" s="14"/>
      <c r="C389" s="14"/>
      <c r="D389" s="14"/>
      <c r="E389" s="14"/>
      <c r="F389" s="14"/>
      <c r="G389" s="14"/>
      <c r="H389" s="10"/>
      <c r="I389" s="10"/>
      <c r="J389" s="5"/>
      <c r="K389" s="6"/>
      <c r="L389" s="175"/>
      <c r="M389" s="175"/>
      <c r="N389" s="175"/>
      <c r="O389" s="175"/>
      <c r="P389" s="175"/>
      <c r="Q389" s="175"/>
      <c r="R389" s="8"/>
      <c r="S389" s="8"/>
      <c r="T389" s="8"/>
      <c r="U389" s="8"/>
      <c r="V389" s="8"/>
      <c r="W389" s="8"/>
      <c r="X389" s="8"/>
      <c r="Y389" s="8"/>
      <c r="Z389" s="8"/>
      <c r="AA389" s="8"/>
      <c r="AB389" s="8"/>
      <c r="AC389" s="8"/>
      <c r="AD389" s="8"/>
      <c r="AE389" s="8"/>
      <c r="AF389" s="8"/>
      <c r="AG389" s="8"/>
      <c r="AH389" s="8"/>
      <c r="AI389" s="8"/>
      <c r="AJ389" s="8"/>
      <c r="AK389" s="8"/>
      <c r="AL389" s="8"/>
      <c r="AM389" s="8"/>
      <c r="AN389" s="8"/>
      <c r="AO389" s="8"/>
      <c r="AP389" s="8"/>
      <c r="AQ389" s="8"/>
      <c r="AR389" s="8"/>
      <c r="AS389" s="8"/>
      <c r="AT389" s="8"/>
      <c r="AU389" s="8"/>
      <c r="AV389" s="8"/>
      <c r="AW389" s="8"/>
      <c r="AX389" s="8"/>
      <c r="AY389" s="8"/>
      <c r="AZ389" s="8"/>
      <c r="BA389" s="8"/>
      <c r="BB389" s="8"/>
      <c r="BC389" s="8"/>
      <c r="BD389" s="8"/>
      <c r="BE389" s="8"/>
      <c r="BF389" s="8"/>
      <c r="BG389" s="8"/>
      <c r="BH389" s="8"/>
      <c r="BI389" s="8"/>
      <c r="BJ389" s="8"/>
      <c r="BK389" s="8"/>
      <c r="BL389" s="8"/>
      <c r="BM389" s="8"/>
      <c r="BN389" s="8"/>
      <c r="BO389" s="8"/>
      <c r="BP389" s="8"/>
      <c r="BQ389" s="8"/>
      <c r="BR389" s="8"/>
      <c r="BS389" s="8"/>
    </row>
    <row r="390" spans="1:71" s="242" customFormat="1" ht="31.5" customHeight="1">
      <c r="A390" s="178"/>
      <c r="B390" s="14"/>
      <c r="C390" s="3"/>
      <c r="D390" s="3"/>
      <c r="E390" s="3"/>
      <c r="F390" s="3"/>
      <c r="G390" s="3"/>
      <c r="H390" s="214"/>
      <c r="I390" s="214"/>
      <c r="J390" s="63" t="s">
        <v>81</v>
      </c>
      <c r="K390" s="64"/>
      <c r="L390" s="239" t="s">
        <v>4</v>
      </c>
      <c r="M390" s="249" t="s">
        <v>5</v>
      </c>
      <c r="N390" s="247" t="s">
        <v>6</v>
      </c>
      <c r="O390" s="247" t="s">
        <v>8</v>
      </c>
      <c r="P390" s="247" t="s">
        <v>9</v>
      </c>
      <c r="Q390" s="247"/>
      <c r="R390" s="247"/>
      <c r="S390" s="247"/>
      <c r="T390" s="247"/>
      <c r="U390" s="247"/>
      <c r="V390" s="247"/>
      <c r="W390" s="247"/>
      <c r="X390" s="247"/>
      <c r="Y390" s="247"/>
      <c r="Z390" s="247"/>
      <c r="AA390" s="247"/>
      <c r="AB390" s="247"/>
      <c r="AC390" s="247"/>
      <c r="AD390" s="247"/>
      <c r="AE390" s="247"/>
      <c r="AF390" s="247"/>
      <c r="AG390" s="247"/>
      <c r="AH390" s="247"/>
      <c r="AI390" s="247"/>
      <c r="AJ390" s="247"/>
      <c r="AK390" s="247"/>
      <c r="AL390" s="247"/>
      <c r="AM390" s="247"/>
      <c r="AN390" s="247"/>
      <c r="AO390" s="247"/>
      <c r="AP390" s="247"/>
      <c r="AQ390" s="247"/>
      <c r="AR390" s="247"/>
      <c r="AS390" s="247"/>
      <c r="AT390" s="247"/>
      <c r="AU390" s="247"/>
      <c r="AV390" s="247"/>
      <c r="AW390" s="247"/>
      <c r="AX390" s="247"/>
      <c r="AY390" s="247"/>
      <c r="AZ390" s="247"/>
      <c r="BA390" s="247"/>
      <c r="BB390" s="247"/>
      <c r="BC390" s="247"/>
      <c r="BD390" s="247"/>
      <c r="BE390" s="247"/>
      <c r="BF390" s="247"/>
      <c r="BG390" s="247"/>
      <c r="BH390" s="247"/>
      <c r="BI390" s="247"/>
      <c r="BJ390" s="247"/>
      <c r="BK390" s="247"/>
      <c r="BL390" s="247"/>
      <c r="BM390" s="247"/>
      <c r="BN390" s="247"/>
      <c r="BO390" s="247"/>
      <c r="BP390" s="247"/>
      <c r="BQ390" s="247"/>
      <c r="BR390" s="247"/>
      <c r="BS390" s="247"/>
    </row>
    <row r="391" spans="1:71" s="242" customFormat="1" ht="31.5" customHeight="1">
      <c r="A391" s="178"/>
      <c r="B391" s="1"/>
      <c r="C391" s="52"/>
      <c r="D391" s="3"/>
      <c r="E391" s="3"/>
      <c r="F391" s="3"/>
      <c r="G391" s="3"/>
      <c r="H391" s="214"/>
      <c r="I391" s="56" t="s">
        <v>82</v>
      </c>
      <c r="J391" s="57"/>
      <c r="K391" s="65"/>
      <c r="L391" s="238" t="s">
        <v>42</v>
      </c>
      <c r="M391" s="250" t="s">
        <v>42</v>
      </c>
      <c r="N391" s="59" t="s">
        <v>42</v>
      </c>
      <c r="O391" s="59" t="s">
        <v>42</v>
      </c>
      <c r="P391" s="59" t="s">
        <v>42</v>
      </c>
      <c r="Q391" s="59"/>
      <c r="R391" s="59"/>
      <c r="S391" s="59"/>
      <c r="T391" s="59"/>
      <c r="U391" s="59"/>
      <c r="V391" s="59"/>
      <c r="W391" s="59"/>
      <c r="X391" s="59"/>
      <c r="Y391" s="59"/>
      <c r="Z391" s="59"/>
      <c r="AA391" s="59"/>
      <c r="AB391" s="59"/>
      <c r="AC391" s="59"/>
      <c r="AD391" s="59"/>
      <c r="AE391" s="59"/>
      <c r="AF391" s="59"/>
      <c r="AG391" s="59"/>
      <c r="AH391" s="59"/>
      <c r="AI391" s="59"/>
      <c r="AJ391" s="59"/>
      <c r="AK391" s="59"/>
      <c r="AL391" s="59"/>
      <c r="AM391" s="59"/>
      <c r="AN391" s="59"/>
      <c r="AO391" s="59"/>
      <c r="AP391" s="59"/>
      <c r="AQ391" s="59"/>
      <c r="AR391" s="59"/>
      <c r="AS391" s="59"/>
      <c r="AT391" s="59"/>
      <c r="AU391" s="59"/>
      <c r="AV391" s="59"/>
      <c r="AW391" s="59"/>
      <c r="AX391" s="59"/>
      <c r="AY391" s="59"/>
      <c r="AZ391" s="59"/>
      <c r="BA391" s="59"/>
      <c r="BB391" s="59"/>
      <c r="BC391" s="59"/>
      <c r="BD391" s="59"/>
      <c r="BE391" s="59"/>
      <c r="BF391" s="59"/>
      <c r="BG391" s="59"/>
      <c r="BH391" s="59"/>
      <c r="BI391" s="59"/>
      <c r="BJ391" s="59"/>
      <c r="BK391" s="59"/>
      <c r="BL391" s="59"/>
      <c r="BM391" s="59"/>
      <c r="BN391" s="59"/>
      <c r="BO391" s="59"/>
      <c r="BP391" s="59"/>
      <c r="BQ391" s="59"/>
      <c r="BR391" s="59"/>
      <c r="BS391" s="59"/>
    </row>
    <row r="392" spans="1:71" s="74" customFormat="1" ht="31.5" customHeight="1">
      <c r="A392" s="178"/>
      <c r="B392" s="92"/>
      <c r="C392" s="301" t="s">
        <v>370</v>
      </c>
      <c r="D392" s="302"/>
      <c r="E392" s="302"/>
      <c r="F392" s="302"/>
      <c r="G392" s="302"/>
      <c r="H392" s="303"/>
      <c r="I392" s="313" t="s">
        <v>371</v>
      </c>
      <c r="J392" s="195">
        <f t="shared" ref="J392:J423" si="54">IF(SUM(L392:BS392)=0,IF(COUNTIF(L392:BS392,"未確認")&gt;0,"未確認",IF(COUNTIF(L392:BS392,"~*")&gt;0,"*",SUM(L392:BS392))),SUM(L392:BS392))</f>
        <v>0</v>
      </c>
      <c r="K392" s="196" t="str">
        <f t="shared" ref="K392:K423" si="55">IF(OR(COUNTIF(L392:BS392,"未確認")&gt;0,COUNTIF(L392:BS392,"~*")&gt;0),"※","")</f>
        <v/>
      </c>
      <c r="L392" s="94">
        <v>0</v>
      </c>
      <c r="M392" s="259">
        <v>0</v>
      </c>
      <c r="N392" s="259">
        <v>0</v>
      </c>
      <c r="O392" s="259">
        <v>0</v>
      </c>
      <c r="P392" s="259">
        <v>0</v>
      </c>
      <c r="Q392" s="259"/>
      <c r="R392" s="259"/>
      <c r="S392" s="259"/>
      <c r="T392" s="259"/>
      <c r="U392" s="259"/>
      <c r="V392" s="259"/>
      <c r="W392" s="259"/>
      <c r="X392" s="259"/>
      <c r="Y392" s="259"/>
      <c r="Z392" s="259"/>
      <c r="AA392" s="259"/>
      <c r="AB392" s="259"/>
      <c r="AC392" s="259"/>
      <c r="AD392" s="259"/>
      <c r="AE392" s="259"/>
      <c r="AF392" s="259"/>
      <c r="AG392" s="259"/>
      <c r="AH392" s="259"/>
      <c r="AI392" s="259"/>
      <c r="AJ392" s="259"/>
      <c r="AK392" s="259"/>
      <c r="AL392" s="259"/>
      <c r="AM392" s="259"/>
      <c r="AN392" s="259"/>
      <c r="AO392" s="259"/>
      <c r="AP392" s="259"/>
      <c r="AQ392" s="259"/>
      <c r="AR392" s="259"/>
      <c r="AS392" s="259"/>
      <c r="AT392" s="259"/>
      <c r="AU392" s="259"/>
      <c r="AV392" s="259"/>
      <c r="AW392" s="259"/>
      <c r="AX392" s="259"/>
      <c r="AY392" s="259"/>
      <c r="AZ392" s="259"/>
      <c r="BA392" s="259"/>
      <c r="BB392" s="259"/>
      <c r="BC392" s="259"/>
      <c r="BD392" s="259"/>
      <c r="BE392" s="259"/>
      <c r="BF392" s="259"/>
      <c r="BG392" s="259"/>
      <c r="BH392" s="259"/>
      <c r="BI392" s="259"/>
      <c r="BJ392" s="259"/>
      <c r="BK392" s="259"/>
      <c r="BL392" s="259"/>
      <c r="BM392" s="259"/>
      <c r="BN392" s="259"/>
      <c r="BO392" s="259"/>
      <c r="BP392" s="259"/>
      <c r="BQ392" s="259"/>
      <c r="BR392" s="259"/>
      <c r="BS392" s="259"/>
    </row>
    <row r="393" spans="1:71" s="74" customFormat="1" ht="31.5" customHeight="1">
      <c r="A393" s="178"/>
      <c r="B393" s="92"/>
      <c r="C393" s="301" t="s">
        <v>372</v>
      </c>
      <c r="D393" s="302"/>
      <c r="E393" s="302"/>
      <c r="F393" s="302"/>
      <c r="G393" s="302"/>
      <c r="H393" s="303"/>
      <c r="I393" s="314"/>
      <c r="J393" s="195">
        <f t="shared" si="54"/>
        <v>0</v>
      </c>
      <c r="K393" s="196" t="str">
        <f t="shared" si="55"/>
        <v/>
      </c>
      <c r="L393" s="94">
        <v>0</v>
      </c>
      <c r="M393" s="259">
        <v>0</v>
      </c>
      <c r="N393" s="259">
        <v>0</v>
      </c>
      <c r="O393" s="259">
        <v>0</v>
      </c>
      <c r="P393" s="259">
        <v>0</v>
      </c>
      <c r="Q393" s="259"/>
      <c r="R393" s="259"/>
      <c r="S393" s="259"/>
      <c r="T393" s="259"/>
      <c r="U393" s="259"/>
      <c r="V393" s="259"/>
      <c r="W393" s="259"/>
      <c r="X393" s="259"/>
      <c r="Y393" s="259"/>
      <c r="Z393" s="259"/>
      <c r="AA393" s="259"/>
      <c r="AB393" s="259"/>
      <c r="AC393" s="259"/>
      <c r="AD393" s="259"/>
      <c r="AE393" s="259"/>
      <c r="AF393" s="259"/>
      <c r="AG393" s="259"/>
      <c r="AH393" s="259"/>
      <c r="AI393" s="259"/>
      <c r="AJ393" s="259"/>
      <c r="AK393" s="259"/>
      <c r="AL393" s="259"/>
      <c r="AM393" s="259"/>
      <c r="AN393" s="259"/>
      <c r="AO393" s="259"/>
      <c r="AP393" s="259"/>
      <c r="AQ393" s="259"/>
      <c r="AR393" s="259"/>
      <c r="AS393" s="259"/>
      <c r="AT393" s="259"/>
      <c r="AU393" s="259"/>
      <c r="AV393" s="259"/>
      <c r="AW393" s="259"/>
      <c r="AX393" s="259"/>
      <c r="AY393" s="259"/>
      <c r="AZ393" s="259"/>
      <c r="BA393" s="259"/>
      <c r="BB393" s="259"/>
      <c r="BC393" s="259"/>
      <c r="BD393" s="259"/>
      <c r="BE393" s="259"/>
      <c r="BF393" s="259"/>
      <c r="BG393" s="259"/>
      <c r="BH393" s="259"/>
      <c r="BI393" s="259"/>
      <c r="BJ393" s="259"/>
      <c r="BK393" s="259"/>
      <c r="BL393" s="259"/>
      <c r="BM393" s="259"/>
      <c r="BN393" s="259"/>
      <c r="BO393" s="259"/>
      <c r="BP393" s="259"/>
      <c r="BQ393" s="259"/>
      <c r="BR393" s="259"/>
      <c r="BS393" s="259"/>
    </row>
    <row r="394" spans="1:71" s="74" customFormat="1" ht="31.5" customHeight="1">
      <c r="A394" s="178"/>
      <c r="B394" s="92"/>
      <c r="C394" s="301" t="s">
        <v>373</v>
      </c>
      <c r="D394" s="302"/>
      <c r="E394" s="302"/>
      <c r="F394" s="302"/>
      <c r="G394" s="302"/>
      <c r="H394" s="303"/>
      <c r="I394" s="314"/>
      <c r="J394" s="195">
        <f t="shared" si="54"/>
        <v>0</v>
      </c>
      <c r="K394" s="196" t="str">
        <f t="shared" si="55"/>
        <v/>
      </c>
      <c r="L394" s="94">
        <v>0</v>
      </c>
      <c r="M394" s="259">
        <v>0</v>
      </c>
      <c r="N394" s="259">
        <v>0</v>
      </c>
      <c r="O394" s="259">
        <v>0</v>
      </c>
      <c r="P394" s="259">
        <v>0</v>
      </c>
      <c r="Q394" s="259"/>
      <c r="R394" s="259"/>
      <c r="S394" s="259"/>
      <c r="T394" s="259"/>
      <c r="U394" s="259"/>
      <c r="V394" s="259"/>
      <c r="W394" s="259"/>
      <c r="X394" s="259"/>
      <c r="Y394" s="259"/>
      <c r="Z394" s="259"/>
      <c r="AA394" s="259"/>
      <c r="AB394" s="259"/>
      <c r="AC394" s="259"/>
      <c r="AD394" s="259"/>
      <c r="AE394" s="259"/>
      <c r="AF394" s="259"/>
      <c r="AG394" s="259"/>
      <c r="AH394" s="259"/>
      <c r="AI394" s="259"/>
      <c r="AJ394" s="259"/>
      <c r="AK394" s="259"/>
      <c r="AL394" s="259"/>
      <c r="AM394" s="259"/>
      <c r="AN394" s="259"/>
      <c r="AO394" s="259"/>
      <c r="AP394" s="259"/>
      <c r="AQ394" s="259"/>
      <c r="AR394" s="259"/>
      <c r="AS394" s="259"/>
      <c r="AT394" s="259"/>
      <c r="AU394" s="259"/>
      <c r="AV394" s="259"/>
      <c r="AW394" s="259"/>
      <c r="AX394" s="259"/>
      <c r="AY394" s="259"/>
      <c r="AZ394" s="259"/>
      <c r="BA394" s="259"/>
      <c r="BB394" s="259"/>
      <c r="BC394" s="259"/>
      <c r="BD394" s="259"/>
      <c r="BE394" s="259"/>
      <c r="BF394" s="259"/>
      <c r="BG394" s="259"/>
      <c r="BH394" s="259"/>
      <c r="BI394" s="259"/>
      <c r="BJ394" s="259"/>
      <c r="BK394" s="259"/>
      <c r="BL394" s="259"/>
      <c r="BM394" s="259"/>
      <c r="BN394" s="259"/>
      <c r="BO394" s="259"/>
      <c r="BP394" s="259"/>
      <c r="BQ394" s="259"/>
      <c r="BR394" s="259"/>
      <c r="BS394" s="259"/>
    </row>
    <row r="395" spans="1:71" s="74" customFormat="1" ht="31.5" customHeight="1">
      <c r="A395" s="178"/>
      <c r="B395" s="92"/>
      <c r="C395" s="301" t="s">
        <v>124</v>
      </c>
      <c r="D395" s="302"/>
      <c r="E395" s="302"/>
      <c r="F395" s="302"/>
      <c r="G395" s="302"/>
      <c r="H395" s="303"/>
      <c r="I395" s="314"/>
      <c r="J395" s="195">
        <f t="shared" si="54"/>
        <v>1255</v>
      </c>
      <c r="K395" s="196" t="str">
        <f t="shared" si="55"/>
        <v/>
      </c>
      <c r="L395" s="94">
        <v>1255</v>
      </c>
      <c r="M395" s="259">
        <v>0</v>
      </c>
      <c r="N395" s="259">
        <v>0</v>
      </c>
      <c r="O395" s="259">
        <v>0</v>
      </c>
      <c r="P395" s="259">
        <v>0</v>
      </c>
      <c r="Q395" s="259"/>
      <c r="R395" s="259"/>
      <c r="S395" s="259"/>
      <c r="T395" s="259"/>
      <c r="U395" s="259"/>
      <c r="V395" s="259"/>
      <c r="W395" s="259"/>
      <c r="X395" s="259"/>
      <c r="Y395" s="259"/>
      <c r="Z395" s="259"/>
      <c r="AA395" s="259"/>
      <c r="AB395" s="259"/>
      <c r="AC395" s="259"/>
      <c r="AD395" s="259"/>
      <c r="AE395" s="259"/>
      <c r="AF395" s="259"/>
      <c r="AG395" s="259"/>
      <c r="AH395" s="259"/>
      <c r="AI395" s="259"/>
      <c r="AJ395" s="259"/>
      <c r="AK395" s="259"/>
      <c r="AL395" s="259"/>
      <c r="AM395" s="259"/>
      <c r="AN395" s="259"/>
      <c r="AO395" s="259"/>
      <c r="AP395" s="259"/>
      <c r="AQ395" s="259"/>
      <c r="AR395" s="259"/>
      <c r="AS395" s="259"/>
      <c r="AT395" s="259"/>
      <c r="AU395" s="259"/>
      <c r="AV395" s="259"/>
      <c r="AW395" s="259"/>
      <c r="AX395" s="259"/>
      <c r="AY395" s="259"/>
      <c r="AZ395" s="259"/>
      <c r="BA395" s="259"/>
      <c r="BB395" s="259"/>
      <c r="BC395" s="259"/>
      <c r="BD395" s="259"/>
      <c r="BE395" s="259"/>
      <c r="BF395" s="259"/>
      <c r="BG395" s="259"/>
      <c r="BH395" s="259"/>
      <c r="BI395" s="259"/>
      <c r="BJ395" s="259"/>
      <c r="BK395" s="259"/>
      <c r="BL395" s="259"/>
      <c r="BM395" s="259"/>
      <c r="BN395" s="259"/>
      <c r="BO395" s="259"/>
      <c r="BP395" s="259"/>
      <c r="BQ395" s="259"/>
      <c r="BR395" s="259"/>
      <c r="BS395" s="259"/>
    </row>
    <row r="396" spans="1:71" s="74" customFormat="1" ht="31.5" customHeight="1">
      <c r="A396" s="178"/>
      <c r="B396" s="92"/>
      <c r="C396" s="301" t="s">
        <v>374</v>
      </c>
      <c r="D396" s="302"/>
      <c r="E396" s="302"/>
      <c r="F396" s="302"/>
      <c r="G396" s="302"/>
      <c r="H396" s="303"/>
      <c r="I396" s="314"/>
      <c r="J396" s="195">
        <f t="shared" si="54"/>
        <v>0</v>
      </c>
      <c r="K396" s="196" t="str">
        <f t="shared" si="55"/>
        <v/>
      </c>
      <c r="L396" s="94">
        <v>0</v>
      </c>
      <c r="M396" s="259">
        <v>0</v>
      </c>
      <c r="N396" s="259">
        <v>0</v>
      </c>
      <c r="O396" s="259">
        <v>0</v>
      </c>
      <c r="P396" s="259">
        <v>0</v>
      </c>
      <c r="Q396" s="259"/>
      <c r="R396" s="259"/>
      <c r="S396" s="259"/>
      <c r="T396" s="259"/>
      <c r="U396" s="259"/>
      <c r="V396" s="259"/>
      <c r="W396" s="259"/>
      <c r="X396" s="259"/>
      <c r="Y396" s="259"/>
      <c r="Z396" s="259"/>
      <c r="AA396" s="259"/>
      <c r="AB396" s="259"/>
      <c r="AC396" s="259"/>
      <c r="AD396" s="259"/>
      <c r="AE396" s="259"/>
      <c r="AF396" s="259"/>
      <c r="AG396" s="259"/>
      <c r="AH396" s="259"/>
      <c r="AI396" s="259"/>
      <c r="AJ396" s="259"/>
      <c r="AK396" s="259"/>
      <c r="AL396" s="259"/>
      <c r="AM396" s="259"/>
      <c r="AN396" s="259"/>
      <c r="AO396" s="259"/>
      <c r="AP396" s="259"/>
      <c r="AQ396" s="259"/>
      <c r="AR396" s="259"/>
      <c r="AS396" s="259"/>
      <c r="AT396" s="259"/>
      <c r="AU396" s="259"/>
      <c r="AV396" s="259"/>
      <c r="AW396" s="259"/>
      <c r="AX396" s="259"/>
      <c r="AY396" s="259"/>
      <c r="AZ396" s="259"/>
      <c r="BA396" s="259"/>
      <c r="BB396" s="259"/>
      <c r="BC396" s="259"/>
      <c r="BD396" s="259"/>
      <c r="BE396" s="259"/>
      <c r="BF396" s="259"/>
      <c r="BG396" s="259"/>
      <c r="BH396" s="259"/>
      <c r="BI396" s="259"/>
      <c r="BJ396" s="259"/>
      <c r="BK396" s="259"/>
      <c r="BL396" s="259"/>
      <c r="BM396" s="259"/>
      <c r="BN396" s="259"/>
      <c r="BO396" s="259"/>
      <c r="BP396" s="259"/>
      <c r="BQ396" s="259"/>
      <c r="BR396" s="259"/>
      <c r="BS396" s="259"/>
    </row>
    <row r="397" spans="1:71" s="74" customFormat="1" ht="31.5" customHeight="1">
      <c r="A397" s="178"/>
      <c r="B397" s="92"/>
      <c r="C397" s="301" t="s">
        <v>375</v>
      </c>
      <c r="D397" s="302"/>
      <c r="E397" s="302"/>
      <c r="F397" s="302"/>
      <c r="G397" s="302"/>
      <c r="H397" s="303"/>
      <c r="I397" s="314"/>
      <c r="J397" s="195">
        <f t="shared" si="54"/>
        <v>0</v>
      </c>
      <c r="K397" s="196" t="str">
        <f t="shared" si="55"/>
        <v/>
      </c>
      <c r="L397" s="94">
        <v>0</v>
      </c>
      <c r="M397" s="259">
        <v>0</v>
      </c>
      <c r="N397" s="259">
        <v>0</v>
      </c>
      <c r="O397" s="259">
        <v>0</v>
      </c>
      <c r="P397" s="259">
        <v>0</v>
      </c>
      <c r="Q397" s="259"/>
      <c r="R397" s="259"/>
      <c r="S397" s="259"/>
      <c r="T397" s="259"/>
      <c r="U397" s="259"/>
      <c r="V397" s="259"/>
      <c r="W397" s="259"/>
      <c r="X397" s="259"/>
      <c r="Y397" s="259"/>
      <c r="Z397" s="259"/>
      <c r="AA397" s="259"/>
      <c r="AB397" s="259"/>
      <c r="AC397" s="259"/>
      <c r="AD397" s="259"/>
      <c r="AE397" s="259"/>
      <c r="AF397" s="259"/>
      <c r="AG397" s="259"/>
      <c r="AH397" s="259"/>
      <c r="AI397" s="259"/>
      <c r="AJ397" s="259"/>
      <c r="AK397" s="259"/>
      <c r="AL397" s="259"/>
      <c r="AM397" s="259"/>
      <c r="AN397" s="259"/>
      <c r="AO397" s="259"/>
      <c r="AP397" s="259"/>
      <c r="AQ397" s="259"/>
      <c r="AR397" s="259"/>
      <c r="AS397" s="259"/>
      <c r="AT397" s="259"/>
      <c r="AU397" s="259"/>
      <c r="AV397" s="259"/>
      <c r="AW397" s="259"/>
      <c r="AX397" s="259"/>
      <c r="AY397" s="259"/>
      <c r="AZ397" s="259"/>
      <c r="BA397" s="259"/>
      <c r="BB397" s="259"/>
      <c r="BC397" s="259"/>
      <c r="BD397" s="259"/>
      <c r="BE397" s="259"/>
      <c r="BF397" s="259"/>
      <c r="BG397" s="259"/>
      <c r="BH397" s="259"/>
      <c r="BI397" s="259"/>
      <c r="BJ397" s="259"/>
      <c r="BK397" s="259"/>
      <c r="BL397" s="259"/>
      <c r="BM397" s="259"/>
      <c r="BN397" s="259"/>
      <c r="BO397" s="259"/>
      <c r="BP397" s="259"/>
      <c r="BQ397" s="259"/>
      <c r="BR397" s="259"/>
      <c r="BS397" s="259"/>
    </row>
    <row r="398" spans="1:71" s="74" customFormat="1" ht="31.5" customHeight="1">
      <c r="A398" s="178"/>
      <c r="B398" s="92"/>
      <c r="C398" s="301" t="s">
        <v>376</v>
      </c>
      <c r="D398" s="302"/>
      <c r="E398" s="302"/>
      <c r="F398" s="302"/>
      <c r="G398" s="302"/>
      <c r="H398" s="303"/>
      <c r="I398" s="314"/>
      <c r="J398" s="195">
        <f t="shared" si="54"/>
        <v>0</v>
      </c>
      <c r="K398" s="196" t="str">
        <f t="shared" si="55"/>
        <v/>
      </c>
      <c r="L398" s="94">
        <v>0</v>
      </c>
      <c r="M398" s="259">
        <v>0</v>
      </c>
      <c r="N398" s="259">
        <v>0</v>
      </c>
      <c r="O398" s="259">
        <v>0</v>
      </c>
      <c r="P398" s="259">
        <v>0</v>
      </c>
      <c r="Q398" s="259"/>
      <c r="R398" s="259"/>
      <c r="S398" s="259"/>
      <c r="T398" s="259"/>
      <c r="U398" s="259"/>
      <c r="V398" s="259"/>
      <c r="W398" s="259"/>
      <c r="X398" s="259"/>
      <c r="Y398" s="259"/>
      <c r="Z398" s="259"/>
      <c r="AA398" s="259"/>
      <c r="AB398" s="259"/>
      <c r="AC398" s="259"/>
      <c r="AD398" s="259"/>
      <c r="AE398" s="259"/>
      <c r="AF398" s="259"/>
      <c r="AG398" s="259"/>
      <c r="AH398" s="259"/>
      <c r="AI398" s="259"/>
      <c r="AJ398" s="259"/>
      <c r="AK398" s="259"/>
      <c r="AL398" s="259"/>
      <c r="AM398" s="259"/>
      <c r="AN398" s="259"/>
      <c r="AO398" s="259"/>
      <c r="AP398" s="259"/>
      <c r="AQ398" s="259"/>
      <c r="AR398" s="259"/>
      <c r="AS398" s="259"/>
      <c r="AT398" s="259"/>
      <c r="AU398" s="259"/>
      <c r="AV398" s="259"/>
      <c r="AW398" s="259"/>
      <c r="AX398" s="259"/>
      <c r="AY398" s="259"/>
      <c r="AZ398" s="259"/>
      <c r="BA398" s="259"/>
      <c r="BB398" s="259"/>
      <c r="BC398" s="259"/>
      <c r="BD398" s="259"/>
      <c r="BE398" s="259"/>
      <c r="BF398" s="259"/>
      <c r="BG398" s="259"/>
      <c r="BH398" s="259"/>
      <c r="BI398" s="259"/>
      <c r="BJ398" s="259"/>
      <c r="BK398" s="259"/>
      <c r="BL398" s="259"/>
      <c r="BM398" s="259"/>
      <c r="BN398" s="259"/>
      <c r="BO398" s="259"/>
      <c r="BP398" s="259"/>
      <c r="BQ398" s="259"/>
      <c r="BR398" s="259"/>
      <c r="BS398" s="259"/>
    </row>
    <row r="399" spans="1:71" s="74" customFormat="1" ht="31.5" customHeight="1">
      <c r="A399" s="178"/>
      <c r="B399" s="92"/>
      <c r="C399" s="301" t="s">
        <v>377</v>
      </c>
      <c r="D399" s="302"/>
      <c r="E399" s="302"/>
      <c r="F399" s="302"/>
      <c r="G399" s="302"/>
      <c r="H399" s="303"/>
      <c r="I399" s="314"/>
      <c r="J399" s="195">
        <f t="shared" si="54"/>
        <v>0</v>
      </c>
      <c r="K399" s="196" t="str">
        <f t="shared" si="55"/>
        <v/>
      </c>
      <c r="L399" s="94">
        <v>0</v>
      </c>
      <c r="M399" s="259">
        <v>0</v>
      </c>
      <c r="N399" s="259">
        <v>0</v>
      </c>
      <c r="O399" s="259">
        <v>0</v>
      </c>
      <c r="P399" s="259">
        <v>0</v>
      </c>
      <c r="Q399" s="259"/>
      <c r="R399" s="259"/>
      <c r="S399" s="259"/>
      <c r="T399" s="259"/>
      <c r="U399" s="259"/>
      <c r="V399" s="259"/>
      <c r="W399" s="259"/>
      <c r="X399" s="259"/>
      <c r="Y399" s="259"/>
      <c r="Z399" s="259"/>
      <c r="AA399" s="259"/>
      <c r="AB399" s="259"/>
      <c r="AC399" s="259"/>
      <c r="AD399" s="259"/>
      <c r="AE399" s="259"/>
      <c r="AF399" s="259"/>
      <c r="AG399" s="259"/>
      <c r="AH399" s="259"/>
      <c r="AI399" s="259"/>
      <c r="AJ399" s="259"/>
      <c r="AK399" s="259"/>
      <c r="AL399" s="259"/>
      <c r="AM399" s="259"/>
      <c r="AN399" s="259"/>
      <c r="AO399" s="259"/>
      <c r="AP399" s="259"/>
      <c r="AQ399" s="259"/>
      <c r="AR399" s="259"/>
      <c r="AS399" s="259"/>
      <c r="AT399" s="259"/>
      <c r="AU399" s="259"/>
      <c r="AV399" s="259"/>
      <c r="AW399" s="259"/>
      <c r="AX399" s="259"/>
      <c r="AY399" s="259"/>
      <c r="AZ399" s="259"/>
      <c r="BA399" s="259"/>
      <c r="BB399" s="259"/>
      <c r="BC399" s="259"/>
      <c r="BD399" s="259"/>
      <c r="BE399" s="259"/>
      <c r="BF399" s="259"/>
      <c r="BG399" s="259"/>
      <c r="BH399" s="259"/>
      <c r="BI399" s="259"/>
      <c r="BJ399" s="259"/>
      <c r="BK399" s="259"/>
      <c r="BL399" s="259"/>
      <c r="BM399" s="259"/>
      <c r="BN399" s="259"/>
      <c r="BO399" s="259"/>
      <c r="BP399" s="259"/>
      <c r="BQ399" s="259"/>
      <c r="BR399" s="259"/>
      <c r="BS399" s="259"/>
    </row>
    <row r="400" spans="1:71" s="74" customFormat="1" ht="31.5" customHeight="1">
      <c r="A400" s="178"/>
      <c r="B400" s="92"/>
      <c r="C400" s="301" t="s">
        <v>378</v>
      </c>
      <c r="D400" s="302"/>
      <c r="E400" s="302"/>
      <c r="F400" s="302"/>
      <c r="G400" s="302"/>
      <c r="H400" s="303"/>
      <c r="I400" s="314"/>
      <c r="J400" s="195">
        <f t="shared" si="54"/>
        <v>0</v>
      </c>
      <c r="K400" s="196" t="str">
        <f t="shared" si="55"/>
        <v/>
      </c>
      <c r="L400" s="94">
        <v>0</v>
      </c>
      <c r="M400" s="259">
        <v>0</v>
      </c>
      <c r="N400" s="259">
        <v>0</v>
      </c>
      <c r="O400" s="259">
        <v>0</v>
      </c>
      <c r="P400" s="259">
        <v>0</v>
      </c>
      <c r="Q400" s="259"/>
      <c r="R400" s="259"/>
      <c r="S400" s="259"/>
      <c r="T400" s="259"/>
      <c r="U400" s="259"/>
      <c r="V400" s="259"/>
      <c r="W400" s="259"/>
      <c r="X400" s="259"/>
      <c r="Y400" s="259"/>
      <c r="Z400" s="259"/>
      <c r="AA400" s="259"/>
      <c r="AB400" s="259"/>
      <c r="AC400" s="259"/>
      <c r="AD400" s="259"/>
      <c r="AE400" s="259"/>
      <c r="AF400" s="259"/>
      <c r="AG400" s="259"/>
      <c r="AH400" s="259"/>
      <c r="AI400" s="259"/>
      <c r="AJ400" s="259"/>
      <c r="AK400" s="259"/>
      <c r="AL400" s="259"/>
      <c r="AM400" s="259"/>
      <c r="AN400" s="259"/>
      <c r="AO400" s="259"/>
      <c r="AP400" s="259"/>
      <c r="AQ400" s="259"/>
      <c r="AR400" s="259"/>
      <c r="AS400" s="259"/>
      <c r="AT400" s="259"/>
      <c r="AU400" s="259"/>
      <c r="AV400" s="259"/>
      <c r="AW400" s="259"/>
      <c r="AX400" s="259"/>
      <c r="AY400" s="259"/>
      <c r="AZ400" s="259"/>
      <c r="BA400" s="259"/>
      <c r="BB400" s="259"/>
      <c r="BC400" s="259"/>
      <c r="BD400" s="259"/>
      <c r="BE400" s="259"/>
      <c r="BF400" s="259"/>
      <c r="BG400" s="259"/>
      <c r="BH400" s="259"/>
      <c r="BI400" s="259"/>
      <c r="BJ400" s="259"/>
      <c r="BK400" s="259"/>
      <c r="BL400" s="259"/>
      <c r="BM400" s="259"/>
      <c r="BN400" s="259"/>
      <c r="BO400" s="259"/>
      <c r="BP400" s="259"/>
      <c r="BQ400" s="259"/>
      <c r="BR400" s="259"/>
      <c r="BS400" s="259"/>
    </row>
    <row r="401" spans="1:71" s="74" customFormat="1" ht="31.5" customHeight="1">
      <c r="A401" s="178"/>
      <c r="B401" s="92"/>
      <c r="C401" s="301" t="s">
        <v>379</v>
      </c>
      <c r="D401" s="302"/>
      <c r="E401" s="302"/>
      <c r="F401" s="302"/>
      <c r="G401" s="302"/>
      <c r="H401" s="303"/>
      <c r="I401" s="314"/>
      <c r="J401" s="195">
        <f t="shared" si="54"/>
        <v>0</v>
      </c>
      <c r="K401" s="196" t="str">
        <f t="shared" si="55"/>
        <v/>
      </c>
      <c r="L401" s="94">
        <v>0</v>
      </c>
      <c r="M401" s="259">
        <v>0</v>
      </c>
      <c r="N401" s="259">
        <v>0</v>
      </c>
      <c r="O401" s="259">
        <v>0</v>
      </c>
      <c r="P401" s="259">
        <v>0</v>
      </c>
      <c r="Q401" s="259"/>
      <c r="R401" s="259"/>
      <c r="S401" s="259"/>
      <c r="T401" s="259"/>
      <c r="U401" s="259"/>
      <c r="V401" s="259"/>
      <c r="W401" s="259"/>
      <c r="X401" s="259"/>
      <c r="Y401" s="259"/>
      <c r="Z401" s="259"/>
      <c r="AA401" s="259"/>
      <c r="AB401" s="259"/>
      <c r="AC401" s="259"/>
      <c r="AD401" s="259"/>
      <c r="AE401" s="259"/>
      <c r="AF401" s="259"/>
      <c r="AG401" s="259"/>
      <c r="AH401" s="259"/>
      <c r="AI401" s="259"/>
      <c r="AJ401" s="259"/>
      <c r="AK401" s="259"/>
      <c r="AL401" s="259"/>
      <c r="AM401" s="259"/>
      <c r="AN401" s="259"/>
      <c r="AO401" s="259"/>
      <c r="AP401" s="259"/>
      <c r="AQ401" s="259"/>
      <c r="AR401" s="259"/>
      <c r="AS401" s="259"/>
      <c r="AT401" s="259"/>
      <c r="AU401" s="259"/>
      <c r="AV401" s="259"/>
      <c r="AW401" s="259"/>
      <c r="AX401" s="259"/>
      <c r="AY401" s="259"/>
      <c r="AZ401" s="259"/>
      <c r="BA401" s="259"/>
      <c r="BB401" s="259"/>
      <c r="BC401" s="259"/>
      <c r="BD401" s="259"/>
      <c r="BE401" s="259"/>
      <c r="BF401" s="259"/>
      <c r="BG401" s="259"/>
      <c r="BH401" s="259"/>
      <c r="BI401" s="259"/>
      <c r="BJ401" s="259"/>
      <c r="BK401" s="259"/>
      <c r="BL401" s="259"/>
      <c r="BM401" s="259"/>
      <c r="BN401" s="259"/>
      <c r="BO401" s="259"/>
      <c r="BP401" s="259"/>
      <c r="BQ401" s="259"/>
      <c r="BR401" s="259"/>
      <c r="BS401" s="259"/>
    </row>
    <row r="402" spans="1:71" s="74" customFormat="1" ht="31.5" customHeight="1">
      <c r="A402" s="178"/>
      <c r="B402" s="92"/>
      <c r="C402" s="301" t="s">
        <v>380</v>
      </c>
      <c r="D402" s="302"/>
      <c r="E402" s="302"/>
      <c r="F402" s="302"/>
      <c r="G402" s="302"/>
      <c r="H402" s="303"/>
      <c r="I402" s="314"/>
      <c r="J402" s="195">
        <f t="shared" si="54"/>
        <v>0</v>
      </c>
      <c r="K402" s="196" t="str">
        <f t="shared" si="55"/>
        <v/>
      </c>
      <c r="L402" s="94">
        <v>0</v>
      </c>
      <c r="M402" s="259">
        <v>0</v>
      </c>
      <c r="N402" s="259">
        <v>0</v>
      </c>
      <c r="O402" s="259">
        <v>0</v>
      </c>
      <c r="P402" s="259">
        <v>0</v>
      </c>
      <c r="Q402" s="259"/>
      <c r="R402" s="259"/>
      <c r="S402" s="259"/>
      <c r="T402" s="259"/>
      <c r="U402" s="259"/>
      <c r="V402" s="259"/>
      <c r="W402" s="259"/>
      <c r="X402" s="259"/>
      <c r="Y402" s="259"/>
      <c r="Z402" s="259"/>
      <c r="AA402" s="259"/>
      <c r="AB402" s="259"/>
      <c r="AC402" s="259"/>
      <c r="AD402" s="259"/>
      <c r="AE402" s="259"/>
      <c r="AF402" s="259"/>
      <c r="AG402" s="259"/>
      <c r="AH402" s="259"/>
      <c r="AI402" s="259"/>
      <c r="AJ402" s="259"/>
      <c r="AK402" s="259"/>
      <c r="AL402" s="259"/>
      <c r="AM402" s="259"/>
      <c r="AN402" s="259"/>
      <c r="AO402" s="259"/>
      <c r="AP402" s="259"/>
      <c r="AQ402" s="259"/>
      <c r="AR402" s="259"/>
      <c r="AS402" s="259"/>
      <c r="AT402" s="259"/>
      <c r="AU402" s="259"/>
      <c r="AV402" s="259"/>
      <c r="AW402" s="259"/>
      <c r="AX402" s="259"/>
      <c r="AY402" s="259"/>
      <c r="AZ402" s="259"/>
      <c r="BA402" s="259"/>
      <c r="BB402" s="259"/>
      <c r="BC402" s="259"/>
      <c r="BD402" s="259"/>
      <c r="BE402" s="259"/>
      <c r="BF402" s="259"/>
      <c r="BG402" s="259"/>
      <c r="BH402" s="259"/>
      <c r="BI402" s="259"/>
      <c r="BJ402" s="259"/>
      <c r="BK402" s="259"/>
      <c r="BL402" s="259"/>
      <c r="BM402" s="259"/>
      <c r="BN402" s="259"/>
      <c r="BO402" s="259"/>
      <c r="BP402" s="259"/>
      <c r="BQ402" s="259"/>
      <c r="BR402" s="259"/>
      <c r="BS402" s="259"/>
    </row>
    <row r="403" spans="1:71" s="74" customFormat="1" ht="31.5" customHeight="1">
      <c r="A403" s="178"/>
      <c r="B403" s="92"/>
      <c r="C403" s="301" t="s">
        <v>381</v>
      </c>
      <c r="D403" s="302"/>
      <c r="E403" s="302"/>
      <c r="F403" s="302"/>
      <c r="G403" s="302"/>
      <c r="H403" s="303"/>
      <c r="I403" s="314"/>
      <c r="J403" s="195">
        <f t="shared" si="54"/>
        <v>0</v>
      </c>
      <c r="K403" s="196" t="str">
        <f t="shared" si="55"/>
        <v/>
      </c>
      <c r="L403" s="94">
        <v>0</v>
      </c>
      <c r="M403" s="259">
        <v>0</v>
      </c>
      <c r="N403" s="259">
        <v>0</v>
      </c>
      <c r="O403" s="259">
        <v>0</v>
      </c>
      <c r="P403" s="259">
        <v>0</v>
      </c>
      <c r="Q403" s="259"/>
      <c r="R403" s="259"/>
      <c r="S403" s="259"/>
      <c r="T403" s="259"/>
      <c r="U403" s="259"/>
      <c r="V403" s="259"/>
      <c r="W403" s="259"/>
      <c r="X403" s="259"/>
      <c r="Y403" s="259"/>
      <c r="Z403" s="259"/>
      <c r="AA403" s="259"/>
      <c r="AB403" s="259"/>
      <c r="AC403" s="259"/>
      <c r="AD403" s="259"/>
      <c r="AE403" s="259"/>
      <c r="AF403" s="259"/>
      <c r="AG403" s="259"/>
      <c r="AH403" s="259"/>
      <c r="AI403" s="259"/>
      <c r="AJ403" s="259"/>
      <c r="AK403" s="259"/>
      <c r="AL403" s="259"/>
      <c r="AM403" s="259"/>
      <c r="AN403" s="259"/>
      <c r="AO403" s="259"/>
      <c r="AP403" s="259"/>
      <c r="AQ403" s="259"/>
      <c r="AR403" s="259"/>
      <c r="AS403" s="259"/>
      <c r="AT403" s="259"/>
      <c r="AU403" s="259"/>
      <c r="AV403" s="259"/>
      <c r="AW403" s="259"/>
      <c r="AX403" s="259"/>
      <c r="AY403" s="259"/>
      <c r="AZ403" s="259"/>
      <c r="BA403" s="259"/>
      <c r="BB403" s="259"/>
      <c r="BC403" s="259"/>
      <c r="BD403" s="259"/>
      <c r="BE403" s="259"/>
      <c r="BF403" s="259"/>
      <c r="BG403" s="259"/>
      <c r="BH403" s="259"/>
      <c r="BI403" s="259"/>
      <c r="BJ403" s="259"/>
      <c r="BK403" s="259"/>
      <c r="BL403" s="259"/>
      <c r="BM403" s="259"/>
      <c r="BN403" s="259"/>
      <c r="BO403" s="259"/>
      <c r="BP403" s="259"/>
      <c r="BQ403" s="259"/>
      <c r="BR403" s="259"/>
      <c r="BS403" s="259"/>
    </row>
    <row r="404" spans="1:71" s="74" customFormat="1" ht="31.5" customHeight="1">
      <c r="A404" s="178"/>
      <c r="B404" s="92"/>
      <c r="C404" s="301" t="s">
        <v>128</v>
      </c>
      <c r="D404" s="302"/>
      <c r="E404" s="302"/>
      <c r="F404" s="302"/>
      <c r="G404" s="302"/>
      <c r="H404" s="303"/>
      <c r="I404" s="314"/>
      <c r="J404" s="195">
        <f t="shared" si="54"/>
        <v>513</v>
      </c>
      <c r="K404" s="196" t="str">
        <f t="shared" si="55"/>
        <v>※</v>
      </c>
      <c r="L404" s="94">
        <v>0</v>
      </c>
      <c r="M404" s="259" t="s">
        <v>382</v>
      </c>
      <c r="N404" s="259">
        <v>0</v>
      </c>
      <c r="O404" s="259">
        <v>0</v>
      </c>
      <c r="P404" s="259">
        <v>513</v>
      </c>
      <c r="Q404" s="259"/>
      <c r="R404" s="259"/>
      <c r="S404" s="259"/>
      <c r="T404" s="259"/>
      <c r="U404" s="259"/>
      <c r="V404" s="259"/>
      <c r="W404" s="259"/>
      <c r="X404" s="259"/>
      <c r="Y404" s="259"/>
      <c r="Z404" s="259"/>
      <c r="AA404" s="259"/>
      <c r="AB404" s="259"/>
      <c r="AC404" s="259"/>
      <c r="AD404" s="259"/>
      <c r="AE404" s="259"/>
      <c r="AF404" s="259"/>
      <c r="AG404" s="259"/>
      <c r="AH404" s="259"/>
      <c r="AI404" s="259"/>
      <c r="AJ404" s="259"/>
      <c r="AK404" s="259"/>
      <c r="AL404" s="259"/>
      <c r="AM404" s="259"/>
      <c r="AN404" s="259"/>
      <c r="AO404" s="259"/>
      <c r="AP404" s="259"/>
      <c r="AQ404" s="259"/>
      <c r="AR404" s="259"/>
      <c r="AS404" s="259"/>
      <c r="AT404" s="259"/>
      <c r="AU404" s="259"/>
      <c r="AV404" s="259"/>
      <c r="AW404" s="259"/>
      <c r="AX404" s="259"/>
      <c r="AY404" s="259"/>
      <c r="AZ404" s="259"/>
      <c r="BA404" s="259"/>
      <c r="BB404" s="259"/>
      <c r="BC404" s="259"/>
      <c r="BD404" s="259"/>
      <c r="BE404" s="259"/>
      <c r="BF404" s="259"/>
      <c r="BG404" s="259"/>
      <c r="BH404" s="259"/>
      <c r="BI404" s="259"/>
      <c r="BJ404" s="259"/>
      <c r="BK404" s="259"/>
      <c r="BL404" s="259"/>
      <c r="BM404" s="259"/>
      <c r="BN404" s="259"/>
      <c r="BO404" s="259"/>
      <c r="BP404" s="259"/>
      <c r="BQ404" s="259"/>
      <c r="BR404" s="259"/>
      <c r="BS404" s="259"/>
    </row>
    <row r="405" spans="1:71" s="74" customFormat="1" ht="31.5" customHeight="1">
      <c r="A405" s="178"/>
      <c r="B405" s="92"/>
      <c r="C405" s="301" t="s">
        <v>383</v>
      </c>
      <c r="D405" s="302"/>
      <c r="E405" s="302"/>
      <c r="F405" s="302"/>
      <c r="G405" s="302"/>
      <c r="H405" s="303"/>
      <c r="I405" s="314"/>
      <c r="J405" s="195">
        <f t="shared" si="54"/>
        <v>0</v>
      </c>
      <c r="K405" s="196" t="str">
        <f t="shared" si="55"/>
        <v/>
      </c>
      <c r="L405" s="94">
        <v>0</v>
      </c>
      <c r="M405" s="259">
        <v>0</v>
      </c>
      <c r="N405" s="259">
        <v>0</v>
      </c>
      <c r="O405" s="259">
        <v>0</v>
      </c>
      <c r="P405" s="259">
        <v>0</v>
      </c>
      <c r="Q405" s="259"/>
      <c r="R405" s="259"/>
      <c r="S405" s="259"/>
      <c r="T405" s="259"/>
      <c r="U405" s="259"/>
      <c r="V405" s="259"/>
      <c r="W405" s="259"/>
      <c r="X405" s="259"/>
      <c r="Y405" s="259"/>
      <c r="Z405" s="259"/>
      <c r="AA405" s="259"/>
      <c r="AB405" s="259"/>
      <c r="AC405" s="259"/>
      <c r="AD405" s="259"/>
      <c r="AE405" s="259"/>
      <c r="AF405" s="259"/>
      <c r="AG405" s="259"/>
      <c r="AH405" s="259"/>
      <c r="AI405" s="259"/>
      <c r="AJ405" s="259"/>
      <c r="AK405" s="259"/>
      <c r="AL405" s="259"/>
      <c r="AM405" s="259"/>
      <c r="AN405" s="259"/>
      <c r="AO405" s="259"/>
      <c r="AP405" s="259"/>
      <c r="AQ405" s="259"/>
      <c r="AR405" s="259"/>
      <c r="AS405" s="259"/>
      <c r="AT405" s="259"/>
      <c r="AU405" s="259"/>
      <c r="AV405" s="259"/>
      <c r="AW405" s="259"/>
      <c r="AX405" s="259"/>
      <c r="AY405" s="259"/>
      <c r="AZ405" s="259"/>
      <c r="BA405" s="259"/>
      <c r="BB405" s="259"/>
      <c r="BC405" s="259"/>
      <c r="BD405" s="259"/>
      <c r="BE405" s="259"/>
      <c r="BF405" s="259"/>
      <c r="BG405" s="259"/>
      <c r="BH405" s="259"/>
      <c r="BI405" s="259"/>
      <c r="BJ405" s="259"/>
      <c r="BK405" s="259"/>
      <c r="BL405" s="259"/>
      <c r="BM405" s="259"/>
      <c r="BN405" s="259"/>
      <c r="BO405" s="259"/>
      <c r="BP405" s="259"/>
      <c r="BQ405" s="259"/>
      <c r="BR405" s="259"/>
      <c r="BS405" s="259"/>
    </row>
    <row r="406" spans="1:71" s="74" customFormat="1" ht="31.5" customHeight="1">
      <c r="A406" s="178"/>
      <c r="B406" s="92"/>
      <c r="C406" s="301" t="s">
        <v>384</v>
      </c>
      <c r="D406" s="302"/>
      <c r="E406" s="302"/>
      <c r="F406" s="302"/>
      <c r="G406" s="302"/>
      <c r="H406" s="303"/>
      <c r="I406" s="314"/>
      <c r="J406" s="195">
        <f t="shared" si="54"/>
        <v>0</v>
      </c>
      <c r="K406" s="196" t="str">
        <f t="shared" si="55"/>
        <v/>
      </c>
      <c r="L406" s="94">
        <v>0</v>
      </c>
      <c r="M406" s="259">
        <v>0</v>
      </c>
      <c r="N406" s="259">
        <v>0</v>
      </c>
      <c r="O406" s="259">
        <v>0</v>
      </c>
      <c r="P406" s="259">
        <v>0</v>
      </c>
      <c r="Q406" s="259"/>
      <c r="R406" s="259"/>
      <c r="S406" s="259"/>
      <c r="T406" s="259"/>
      <c r="U406" s="259"/>
      <c r="V406" s="259"/>
      <c r="W406" s="259"/>
      <c r="X406" s="259"/>
      <c r="Y406" s="259"/>
      <c r="Z406" s="259"/>
      <c r="AA406" s="259"/>
      <c r="AB406" s="259"/>
      <c r="AC406" s="259"/>
      <c r="AD406" s="259"/>
      <c r="AE406" s="259"/>
      <c r="AF406" s="259"/>
      <c r="AG406" s="259"/>
      <c r="AH406" s="259"/>
      <c r="AI406" s="259"/>
      <c r="AJ406" s="259"/>
      <c r="AK406" s="259"/>
      <c r="AL406" s="259"/>
      <c r="AM406" s="259"/>
      <c r="AN406" s="259"/>
      <c r="AO406" s="259"/>
      <c r="AP406" s="259"/>
      <c r="AQ406" s="259"/>
      <c r="AR406" s="259"/>
      <c r="AS406" s="259"/>
      <c r="AT406" s="259"/>
      <c r="AU406" s="259"/>
      <c r="AV406" s="259"/>
      <c r="AW406" s="259"/>
      <c r="AX406" s="259"/>
      <c r="AY406" s="259"/>
      <c r="AZ406" s="259"/>
      <c r="BA406" s="259"/>
      <c r="BB406" s="259"/>
      <c r="BC406" s="259"/>
      <c r="BD406" s="259"/>
      <c r="BE406" s="259"/>
      <c r="BF406" s="259"/>
      <c r="BG406" s="259"/>
      <c r="BH406" s="259"/>
      <c r="BI406" s="259"/>
      <c r="BJ406" s="259"/>
      <c r="BK406" s="259"/>
      <c r="BL406" s="259"/>
      <c r="BM406" s="259"/>
      <c r="BN406" s="259"/>
      <c r="BO406" s="259"/>
      <c r="BP406" s="259"/>
      <c r="BQ406" s="259"/>
      <c r="BR406" s="259"/>
      <c r="BS406" s="259"/>
    </row>
    <row r="407" spans="1:71" s="74" customFormat="1" ht="31.5" customHeight="1">
      <c r="A407" s="178"/>
      <c r="B407" s="92"/>
      <c r="C407" s="301" t="s">
        <v>385</v>
      </c>
      <c r="D407" s="302"/>
      <c r="E407" s="302"/>
      <c r="F407" s="302"/>
      <c r="G407" s="302"/>
      <c r="H407" s="303"/>
      <c r="I407" s="314"/>
      <c r="J407" s="195">
        <f t="shared" si="54"/>
        <v>0</v>
      </c>
      <c r="K407" s="196" t="str">
        <f t="shared" si="55"/>
        <v/>
      </c>
      <c r="L407" s="94">
        <v>0</v>
      </c>
      <c r="M407" s="259">
        <v>0</v>
      </c>
      <c r="N407" s="259">
        <v>0</v>
      </c>
      <c r="O407" s="259">
        <v>0</v>
      </c>
      <c r="P407" s="259">
        <v>0</v>
      </c>
      <c r="Q407" s="259"/>
      <c r="R407" s="259"/>
      <c r="S407" s="259"/>
      <c r="T407" s="259"/>
      <c r="U407" s="259"/>
      <c r="V407" s="259"/>
      <c r="W407" s="259"/>
      <c r="X407" s="259"/>
      <c r="Y407" s="259"/>
      <c r="Z407" s="259"/>
      <c r="AA407" s="259"/>
      <c r="AB407" s="259"/>
      <c r="AC407" s="259"/>
      <c r="AD407" s="259"/>
      <c r="AE407" s="259"/>
      <c r="AF407" s="259"/>
      <c r="AG407" s="259"/>
      <c r="AH407" s="259"/>
      <c r="AI407" s="259"/>
      <c r="AJ407" s="259"/>
      <c r="AK407" s="259"/>
      <c r="AL407" s="259"/>
      <c r="AM407" s="259"/>
      <c r="AN407" s="259"/>
      <c r="AO407" s="259"/>
      <c r="AP407" s="259"/>
      <c r="AQ407" s="259"/>
      <c r="AR407" s="259"/>
      <c r="AS407" s="259"/>
      <c r="AT407" s="259"/>
      <c r="AU407" s="259"/>
      <c r="AV407" s="259"/>
      <c r="AW407" s="259"/>
      <c r="AX407" s="259"/>
      <c r="AY407" s="259"/>
      <c r="AZ407" s="259"/>
      <c r="BA407" s="259"/>
      <c r="BB407" s="259"/>
      <c r="BC407" s="259"/>
      <c r="BD407" s="259"/>
      <c r="BE407" s="259"/>
      <c r="BF407" s="259"/>
      <c r="BG407" s="259"/>
      <c r="BH407" s="259"/>
      <c r="BI407" s="259"/>
      <c r="BJ407" s="259"/>
      <c r="BK407" s="259"/>
      <c r="BL407" s="259"/>
      <c r="BM407" s="259"/>
      <c r="BN407" s="259"/>
      <c r="BO407" s="259"/>
      <c r="BP407" s="259"/>
      <c r="BQ407" s="259"/>
      <c r="BR407" s="259"/>
      <c r="BS407" s="259"/>
    </row>
    <row r="408" spans="1:71" s="74" customFormat="1" ht="31.5" customHeight="1">
      <c r="A408" s="178"/>
      <c r="B408" s="92"/>
      <c r="C408" s="301" t="s">
        <v>386</v>
      </c>
      <c r="D408" s="302"/>
      <c r="E408" s="302"/>
      <c r="F408" s="302"/>
      <c r="G408" s="302"/>
      <c r="H408" s="303"/>
      <c r="I408" s="314"/>
      <c r="J408" s="195">
        <f t="shared" si="54"/>
        <v>0</v>
      </c>
      <c r="K408" s="196" t="str">
        <f t="shared" si="55"/>
        <v/>
      </c>
      <c r="L408" s="94">
        <v>0</v>
      </c>
      <c r="M408" s="259">
        <v>0</v>
      </c>
      <c r="N408" s="259">
        <v>0</v>
      </c>
      <c r="O408" s="259">
        <v>0</v>
      </c>
      <c r="P408" s="259">
        <v>0</v>
      </c>
      <c r="Q408" s="259"/>
      <c r="R408" s="259"/>
      <c r="S408" s="259"/>
      <c r="T408" s="259"/>
      <c r="U408" s="259"/>
      <c r="V408" s="259"/>
      <c r="W408" s="259"/>
      <c r="X408" s="259"/>
      <c r="Y408" s="259"/>
      <c r="Z408" s="259"/>
      <c r="AA408" s="259"/>
      <c r="AB408" s="259"/>
      <c r="AC408" s="259"/>
      <c r="AD408" s="259"/>
      <c r="AE408" s="259"/>
      <c r="AF408" s="259"/>
      <c r="AG408" s="259"/>
      <c r="AH408" s="259"/>
      <c r="AI408" s="259"/>
      <c r="AJ408" s="259"/>
      <c r="AK408" s="259"/>
      <c r="AL408" s="259"/>
      <c r="AM408" s="259"/>
      <c r="AN408" s="259"/>
      <c r="AO408" s="259"/>
      <c r="AP408" s="259"/>
      <c r="AQ408" s="259"/>
      <c r="AR408" s="259"/>
      <c r="AS408" s="259"/>
      <c r="AT408" s="259"/>
      <c r="AU408" s="259"/>
      <c r="AV408" s="259"/>
      <c r="AW408" s="259"/>
      <c r="AX408" s="259"/>
      <c r="AY408" s="259"/>
      <c r="AZ408" s="259"/>
      <c r="BA408" s="259"/>
      <c r="BB408" s="259"/>
      <c r="BC408" s="259"/>
      <c r="BD408" s="259"/>
      <c r="BE408" s="259"/>
      <c r="BF408" s="259"/>
      <c r="BG408" s="259"/>
      <c r="BH408" s="259"/>
      <c r="BI408" s="259"/>
      <c r="BJ408" s="259"/>
      <c r="BK408" s="259"/>
      <c r="BL408" s="259"/>
      <c r="BM408" s="259"/>
      <c r="BN408" s="259"/>
      <c r="BO408" s="259"/>
      <c r="BP408" s="259"/>
      <c r="BQ408" s="259"/>
      <c r="BR408" s="259"/>
      <c r="BS408" s="259"/>
    </row>
    <row r="409" spans="1:71" s="74" customFormat="1" ht="31.5" customHeight="1">
      <c r="A409" s="178"/>
      <c r="B409" s="92"/>
      <c r="C409" s="301" t="s">
        <v>387</v>
      </c>
      <c r="D409" s="302"/>
      <c r="E409" s="302"/>
      <c r="F409" s="302"/>
      <c r="G409" s="302"/>
      <c r="H409" s="303"/>
      <c r="I409" s="314"/>
      <c r="J409" s="195">
        <f t="shared" si="54"/>
        <v>0</v>
      </c>
      <c r="K409" s="196" t="str">
        <f t="shared" si="55"/>
        <v/>
      </c>
      <c r="L409" s="94">
        <v>0</v>
      </c>
      <c r="M409" s="259">
        <v>0</v>
      </c>
      <c r="N409" s="259">
        <v>0</v>
      </c>
      <c r="O409" s="259">
        <v>0</v>
      </c>
      <c r="P409" s="259">
        <v>0</v>
      </c>
      <c r="Q409" s="259"/>
      <c r="R409" s="259"/>
      <c r="S409" s="259"/>
      <c r="T409" s="259"/>
      <c r="U409" s="259"/>
      <c r="V409" s="259"/>
      <c r="W409" s="259"/>
      <c r="X409" s="259"/>
      <c r="Y409" s="259"/>
      <c r="Z409" s="259"/>
      <c r="AA409" s="259"/>
      <c r="AB409" s="259"/>
      <c r="AC409" s="259"/>
      <c r="AD409" s="259"/>
      <c r="AE409" s="259"/>
      <c r="AF409" s="259"/>
      <c r="AG409" s="259"/>
      <c r="AH409" s="259"/>
      <c r="AI409" s="259"/>
      <c r="AJ409" s="259"/>
      <c r="AK409" s="259"/>
      <c r="AL409" s="259"/>
      <c r="AM409" s="259"/>
      <c r="AN409" s="259"/>
      <c r="AO409" s="259"/>
      <c r="AP409" s="259"/>
      <c r="AQ409" s="259"/>
      <c r="AR409" s="259"/>
      <c r="AS409" s="259"/>
      <c r="AT409" s="259"/>
      <c r="AU409" s="259"/>
      <c r="AV409" s="259"/>
      <c r="AW409" s="259"/>
      <c r="AX409" s="259"/>
      <c r="AY409" s="259"/>
      <c r="AZ409" s="259"/>
      <c r="BA409" s="259"/>
      <c r="BB409" s="259"/>
      <c r="BC409" s="259"/>
      <c r="BD409" s="259"/>
      <c r="BE409" s="259"/>
      <c r="BF409" s="259"/>
      <c r="BG409" s="259"/>
      <c r="BH409" s="259"/>
      <c r="BI409" s="259"/>
      <c r="BJ409" s="259"/>
      <c r="BK409" s="259"/>
      <c r="BL409" s="259"/>
      <c r="BM409" s="259"/>
      <c r="BN409" s="259"/>
      <c r="BO409" s="259"/>
      <c r="BP409" s="259"/>
      <c r="BQ409" s="259"/>
      <c r="BR409" s="259"/>
      <c r="BS409" s="259"/>
    </row>
    <row r="410" spans="1:71" s="74" customFormat="1" ht="31.5" customHeight="1">
      <c r="A410" s="178"/>
      <c r="B410" s="92"/>
      <c r="C410" s="301" t="s">
        <v>388</v>
      </c>
      <c r="D410" s="302"/>
      <c r="E410" s="302"/>
      <c r="F410" s="302"/>
      <c r="G410" s="302"/>
      <c r="H410" s="303"/>
      <c r="I410" s="314"/>
      <c r="J410" s="195">
        <f t="shared" si="54"/>
        <v>0</v>
      </c>
      <c r="K410" s="196" t="str">
        <f t="shared" si="55"/>
        <v/>
      </c>
      <c r="L410" s="94">
        <v>0</v>
      </c>
      <c r="M410" s="259">
        <v>0</v>
      </c>
      <c r="N410" s="259">
        <v>0</v>
      </c>
      <c r="O410" s="259">
        <v>0</v>
      </c>
      <c r="P410" s="259">
        <v>0</v>
      </c>
      <c r="Q410" s="259"/>
      <c r="R410" s="259"/>
      <c r="S410" s="259"/>
      <c r="T410" s="259"/>
      <c r="U410" s="259"/>
      <c r="V410" s="259"/>
      <c r="W410" s="259"/>
      <c r="X410" s="259"/>
      <c r="Y410" s="259"/>
      <c r="Z410" s="259"/>
      <c r="AA410" s="259"/>
      <c r="AB410" s="259"/>
      <c r="AC410" s="259"/>
      <c r="AD410" s="259"/>
      <c r="AE410" s="259"/>
      <c r="AF410" s="259"/>
      <c r="AG410" s="259"/>
      <c r="AH410" s="259"/>
      <c r="AI410" s="259"/>
      <c r="AJ410" s="259"/>
      <c r="AK410" s="259"/>
      <c r="AL410" s="259"/>
      <c r="AM410" s="259"/>
      <c r="AN410" s="259"/>
      <c r="AO410" s="259"/>
      <c r="AP410" s="259"/>
      <c r="AQ410" s="259"/>
      <c r="AR410" s="259"/>
      <c r="AS410" s="259"/>
      <c r="AT410" s="259"/>
      <c r="AU410" s="259"/>
      <c r="AV410" s="259"/>
      <c r="AW410" s="259"/>
      <c r="AX410" s="259"/>
      <c r="AY410" s="259"/>
      <c r="AZ410" s="259"/>
      <c r="BA410" s="259"/>
      <c r="BB410" s="259"/>
      <c r="BC410" s="259"/>
      <c r="BD410" s="259"/>
      <c r="BE410" s="259"/>
      <c r="BF410" s="259"/>
      <c r="BG410" s="259"/>
      <c r="BH410" s="259"/>
      <c r="BI410" s="259"/>
      <c r="BJ410" s="259"/>
      <c r="BK410" s="259"/>
      <c r="BL410" s="259"/>
      <c r="BM410" s="259"/>
      <c r="BN410" s="259"/>
      <c r="BO410" s="259"/>
      <c r="BP410" s="259"/>
      <c r="BQ410" s="259"/>
      <c r="BR410" s="259"/>
      <c r="BS410" s="259"/>
    </row>
    <row r="411" spans="1:71" s="74" customFormat="1" ht="31.5" customHeight="1">
      <c r="A411" s="178"/>
      <c r="B411" s="92"/>
      <c r="C411" s="301" t="s">
        <v>389</v>
      </c>
      <c r="D411" s="302"/>
      <c r="E411" s="302"/>
      <c r="F411" s="302"/>
      <c r="G411" s="302"/>
      <c r="H411" s="303"/>
      <c r="I411" s="314"/>
      <c r="J411" s="195">
        <f t="shared" si="54"/>
        <v>0</v>
      </c>
      <c r="K411" s="196" t="str">
        <f t="shared" si="55"/>
        <v/>
      </c>
      <c r="L411" s="94">
        <v>0</v>
      </c>
      <c r="M411" s="259">
        <v>0</v>
      </c>
      <c r="N411" s="259">
        <v>0</v>
      </c>
      <c r="O411" s="259">
        <v>0</v>
      </c>
      <c r="P411" s="259">
        <v>0</v>
      </c>
      <c r="Q411" s="259"/>
      <c r="R411" s="259"/>
      <c r="S411" s="259"/>
      <c r="T411" s="259"/>
      <c r="U411" s="259"/>
      <c r="V411" s="259"/>
      <c r="W411" s="259"/>
      <c r="X411" s="259"/>
      <c r="Y411" s="259"/>
      <c r="Z411" s="259"/>
      <c r="AA411" s="259"/>
      <c r="AB411" s="259"/>
      <c r="AC411" s="259"/>
      <c r="AD411" s="259"/>
      <c r="AE411" s="259"/>
      <c r="AF411" s="259"/>
      <c r="AG411" s="259"/>
      <c r="AH411" s="259"/>
      <c r="AI411" s="259"/>
      <c r="AJ411" s="259"/>
      <c r="AK411" s="259"/>
      <c r="AL411" s="259"/>
      <c r="AM411" s="259"/>
      <c r="AN411" s="259"/>
      <c r="AO411" s="259"/>
      <c r="AP411" s="259"/>
      <c r="AQ411" s="259"/>
      <c r="AR411" s="259"/>
      <c r="AS411" s="259"/>
      <c r="AT411" s="259"/>
      <c r="AU411" s="259"/>
      <c r="AV411" s="259"/>
      <c r="AW411" s="259"/>
      <c r="AX411" s="259"/>
      <c r="AY411" s="259"/>
      <c r="AZ411" s="259"/>
      <c r="BA411" s="259"/>
      <c r="BB411" s="259"/>
      <c r="BC411" s="259"/>
      <c r="BD411" s="259"/>
      <c r="BE411" s="259"/>
      <c r="BF411" s="259"/>
      <c r="BG411" s="259"/>
      <c r="BH411" s="259"/>
      <c r="BI411" s="259"/>
      <c r="BJ411" s="259"/>
      <c r="BK411" s="259"/>
      <c r="BL411" s="259"/>
      <c r="BM411" s="259"/>
      <c r="BN411" s="259"/>
      <c r="BO411" s="259"/>
      <c r="BP411" s="259"/>
      <c r="BQ411" s="259"/>
      <c r="BR411" s="259"/>
      <c r="BS411" s="259"/>
    </row>
    <row r="412" spans="1:71" s="74" customFormat="1" ht="31.5" customHeight="1">
      <c r="A412" s="178"/>
      <c r="B412" s="92"/>
      <c r="C412" s="301" t="s">
        <v>390</v>
      </c>
      <c r="D412" s="302"/>
      <c r="E412" s="302"/>
      <c r="F412" s="302"/>
      <c r="G412" s="302"/>
      <c r="H412" s="303"/>
      <c r="I412" s="314"/>
      <c r="J412" s="195">
        <f t="shared" si="54"/>
        <v>0</v>
      </c>
      <c r="K412" s="196" t="str">
        <f t="shared" si="55"/>
        <v/>
      </c>
      <c r="L412" s="94">
        <v>0</v>
      </c>
      <c r="M412" s="259">
        <v>0</v>
      </c>
      <c r="N412" s="259">
        <v>0</v>
      </c>
      <c r="O412" s="259">
        <v>0</v>
      </c>
      <c r="P412" s="259">
        <v>0</v>
      </c>
      <c r="Q412" s="259"/>
      <c r="R412" s="259"/>
      <c r="S412" s="259"/>
      <c r="T412" s="259"/>
      <c r="U412" s="259"/>
      <c r="V412" s="259"/>
      <c r="W412" s="259"/>
      <c r="X412" s="259"/>
      <c r="Y412" s="259"/>
      <c r="Z412" s="259"/>
      <c r="AA412" s="259"/>
      <c r="AB412" s="259"/>
      <c r="AC412" s="259"/>
      <c r="AD412" s="259"/>
      <c r="AE412" s="259"/>
      <c r="AF412" s="259"/>
      <c r="AG412" s="259"/>
      <c r="AH412" s="259"/>
      <c r="AI412" s="259"/>
      <c r="AJ412" s="259"/>
      <c r="AK412" s="259"/>
      <c r="AL412" s="259"/>
      <c r="AM412" s="259"/>
      <c r="AN412" s="259"/>
      <c r="AO412" s="259"/>
      <c r="AP412" s="259"/>
      <c r="AQ412" s="259"/>
      <c r="AR412" s="259"/>
      <c r="AS412" s="259"/>
      <c r="AT412" s="259"/>
      <c r="AU412" s="259"/>
      <c r="AV412" s="259"/>
      <c r="AW412" s="259"/>
      <c r="AX412" s="259"/>
      <c r="AY412" s="259"/>
      <c r="AZ412" s="259"/>
      <c r="BA412" s="259"/>
      <c r="BB412" s="259"/>
      <c r="BC412" s="259"/>
      <c r="BD412" s="259"/>
      <c r="BE412" s="259"/>
      <c r="BF412" s="259"/>
      <c r="BG412" s="259"/>
      <c r="BH412" s="259"/>
      <c r="BI412" s="259"/>
      <c r="BJ412" s="259"/>
      <c r="BK412" s="259"/>
      <c r="BL412" s="259"/>
      <c r="BM412" s="259"/>
      <c r="BN412" s="259"/>
      <c r="BO412" s="259"/>
      <c r="BP412" s="259"/>
      <c r="BQ412" s="259"/>
      <c r="BR412" s="259"/>
      <c r="BS412" s="259"/>
    </row>
    <row r="413" spans="1:71" s="74" customFormat="1" ht="31.5" customHeight="1">
      <c r="A413" s="178"/>
      <c r="B413" s="92"/>
      <c r="C413" s="301" t="s">
        <v>391</v>
      </c>
      <c r="D413" s="302"/>
      <c r="E413" s="302"/>
      <c r="F413" s="302"/>
      <c r="G413" s="302"/>
      <c r="H413" s="303"/>
      <c r="I413" s="314"/>
      <c r="J413" s="195">
        <f t="shared" si="54"/>
        <v>0</v>
      </c>
      <c r="K413" s="196" t="str">
        <f t="shared" si="55"/>
        <v/>
      </c>
      <c r="L413" s="94">
        <v>0</v>
      </c>
      <c r="M413" s="259">
        <v>0</v>
      </c>
      <c r="N413" s="259">
        <v>0</v>
      </c>
      <c r="O413" s="259">
        <v>0</v>
      </c>
      <c r="P413" s="259">
        <v>0</v>
      </c>
      <c r="Q413" s="259"/>
      <c r="R413" s="259"/>
      <c r="S413" s="259"/>
      <c r="T413" s="259"/>
      <c r="U413" s="259"/>
      <c r="V413" s="259"/>
      <c r="W413" s="259"/>
      <c r="X413" s="259"/>
      <c r="Y413" s="259"/>
      <c r="Z413" s="259"/>
      <c r="AA413" s="259"/>
      <c r="AB413" s="259"/>
      <c r="AC413" s="259"/>
      <c r="AD413" s="259"/>
      <c r="AE413" s="259"/>
      <c r="AF413" s="259"/>
      <c r="AG413" s="259"/>
      <c r="AH413" s="259"/>
      <c r="AI413" s="259"/>
      <c r="AJ413" s="259"/>
      <c r="AK413" s="259"/>
      <c r="AL413" s="259"/>
      <c r="AM413" s="259"/>
      <c r="AN413" s="259"/>
      <c r="AO413" s="259"/>
      <c r="AP413" s="259"/>
      <c r="AQ413" s="259"/>
      <c r="AR413" s="259"/>
      <c r="AS413" s="259"/>
      <c r="AT413" s="259"/>
      <c r="AU413" s="259"/>
      <c r="AV413" s="259"/>
      <c r="AW413" s="259"/>
      <c r="AX413" s="259"/>
      <c r="AY413" s="259"/>
      <c r="AZ413" s="259"/>
      <c r="BA413" s="259"/>
      <c r="BB413" s="259"/>
      <c r="BC413" s="259"/>
      <c r="BD413" s="259"/>
      <c r="BE413" s="259"/>
      <c r="BF413" s="259"/>
      <c r="BG413" s="259"/>
      <c r="BH413" s="259"/>
      <c r="BI413" s="259"/>
      <c r="BJ413" s="259"/>
      <c r="BK413" s="259"/>
      <c r="BL413" s="259"/>
      <c r="BM413" s="259"/>
      <c r="BN413" s="259"/>
      <c r="BO413" s="259"/>
      <c r="BP413" s="259"/>
      <c r="BQ413" s="259"/>
      <c r="BR413" s="259"/>
      <c r="BS413" s="259"/>
    </row>
    <row r="414" spans="1:71" s="74" customFormat="1" ht="31.5" customHeight="1">
      <c r="A414" s="178"/>
      <c r="B414" s="92"/>
      <c r="C414" s="301" t="s">
        <v>392</v>
      </c>
      <c r="D414" s="302"/>
      <c r="E414" s="302"/>
      <c r="F414" s="302"/>
      <c r="G414" s="302"/>
      <c r="H414" s="303"/>
      <c r="I414" s="314"/>
      <c r="J414" s="195">
        <f t="shared" si="54"/>
        <v>0</v>
      </c>
      <c r="K414" s="196" t="str">
        <f t="shared" si="55"/>
        <v/>
      </c>
      <c r="L414" s="94">
        <v>0</v>
      </c>
      <c r="M414" s="259">
        <v>0</v>
      </c>
      <c r="N414" s="259">
        <v>0</v>
      </c>
      <c r="O414" s="259">
        <v>0</v>
      </c>
      <c r="P414" s="259">
        <v>0</v>
      </c>
      <c r="Q414" s="259"/>
      <c r="R414" s="259"/>
      <c r="S414" s="259"/>
      <c r="T414" s="259"/>
      <c r="U414" s="259"/>
      <c r="V414" s="259"/>
      <c r="W414" s="259"/>
      <c r="X414" s="259"/>
      <c r="Y414" s="259"/>
      <c r="Z414" s="259"/>
      <c r="AA414" s="259"/>
      <c r="AB414" s="259"/>
      <c r="AC414" s="259"/>
      <c r="AD414" s="259"/>
      <c r="AE414" s="259"/>
      <c r="AF414" s="259"/>
      <c r="AG414" s="259"/>
      <c r="AH414" s="259"/>
      <c r="AI414" s="259"/>
      <c r="AJ414" s="259"/>
      <c r="AK414" s="259"/>
      <c r="AL414" s="259"/>
      <c r="AM414" s="259"/>
      <c r="AN414" s="259"/>
      <c r="AO414" s="259"/>
      <c r="AP414" s="259"/>
      <c r="AQ414" s="259"/>
      <c r="AR414" s="259"/>
      <c r="AS414" s="259"/>
      <c r="AT414" s="259"/>
      <c r="AU414" s="259"/>
      <c r="AV414" s="259"/>
      <c r="AW414" s="259"/>
      <c r="AX414" s="259"/>
      <c r="AY414" s="259"/>
      <c r="AZ414" s="259"/>
      <c r="BA414" s="259"/>
      <c r="BB414" s="259"/>
      <c r="BC414" s="259"/>
      <c r="BD414" s="259"/>
      <c r="BE414" s="259"/>
      <c r="BF414" s="259"/>
      <c r="BG414" s="259"/>
      <c r="BH414" s="259"/>
      <c r="BI414" s="259"/>
      <c r="BJ414" s="259"/>
      <c r="BK414" s="259"/>
      <c r="BL414" s="259"/>
      <c r="BM414" s="259"/>
      <c r="BN414" s="259"/>
      <c r="BO414" s="259"/>
      <c r="BP414" s="259"/>
      <c r="BQ414" s="259"/>
      <c r="BR414" s="259"/>
      <c r="BS414" s="259"/>
    </row>
    <row r="415" spans="1:71" s="74" customFormat="1" ht="31.5" customHeight="1">
      <c r="A415" s="178"/>
      <c r="B415" s="92"/>
      <c r="C415" s="301" t="s">
        <v>393</v>
      </c>
      <c r="D415" s="302"/>
      <c r="E415" s="302"/>
      <c r="F415" s="302"/>
      <c r="G415" s="302"/>
      <c r="H415" s="303"/>
      <c r="I415" s="314"/>
      <c r="J415" s="195">
        <f t="shared" si="54"/>
        <v>0</v>
      </c>
      <c r="K415" s="196" t="str">
        <f t="shared" si="55"/>
        <v/>
      </c>
      <c r="L415" s="94">
        <v>0</v>
      </c>
      <c r="M415" s="259">
        <v>0</v>
      </c>
      <c r="N415" s="259">
        <v>0</v>
      </c>
      <c r="O415" s="259">
        <v>0</v>
      </c>
      <c r="P415" s="259">
        <v>0</v>
      </c>
      <c r="Q415" s="259"/>
      <c r="R415" s="259"/>
      <c r="S415" s="259"/>
      <c r="T415" s="259"/>
      <c r="U415" s="259"/>
      <c r="V415" s="259"/>
      <c r="W415" s="259"/>
      <c r="X415" s="259"/>
      <c r="Y415" s="259"/>
      <c r="Z415" s="259"/>
      <c r="AA415" s="259"/>
      <c r="AB415" s="259"/>
      <c r="AC415" s="259"/>
      <c r="AD415" s="259"/>
      <c r="AE415" s="259"/>
      <c r="AF415" s="259"/>
      <c r="AG415" s="259"/>
      <c r="AH415" s="259"/>
      <c r="AI415" s="259"/>
      <c r="AJ415" s="259"/>
      <c r="AK415" s="259"/>
      <c r="AL415" s="259"/>
      <c r="AM415" s="259"/>
      <c r="AN415" s="259"/>
      <c r="AO415" s="259"/>
      <c r="AP415" s="259"/>
      <c r="AQ415" s="259"/>
      <c r="AR415" s="259"/>
      <c r="AS415" s="259"/>
      <c r="AT415" s="259"/>
      <c r="AU415" s="259"/>
      <c r="AV415" s="259"/>
      <c r="AW415" s="259"/>
      <c r="AX415" s="259"/>
      <c r="AY415" s="259"/>
      <c r="AZ415" s="259"/>
      <c r="BA415" s="259"/>
      <c r="BB415" s="259"/>
      <c r="BC415" s="259"/>
      <c r="BD415" s="259"/>
      <c r="BE415" s="259"/>
      <c r="BF415" s="259"/>
      <c r="BG415" s="259"/>
      <c r="BH415" s="259"/>
      <c r="BI415" s="259"/>
      <c r="BJ415" s="259"/>
      <c r="BK415" s="259"/>
      <c r="BL415" s="259"/>
      <c r="BM415" s="259"/>
      <c r="BN415" s="259"/>
      <c r="BO415" s="259"/>
      <c r="BP415" s="259"/>
      <c r="BQ415" s="259"/>
      <c r="BR415" s="259"/>
      <c r="BS415" s="259"/>
    </row>
    <row r="416" spans="1:71" s="74" customFormat="1" ht="31.5" customHeight="1">
      <c r="A416" s="178"/>
      <c r="B416" s="92"/>
      <c r="C416" s="301" t="s">
        <v>394</v>
      </c>
      <c r="D416" s="302"/>
      <c r="E416" s="302"/>
      <c r="F416" s="302"/>
      <c r="G416" s="302"/>
      <c r="H416" s="303"/>
      <c r="I416" s="314"/>
      <c r="J416" s="195">
        <f t="shared" si="54"/>
        <v>0</v>
      </c>
      <c r="K416" s="196" t="str">
        <f t="shared" si="55"/>
        <v/>
      </c>
      <c r="L416" s="94">
        <v>0</v>
      </c>
      <c r="M416" s="259">
        <v>0</v>
      </c>
      <c r="N416" s="259">
        <v>0</v>
      </c>
      <c r="O416" s="259">
        <v>0</v>
      </c>
      <c r="P416" s="259">
        <v>0</v>
      </c>
      <c r="Q416" s="259"/>
      <c r="R416" s="259"/>
      <c r="S416" s="259"/>
      <c r="T416" s="259"/>
      <c r="U416" s="259"/>
      <c r="V416" s="259"/>
      <c r="W416" s="259"/>
      <c r="X416" s="259"/>
      <c r="Y416" s="259"/>
      <c r="Z416" s="259"/>
      <c r="AA416" s="259"/>
      <c r="AB416" s="259"/>
      <c r="AC416" s="259"/>
      <c r="AD416" s="259"/>
      <c r="AE416" s="259"/>
      <c r="AF416" s="259"/>
      <c r="AG416" s="259"/>
      <c r="AH416" s="259"/>
      <c r="AI416" s="259"/>
      <c r="AJ416" s="259"/>
      <c r="AK416" s="259"/>
      <c r="AL416" s="259"/>
      <c r="AM416" s="259"/>
      <c r="AN416" s="259"/>
      <c r="AO416" s="259"/>
      <c r="AP416" s="259"/>
      <c r="AQ416" s="259"/>
      <c r="AR416" s="259"/>
      <c r="AS416" s="259"/>
      <c r="AT416" s="259"/>
      <c r="AU416" s="259"/>
      <c r="AV416" s="259"/>
      <c r="AW416" s="259"/>
      <c r="AX416" s="259"/>
      <c r="AY416" s="259"/>
      <c r="AZ416" s="259"/>
      <c r="BA416" s="259"/>
      <c r="BB416" s="259"/>
      <c r="BC416" s="259"/>
      <c r="BD416" s="259"/>
      <c r="BE416" s="259"/>
      <c r="BF416" s="259"/>
      <c r="BG416" s="259"/>
      <c r="BH416" s="259"/>
      <c r="BI416" s="259"/>
      <c r="BJ416" s="259"/>
      <c r="BK416" s="259"/>
      <c r="BL416" s="259"/>
      <c r="BM416" s="259"/>
      <c r="BN416" s="259"/>
      <c r="BO416" s="259"/>
      <c r="BP416" s="259"/>
      <c r="BQ416" s="259"/>
      <c r="BR416" s="259"/>
      <c r="BS416" s="259"/>
    </row>
    <row r="417" spans="1:71" s="74" customFormat="1" ht="31.5" customHeight="1">
      <c r="A417" s="178"/>
      <c r="B417" s="92"/>
      <c r="C417" s="301" t="s">
        <v>395</v>
      </c>
      <c r="D417" s="302"/>
      <c r="E417" s="302"/>
      <c r="F417" s="302"/>
      <c r="G417" s="302"/>
      <c r="H417" s="303"/>
      <c r="I417" s="314"/>
      <c r="J417" s="195">
        <f t="shared" si="54"/>
        <v>0</v>
      </c>
      <c r="K417" s="196" t="str">
        <f t="shared" si="55"/>
        <v/>
      </c>
      <c r="L417" s="94">
        <v>0</v>
      </c>
      <c r="M417" s="259">
        <v>0</v>
      </c>
      <c r="N417" s="259">
        <v>0</v>
      </c>
      <c r="O417" s="259">
        <v>0</v>
      </c>
      <c r="P417" s="259">
        <v>0</v>
      </c>
      <c r="Q417" s="259"/>
      <c r="R417" s="259"/>
      <c r="S417" s="259"/>
      <c r="T417" s="259"/>
      <c r="U417" s="259"/>
      <c r="V417" s="259"/>
      <c r="W417" s="259"/>
      <c r="X417" s="259"/>
      <c r="Y417" s="259"/>
      <c r="Z417" s="259"/>
      <c r="AA417" s="259"/>
      <c r="AB417" s="259"/>
      <c r="AC417" s="259"/>
      <c r="AD417" s="259"/>
      <c r="AE417" s="259"/>
      <c r="AF417" s="259"/>
      <c r="AG417" s="259"/>
      <c r="AH417" s="259"/>
      <c r="AI417" s="259"/>
      <c r="AJ417" s="259"/>
      <c r="AK417" s="259"/>
      <c r="AL417" s="259"/>
      <c r="AM417" s="259"/>
      <c r="AN417" s="259"/>
      <c r="AO417" s="259"/>
      <c r="AP417" s="259"/>
      <c r="AQ417" s="259"/>
      <c r="AR417" s="259"/>
      <c r="AS417" s="259"/>
      <c r="AT417" s="259"/>
      <c r="AU417" s="259"/>
      <c r="AV417" s="259"/>
      <c r="AW417" s="259"/>
      <c r="AX417" s="259"/>
      <c r="AY417" s="259"/>
      <c r="AZ417" s="259"/>
      <c r="BA417" s="259"/>
      <c r="BB417" s="259"/>
      <c r="BC417" s="259"/>
      <c r="BD417" s="259"/>
      <c r="BE417" s="259"/>
      <c r="BF417" s="259"/>
      <c r="BG417" s="259"/>
      <c r="BH417" s="259"/>
      <c r="BI417" s="259"/>
      <c r="BJ417" s="259"/>
      <c r="BK417" s="259"/>
      <c r="BL417" s="259"/>
      <c r="BM417" s="259"/>
      <c r="BN417" s="259"/>
      <c r="BO417" s="259"/>
      <c r="BP417" s="259"/>
      <c r="BQ417" s="259"/>
      <c r="BR417" s="259"/>
      <c r="BS417" s="259"/>
    </row>
    <row r="418" spans="1:71" s="74" customFormat="1" ht="31.5" customHeight="1">
      <c r="A418" s="178"/>
      <c r="B418" s="92"/>
      <c r="C418" s="301" t="s">
        <v>396</v>
      </c>
      <c r="D418" s="302"/>
      <c r="E418" s="302"/>
      <c r="F418" s="302"/>
      <c r="G418" s="302"/>
      <c r="H418" s="303"/>
      <c r="I418" s="314"/>
      <c r="J418" s="195">
        <f t="shared" si="54"/>
        <v>0</v>
      </c>
      <c r="K418" s="196" t="str">
        <f t="shared" si="55"/>
        <v/>
      </c>
      <c r="L418" s="94">
        <v>0</v>
      </c>
      <c r="M418" s="259">
        <v>0</v>
      </c>
      <c r="N418" s="259">
        <v>0</v>
      </c>
      <c r="O418" s="259">
        <v>0</v>
      </c>
      <c r="P418" s="259">
        <v>0</v>
      </c>
      <c r="Q418" s="259"/>
      <c r="R418" s="259"/>
      <c r="S418" s="259"/>
      <c r="T418" s="259"/>
      <c r="U418" s="259"/>
      <c r="V418" s="259"/>
      <c r="W418" s="259"/>
      <c r="X418" s="259"/>
      <c r="Y418" s="259"/>
      <c r="Z418" s="259"/>
      <c r="AA418" s="259"/>
      <c r="AB418" s="259"/>
      <c r="AC418" s="259"/>
      <c r="AD418" s="259"/>
      <c r="AE418" s="259"/>
      <c r="AF418" s="259"/>
      <c r="AG418" s="259"/>
      <c r="AH418" s="259"/>
      <c r="AI418" s="259"/>
      <c r="AJ418" s="259"/>
      <c r="AK418" s="259"/>
      <c r="AL418" s="259"/>
      <c r="AM418" s="259"/>
      <c r="AN418" s="259"/>
      <c r="AO418" s="259"/>
      <c r="AP418" s="259"/>
      <c r="AQ418" s="259"/>
      <c r="AR418" s="259"/>
      <c r="AS418" s="259"/>
      <c r="AT418" s="259"/>
      <c r="AU418" s="259"/>
      <c r="AV418" s="259"/>
      <c r="AW418" s="259"/>
      <c r="AX418" s="259"/>
      <c r="AY418" s="259"/>
      <c r="AZ418" s="259"/>
      <c r="BA418" s="259"/>
      <c r="BB418" s="259"/>
      <c r="BC418" s="259"/>
      <c r="BD418" s="259"/>
      <c r="BE418" s="259"/>
      <c r="BF418" s="259"/>
      <c r="BG418" s="259"/>
      <c r="BH418" s="259"/>
      <c r="BI418" s="259"/>
      <c r="BJ418" s="259"/>
      <c r="BK418" s="259"/>
      <c r="BL418" s="259"/>
      <c r="BM418" s="259"/>
      <c r="BN418" s="259"/>
      <c r="BO418" s="259"/>
      <c r="BP418" s="259"/>
      <c r="BQ418" s="259"/>
      <c r="BR418" s="259"/>
      <c r="BS418" s="259"/>
    </row>
    <row r="419" spans="1:71" s="74" customFormat="1" ht="31.5" customHeight="1">
      <c r="A419" s="178"/>
      <c r="B419" s="92"/>
      <c r="C419" s="301" t="s">
        <v>397</v>
      </c>
      <c r="D419" s="302"/>
      <c r="E419" s="302"/>
      <c r="F419" s="302"/>
      <c r="G419" s="302"/>
      <c r="H419" s="303"/>
      <c r="I419" s="314"/>
      <c r="J419" s="195">
        <f t="shared" si="54"/>
        <v>0</v>
      </c>
      <c r="K419" s="196" t="str">
        <f t="shared" si="55"/>
        <v/>
      </c>
      <c r="L419" s="94">
        <v>0</v>
      </c>
      <c r="M419" s="259">
        <v>0</v>
      </c>
      <c r="N419" s="259">
        <v>0</v>
      </c>
      <c r="O419" s="259">
        <v>0</v>
      </c>
      <c r="P419" s="259">
        <v>0</v>
      </c>
      <c r="Q419" s="259"/>
      <c r="R419" s="259"/>
      <c r="S419" s="259"/>
      <c r="T419" s="259"/>
      <c r="U419" s="259"/>
      <c r="V419" s="259"/>
      <c r="W419" s="259"/>
      <c r="X419" s="259"/>
      <c r="Y419" s="259"/>
      <c r="Z419" s="259"/>
      <c r="AA419" s="259"/>
      <c r="AB419" s="259"/>
      <c r="AC419" s="259"/>
      <c r="AD419" s="259"/>
      <c r="AE419" s="259"/>
      <c r="AF419" s="259"/>
      <c r="AG419" s="259"/>
      <c r="AH419" s="259"/>
      <c r="AI419" s="259"/>
      <c r="AJ419" s="259"/>
      <c r="AK419" s="259"/>
      <c r="AL419" s="259"/>
      <c r="AM419" s="259"/>
      <c r="AN419" s="259"/>
      <c r="AO419" s="259"/>
      <c r="AP419" s="259"/>
      <c r="AQ419" s="259"/>
      <c r="AR419" s="259"/>
      <c r="AS419" s="259"/>
      <c r="AT419" s="259"/>
      <c r="AU419" s="259"/>
      <c r="AV419" s="259"/>
      <c r="AW419" s="259"/>
      <c r="AX419" s="259"/>
      <c r="AY419" s="259"/>
      <c r="AZ419" s="259"/>
      <c r="BA419" s="259"/>
      <c r="BB419" s="259"/>
      <c r="BC419" s="259"/>
      <c r="BD419" s="259"/>
      <c r="BE419" s="259"/>
      <c r="BF419" s="259"/>
      <c r="BG419" s="259"/>
      <c r="BH419" s="259"/>
      <c r="BI419" s="259"/>
      <c r="BJ419" s="259"/>
      <c r="BK419" s="259"/>
      <c r="BL419" s="259"/>
      <c r="BM419" s="259"/>
      <c r="BN419" s="259"/>
      <c r="BO419" s="259"/>
      <c r="BP419" s="259"/>
      <c r="BQ419" s="259"/>
      <c r="BR419" s="259"/>
      <c r="BS419" s="259"/>
    </row>
    <row r="420" spans="1:71" s="74" customFormat="1" ht="31.5" customHeight="1">
      <c r="A420" s="178"/>
      <c r="B420" s="92"/>
      <c r="C420" s="301" t="s">
        <v>398</v>
      </c>
      <c r="D420" s="302"/>
      <c r="E420" s="302"/>
      <c r="F420" s="302"/>
      <c r="G420" s="302"/>
      <c r="H420" s="303"/>
      <c r="I420" s="314"/>
      <c r="J420" s="195">
        <f t="shared" si="54"/>
        <v>0</v>
      </c>
      <c r="K420" s="196" t="str">
        <f t="shared" si="55"/>
        <v/>
      </c>
      <c r="L420" s="94">
        <v>0</v>
      </c>
      <c r="M420" s="259">
        <v>0</v>
      </c>
      <c r="N420" s="259">
        <v>0</v>
      </c>
      <c r="O420" s="259">
        <v>0</v>
      </c>
      <c r="P420" s="259">
        <v>0</v>
      </c>
      <c r="Q420" s="259"/>
      <c r="R420" s="259"/>
      <c r="S420" s="259"/>
      <c r="T420" s="259"/>
      <c r="U420" s="259"/>
      <c r="V420" s="259"/>
      <c r="W420" s="259"/>
      <c r="X420" s="259"/>
      <c r="Y420" s="259"/>
      <c r="Z420" s="259"/>
      <c r="AA420" s="259"/>
      <c r="AB420" s="259"/>
      <c r="AC420" s="259"/>
      <c r="AD420" s="259"/>
      <c r="AE420" s="259"/>
      <c r="AF420" s="259"/>
      <c r="AG420" s="259"/>
      <c r="AH420" s="259"/>
      <c r="AI420" s="259"/>
      <c r="AJ420" s="259"/>
      <c r="AK420" s="259"/>
      <c r="AL420" s="259"/>
      <c r="AM420" s="259"/>
      <c r="AN420" s="259"/>
      <c r="AO420" s="259"/>
      <c r="AP420" s="259"/>
      <c r="AQ420" s="259"/>
      <c r="AR420" s="259"/>
      <c r="AS420" s="259"/>
      <c r="AT420" s="259"/>
      <c r="AU420" s="259"/>
      <c r="AV420" s="259"/>
      <c r="AW420" s="259"/>
      <c r="AX420" s="259"/>
      <c r="AY420" s="259"/>
      <c r="AZ420" s="259"/>
      <c r="BA420" s="259"/>
      <c r="BB420" s="259"/>
      <c r="BC420" s="259"/>
      <c r="BD420" s="259"/>
      <c r="BE420" s="259"/>
      <c r="BF420" s="259"/>
      <c r="BG420" s="259"/>
      <c r="BH420" s="259"/>
      <c r="BI420" s="259"/>
      <c r="BJ420" s="259"/>
      <c r="BK420" s="259"/>
      <c r="BL420" s="259"/>
      <c r="BM420" s="259"/>
      <c r="BN420" s="259"/>
      <c r="BO420" s="259"/>
      <c r="BP420" s="259"/>
      <c r="BQ420" s="259"/>
      <c r="BR420" s="259"/>
      <c r="BS420" s="259"/>
    </row>
    <row r="421" spans="1:71" s="74" customFormat="1" ht="31.5" customHeight="1">
      <c r="A421" s="178"/>
      <c r="B421" s="92"/>
      <c r="C421" s="301" t="s">
        <v>399</v>
      </c>
      <c r="D421" s="302"/>
      <c r="E421" s="302"/>
      <c r="F421" s="302"/>
      <c r="G421" s="302"/>
      <c r="H421" s="303"/>
      <c r="I421" s="314"/>
      <c r="J421" s="195">
        <f t="shared" si="54"/>
        <v>0</v>
      </c>
      <c r="K421" s="196" t="str">
        <f t="shared" si="55"/>
        <v/>
      </c>
      <c r="L421" s="94">
        <v>0</v>
      </c>
      <c r="M421" s="259">
        <v>0</v>
      </c>
      <c r="N421" s="259">
        <v>0</v>
      </c>
      <c r="O421" s="259">
        <v>0</v>
      </c>
      <c r="P421" s="259">
        <v>0</v>
      </c>
      <c r="Q421" s="259"/>
      <c r="R421" s="259"/>
      <c r="S421" s="259"/>
      <c r="T421" s="259"/>
      <c r="U421" s="259"/>
      <c r="V421" s="259"/>
      <c r="W421" s="259"/>
      <c r="X421" s="259"/>
      <c r="Y421" s="259"/>
      <c r="Z421" s="259"/>
      <c r="AA421" s="259"/>
      <c r="AB421" s="259"/>
      <c r="AC421" s="259"/>
      <c r="AD421" s="259"/>
      <c r="AE421" s="259"/>
      <c r="AF421" s="259"/>
      <c r="AG421" s="259"/>
      <c r="AH421" s="259"/>
      <c r="AI421" s="259"/>
      <c r="AJ421" s="259"/>
      <c r="AK421" s="259"/>
      <c r="AL421" s="259"/>
      <c r="AM421" s="259"/>
      <c r="AN421" s="259"/>
      <c r="AO421" s="259"/>
      <c r="AP421" s="259"/>
      <c r="AQ421" s="259"/>
      <c r="AR421" s="259"/>
      <c r="AS421" s="259"/>
      <c r="AT421" s="259"/>
      <c r="AU421" s="259"/>
      <c r="AV421" s="259"/>
      <c r="AW421" s="259"/>
      <c r="AX421" s="259"/>
      <c r="AY421" s="259"/>
      <c r="AZ421" s="259"/>
      <c r="BA421" s="259"/>
      <c r="BB421" s="259"/>
      <c r="BC421" s="259"/>
      <c r="BD421" s="259"/>
      <c r="BE421" s="259"/>
      <c r="BF421" s="259"/>
      <c r="BG421" s="259"/>
      <c r="BH421" s="259"/>
      <c r="BI421" s="259"/>
      <c r="BJ421" s="259"/>
      <c r="BK421" s="259"/>
      <c r="BL421" s="259"/>
      <c r="BM421" s="259"/>
      <c r="BN421" s="259"/>
      <c r="BO421" s="259"/>
      <c r="BP421" s="259"/>
      <c r="BQ421" s="259"/>
      <c r="BR421" s="259"/>
      <c r="BS421" s="259"/>
    </row>
    <row r="422" spans="1:71" s="74" customFormat="1" ht="31.5" customHeight="1">
      <c r="A422" s="178"/>
      <c r="B422" s="92"/>
      <c r="C422" s="301" t="s">
        <v>400</v>
      </c>
      <c r="D422" s="302"/>
      <c r="E422" s="302"/>
      <c r="F422" s="302"/>
      <c r="G422" s="302"/>
      <c r="H422" s="303"/>
      <c r="I422" s="314"/>
      <c r="J422" s="195">
        <f t="shared" si="54"/>
        <v>0</v>
      </c>
      <c r="K422" s="196" t="str">
        <f t="shared" si="55"/>
        <v/>
      </c>
      <c r="L422" s="94">
        <v>0</v>
      </c>
      <c r="M422" s="259">
        <v>0</v>
      </c>
      <c r="N422" s="259">
        <v>0</v>
      </c>
      <c r="O422" s="259">
        <v>0</v>
      </c>
      <c r="P422" s="259">
        <v>0</v>
      </c>
      <c r="Q422" s="259"/>
      <c r="R422" s="259"/>
      <c r="S422" s="259"/>
      <c r="T422" s="259"/>
      <c r="U422" s="259"/>
      <c r="V422" s="259"/>
      <c r="W422" s="259"/>
      <c r="X422" s="259"/>
      <c r="Y422" s="259"/>
      <c r="Z422" s="259"/>
      <c r="AA422" s="259"/>
      <c r="AB422" s="259"/>
      <c r="AC422" s="259"/>
      <c r="AD422" s="259"/>
      <c r="AE422" s="259"/>
      <c r="AF422" s="259"/>
      <c r="AG422" s="259"/>
      <c r="AH422" s="259"/>
      <c r="AI422" s="259"/>
      <c r="AJ422" s="259"/>
      <c r="AK422" s="259"/>
      <c r="AL422" s="259"/>
      <c r="AM422" s="259"/>
      <c r="AN422" s="259"/>
      <c r="AO422" s="259"/>
      <c r="AP422" s="259"/>
      <c r="AQ422" s="259"/>
      <c r="AR422" s="259"/>
      <c r="AS422" s="259"/>
      <c r="AT422" s="259"/>
      <c r="AU422" s="259"/>
      <c r="AV422" s="259"/>
      <c r="AW422" s="259"/>
      <c r="AX422" s="259"/>
      <c r="AY422" s="259"/>
      <c r="AZ422" s="259"/>
      <c r="BA422" s="259"/>
      <c r="BB422" s="259"/>
      <c r="BC422" s="259"/>
      <c r="BD422" s="259"/>
      <c r="BE422" s="259"/>
      <c r="BF422" s="259"/>
      <c r="BG422" s="259"/>
      <c r="BH422" s="259"/>
      <c r="BI422" s="259"/>
      <c r="BJ422" s="259"/>
      <c r="BK422" s="259"/>
      <c r="BL422" s="259"/>
      <c r="BM422" s="259"/>
      <c r="BN422" s="259"/>
      <c r="BO422" s="259"/>
      <c r="BP422" s="259"/>
      <c r="BQ422" s="259"/>
      <c r="BR422" s="259"/>
      <c r="BS422" s="259"/>
    </row>
    <row r="423" spans="1:71" s="74" customFormat="1" ht="31.5" customHeight="1">
      <c r="A423" s="178"/>
      <c r="B423" s="92"/>
      <c r="C423" s="301" t="s">
        <v>401</v>
      </c>
      <c r="D423" s="302"/>
      <c r="E423" s="302"/>
      <c r="F423" s="302"/>
      <c r="G423" s="302"/>
      <c r="H423" s="303"/>
      <c r="I423" s="314"/>
      <c r="J423" s="195">
        <f t="shared" si="54"/>
        <v>0</v>
      </c>
      <c r="K423" s="196" t="str">
        <f t="shared" si="55"/>
        <v/>
      </c>
      <c r="L423" s="94">
        <v>0</v>
      </c>
      <c r="M423" s="259">
        <v>0</v>
      </c>
      <c r="N423" s="259">
        <v>0</v>
      </c>
      <c r="O423" s="259">
        <v>0</v>
      </c>
      <c r="P423" s="259">
        <v>0</v>
      </c>
      <c r="Q423" s="259"/>
      <c r="R423" s="259"/>
      <c r="S423" s="259"/>
      <c r="T423" s="259"/>
      <c r="U423" s="259"/>
      <c r="V423" s="259"/>
      <c r="W423" s="259"/>
      <c r="X423" s="259"/>
      <c r="Y423" s="259"/>
      <c r="Z423" s="259"/>
      <c r="AA423" s="259"/>
      <c r="AB423" s="259"/>
      <c r="AC423" s="259"/>
      <c r="AD423" s="259"/>
      <c r="AE423" s="259"/>
      <c r="AF423" s="259"/>
      <c r="AG423" s="259"/>
      <c r="AH423" s="259"/>
      <c r="AI423" s="259"/>
      <c r="AJ423" s="259"/>
      <c r="AK423" s="259"/>
      <c r="AL423" s="259"/>
      <c r="AM423" s="259"/>
      <c r="AN423" s="259"/>
      <c r="AO423" s="259"/>
      <c r="AP423" s="259"/>
      <c r="AQ423" s="259"/>
      <c r="AR423" s="259"/>
      <c r="AS423" s="259"/>
      <c r="AT423" s="259"/>
      <c r="AU423" s="259"/>
      <c r="AV423" s="259"/>
      <c r="AW423" s="259"/>
      <c r="AX423" s="259"/>
      <c r="AY423" s="259"/>
      <c r="AZ423" s="259"/>
      <c r="BA423" s="259"/>
      <c r="BB423" s="259"/>
      <c r="BC423" s="259"/>
      <c r="BD423" s="259"/>
      <c r="BE423" s="259"/>
      <c r="BF423" s="259"/>
      <c r="BG423" s="259"/>
      <c r="BH423" s="259"/>
      <c r="BI423" s="259"/>
      <c r="BJ423" s="259"/>
      <c r="BK423" s="259"/>
      <c r="BL423" s="259"/>
      <c r="BM423" s="259"/>
      <c r="BN423" s="259"/>
      <c r="BO423" s="259"/>
      <c r="BP423" s="259"/>
      <c r="BQ423" s="259"/>
      <c r="BR423" s="259"/>
      <c r="BS423" s="259"/>
    </row>
    <row r="424" spans="1:71" s="74" customFormat="1" ht="31.5" customHeight="1">
      <c r="A424" s="178"/>
      <c r="B424" s="92"/>
      <c r="C424" s="301" t="s">
        <v>402</v>
      </c>
      <c r="D424" s="302"/>
      <c r="E424" s="302"/>
      <c r="F424" s="302"/>
      <c r="G424" s="302"/>
      <c r="H424" s="303"/>
      <c r="I424" s="314"/>
      <c r="J424" s="195">
        <f t="shared" ref="J424:J455" si="56">IF(SUM(L424:BS424)=0,IF(COUNTIF(L424:BS424,"未確認")&gt;0,"未確認",IF(COUNTIF(L424:BS424,"~*")&gt;0,"*",SUM(L424:BS424))),SUM(L424:BS424))</f>
        <v>0</v>
      </c>
      <c r="K424" s="196" t="str">
        <f t="shared" ref="K424:K455" si="57">IF(OR(COUNTIF(L424:BS424,"未確認")&gt;0,COUNTIF(L424:BS424,"~*")&gt;0),"※","")</f>
        <v/>
      </c>
      <c r="L424" s="94">
        <v>0</v>
      </c>
      <c r="M424" s="259">
        <v>0</v>
      </c>
      <c r="N424" s="259">
        <v>0</v>
      </c>
      <c r="O424" s="259">
        <v>0</v>
      </c>
      <c r="P424" s="259">
        <v>0</v>
      </c>
      <c r="Q424" s="259"/>
      <c r="R424" s="259"/>
      <c r="S424" s="259"/>
      <c r="T424" s="259"/>
      <c r="U424" s="259"/>
      <c r="V424" s="259"/>
      <c r="W424" s="259"/>
      <c r="X424" s="259"/>
      <c r="Y424" s="259"/>
      <c r="Z424" s="259"/>
      <c r="AA424" s="259"/>
      <c r="AB424" s="259"/>
      <c r="AC424" s="259"/>
      <c r="AD424" s="259"/>
      <c r="AE424" s="259"/>
      <c r="AF424" s="259"/>
      <c r="AG424" s="259"/>
      <c r="AH424" s="259"/>
      <c r="AI424" s="259"/>
      <c r="AJ424" s="259"/>
      <c r="AK424" s="259"/>
      <c r="AL424" s="259"/>
      <c r="AM424" s="259"/>
      <c r="AN424" s="259"/>
      <c r="AO424" s="259"/>
      <c r="AP424" s="259"/>
      <c r="AQ424" s="259"/>
      <c r="AR424" s="259"/>
      <c r="AS424" s="259"/>
      <c r="AT424" s="259"/>
      <c r="AU424" s="259"/>
      <c r="AV424" s="259"/>
      <c r="AW424" s="259"/>
      <c r="AX424" s="259"/>
      <c r="AY424" s="259"/>
      <c r="AZ424" s="259"/>
      <c r="BA424" s="259"/>
      <c r="BB424" s="259"/>
      <c r="BC424" s="259"/>
      <c r="BD424" s="259"/>
      <c r="BE424" s="259"/>
      <c r="BF424" s="259"/>
      <c r="BG424" s="259"/>
      <c r="BH424" s="259"/>
      <c r="BI424" s="259"/>
      <c r="BJ424" s="259"/>
      <c r="BK424" s="259"/>
      <c r="BL424" s="259"/>
      <c r="BM424" s="259"/>
      <c r="BN424" s="259"/>
      <c r="BO424" s="259"/>
      <c r="BP424" s="259"/>
      <c r="BQ424" s="259"/>
      <c r="BR424" s="259"/>
      <c r="BS424" s="259"/>
    </row>
    <row r="425" spans="1:71" s="74" customFormat="1" ht="31.5" customHeight="1">
      <c r="A425" s="178"/>
      <c r="B425" s="92"/>
      <c r="C425" s="301" t="s">
        <v>403</v>
      </c>
      <c r="D425" s="302"/>
      <c r="E425" s="302"/>
      <c r="F425" s="302"/>
      <c r="G425" s="302"/>
      <c r="H425" s="303"/>
      <c r="I425" s="314"/>
      <c r="J425" s="195">
        <f t="shared" si="56"/>
        <v>0</v>
      </c>
      <c r="K425" s="196" t="str">
        <f t="shared" si="57"/>
        <v/>
      </c>
      <c r="L425" s="94">
        <v>0</v>
      </c>
      <c r="M425" s="259">
        <v>0</v>
      </c>
      <c r="N425" s="259">
        <v>0</v>
      </c>
      <c r="O425" s="259">
        <v>0</v>
      </c>
      <c r="P425" s="259">
        <v>0</v>
      </c>
      <c r="Q425" s="259"/>
      <c r="R425" s="259"/>
      <c r="S425" s="259"/>
      <c r="T425" s="259"/>
      <c r="U425" s="259"/>
      <c r="V425" s="259"/>
      <c r="W425" s="259"/>
      <c r="X425" s="259"/>
      <c r="Y425" s="259"/>
      <c r="Z425" s="259"/>
      <c r="AA425" s="259"/>
      <c r="AB425" s="259"/>
      <c r="AC425" s="259"/>
      <c r="AD425" s="259"/>
      <c r="AE425" s="259"/>
      <c r="AF425" s="259"/>
      <c r="AG425" s="259"/>
      <c r="AH425" s="259"/>
      <c r="AI425" s="259"/>
      <c r="AJ425" s="259"/>
      <c r="AK425" s="259"/>
      <c r="AL425" s="259"/>
      <c r="AM425" s="259"/>
      <c r="AN425" s="259"/>
      <c r="AO425" s="259"/>
      <c r="AP425" s="259"/>
      <c r="AQ425" s="259"/>
      <c r="AR425" s="259"/>
      <c r="AS425" s="259"/>
      <c r="AT425" s="259"/>
      <c r="AU425" s="259"/>
      <c r="AV425" s="259"/>
      <c r="AW425" s="259"/>
      <c r="AX425" s="259"/>
      <c r="AY425" s="259"/>
      <c r="AZ425" s="259"/>
      <c r="BA425" s="259"/>
      <c r="BB425" s="259"/>
      <c r="BC425" s="259"/>
      <c r="BD425" s="259"/>
      <c r="BE425" s="259"/>
      <c r="BF425" s="259"/>
      <c r="BG425" s="259"/>
      <c r="BH425" s="259"/>
      <c r="BI425" s="259"/>
      <c r="BJ425" s="259"/>
      <c r="BK425" s="259"/>
      <c r="BL425" s="259"/>
      <c r="BM425" s="259"/>
      <c r="BN425" s="259"/>
      <c r="BO425" s="259"/>
      <c r="BP425" s="259"/>
      <c r="BQ425" s="259"/>
      <c r="BR425" s="259"/>
      <c r="BS425" s="259"/>
    </row>
    <row r="426" spans="1:71" s="74" customFormat="1" ht="31.5" customHeight="1">
      <c r="A426" s="178"/>
      <c r="B426" s="92"/>
      <c r="C426" s="301" t="s">
        <v>404</v>
      </c>
      <c r="D426" s="302"/>
      <c r="E426" s="302"/>
      <c r="F426" s="302"/>
      <c r="G426" s="302"/>
      <c r="H426" s="303"/>
      <c r="I426" s="314"/>
      <c r="J426" s="195">
        <f t="shared" si="56"/>
        <v>0</v>
      </c>
      <c r="K426" s="196" t="str">
        <f t="shared" si="57"/>
        <v/>
      </c>
      <c r="L426" s="94">
        <v>0</v>
      </c>
      <c r="M426" s="259">
        <v>0</v>
      </c>
      <c r="N426" s="259">
        <v>0</v>
      </c>
      <c r="O426" s="259">
        <v>0</v>
      </c>
      <c r="P426" s="259">
        <v>0</v>
      </c>
      <c r="Q426" s="259"/>
      <c r="R426" s="259"/>
      <c r="S426" s="259"/>
      <c r="T426" s="259"/>
      <c r="U426" s="259"/>
      <c r="V426" s="259"/>
      <c r="W426" s="259"/>
      <c r="X426" s="259"/>
      <c r="Y426" s="259"/>
      <c r="Z426" s="259"/>
      <c r="AA426" s="259"/>
      <c r="AB426" s="259"/>
      <c r="AC426" s="259"/>
      <c r="AD426" s="259"/>
      <c r="AE426" s="259"/>
      <c r="AF426" s="259"/>
      <c r="AG426" s="259"/>
      <c r="AH426" s="259"/>
      <c r="AI426" s="259"/>
      <c r="AJ426" s="259"/>
      <c r="AK426" s="259"/>
      <c r="AL426" s="259"/>
      <c r="AM426" s="259"/>
      <c r="AN426" s="259"/>
      <c r="AO426" s="259"/>
      <c r="AP426" s="259"/>
      <c r="AQ426" s="259"/>
      <c r="AR426" s="259"/>
      <c r="AS426" s="259"/>
      <c r="AT426" s="259"/>
      <c r="AU426" s="259"/>
      <c r="AV426" s="259"/>
      <c r="AW426" s="259"/>
      <c r="AX426" s="259"/>
      <c r="AY426" s="259"/>
      <c r="AZ426" s="259"/>
      <c r="BA426" s="259"/>
      <c r="BB426" s="259"/>
      <c r="BC426" s="259"/>
      <c r="BD426" s="259"/>
      <c r="BE426" s="259"/>
      <c r="BF426" s="259"/>
      <c r="BG426" s="259"/>
      <c r="BH426" s="259"/>
      <c r="BI426" s="259"/>
      <c r="BJ426" s="259"/>
      <c r="BK426" s="259"/>
      <c r="BL426" s="259"/>
      <c r="BM426" s="259"/>
      <c r="BN426" s="259"/>
      <c r="BO426" s="259"/>
      <c r="BP426" s="259"/>
      <c r="BQ426" s="259"/>
      <c r="BR426" s="259"/>
      <c r="BS426" s="259"/>
    </row>
    <row r="427" spans="1:71" s="74" customFormat="1" ht="31.5" customHeight="1">
      <c r="A427" s="178"/>
      <c r="B427" s="92"/>
      <c r="C427" s="301" t="s">
        <v>405</v>
      </c>
      <c r="D427" s="302"/>
      <c r="E427" s="302"/>
      <c r="F427" s="302"/>
      <c r="G427" s="302"/>
      <c r="H427" s="303"/>
      <c r="I427" s="314"/>
      <c r="J427" s="195">
        <f t="shared" si="56"/>
        <v>0</v>
      </c>
      <c r="K427" s="196" t="str">
        <f t="shared" si="57"/>
        <v/>
      </c>
      <c r="L427" s="94">
        <v>0</v>
      </c>
      <c r="M427" s="259">
        <v>0</v>
      </c>
      <c r="N427" s="259">
        <v>0</v>
      </c>
      <c r="O427" s="259">
        <v>0</v>
      </c>
      <c r="P427" s="259">
        <v>0</v>
      </c>
      <c r="Q427" s="259"/>
      <c r="R427" s="259"/>
      <c r="S427" s="259"/>
      <c r="T427" s="259"/>
      <c r="U427" s="259"/>
      <c r="V427" s="259"/>
      <c r="W427" s="259"/>
      <c r="X427" s="259"/>
      <c r="Y427" s="259"/>
      <c r="Z427" s="259"/>
      <c r="AA427" s="259"/>
      <c r="AB427" s="259"/>
      <c r="AC427" s="259"/>
      <c r="AD427" s="259"/>
      <c r="AE427" s="259"/>
      <c r="AF427" s="259"/>
      <c r="AG427" s="259"/>
      <c r="AH427" s="259"/>
      <c r="AI427" s="259"/>
      <c r="AJ427" s="259"/>
      <c r="AK427" s="259"/>
      <c r="AL427" s="259"/>
      <c r="AM427" s="259"/>
      <c r="AN427" s="259"/>
      <c r="AO427" s="259"/>
      <c r="AP427" s="259"/>
      <c r="AQ427" s="259"/>
      <c r="AR427" s="259"/>
      <c r="AS427" s="259"/>
      <c r="AT427" s="259"/>
      <c r="AU427" s="259"/>
      <c r="AV427" s="259"/>
      <c r="AW427" s="259"/>
      <c r="AX427" s="259"/>
      <c r="AY427" s="259"/>
      <c r="AZ427" s="259"/>
      <c r="BA427" s="259"/>
      <c r="BB427" s="259"/>
      <c r="BC427" s="259"/>
      <c r="BD427" s="259"/>
      <c r="BE427" s="259"/>
      <c r="BF427" s="259"/>
      <c r="BG427" s="259"/>
      <c r="BH427" s="259"/>
      <c r="BI427" s="259"/>
      <c r="BJ427" s="259"/>
      <c r="BK427" s="259"/>
      <c r="BL427" s="259"/>
      <c r="BM427" s="259"/>
      <c r="BN427" s="259"/>
      <c r="BO427" s="259"/>
      <c r="BP427" s="259"/>
      <c r="BQ427" s="259"/>
      <c r="BR427" s="259"/>
      <c r="BS427" s="259"/>
    </row>
    <row r="428" spans="1:71" s="74" customFormat="1" ht="31.5" customHeight="1">
      <c r="A428" s="178"/>
      <c r="B428" s="92"/>
      <c r="C428" s="301" t="s">
        <v>406</v>
      </c>
      <c r="D428" s="302"/>
      <c r="E428" s="302"/>
      <c r="F428" s="302"/>
      <c r="G428" s="302"/>
      <c r="H428" s="303"/>
      <c r="I428" s="314"/>
      <c r="J428" s="195">
        <f t="shared" si="56"/>
        <v>0</v>
      </c>
      <c r="K428" s="196" t="str">
        <f t="shared" si="57"/>
        <v/>
      </c>
      <c r="L428" s="94">
        <v>0</v>
      </c>
      <c r="M428" s="259">
        <v>0</v>
      </c>
      <c r="N428" s="259">
        <v>0</v>
      </c>
      <c r="O428" s="259">
        <v>0</v>
      </c>
      <c r="P428" s="259">
        <v>0</v>
      </c>
      <c r="Q428" s="259"/>
      <c r="R428" s="259"/>
      <c r="S428" s="259"/>
      <c r="T428" s="259"/>
      <c r="U428" s="259"/>
      <c r="V428" s="259"/>
      <c r="W428" s="259"/>
      <c r="X428" s="259"/>
      <c r="Y428" s="259"/>
      <c r="Z428" s="259"/>
      <c r="AA428" s="259"/>
      <c r="AB428" s="259"/>
      <c r="AC428" s="259"/>
      <c r="AD428" s="259"/>
      <c r="AE428" s="259"/>
      <c r="AF428" s="259"/>
      <c r="AG428" s="259"/>
      <c r="AH428" s="259"/>
      <c r="AI428" s="259"/>
      <c r="AJ428" s="259"/>
      <c r="AK428" s="259"/>
      <c r="AL428" s="259"/>
      <c r="AM428" s="259"/>
      <c r="AN428" s="259"/>
      <c r="AO428" s="259"/>
      <c r="AP428" s="259"/>
      <c r="AQ428" s="259"/>
      <c r="AR428" s="259"/>
      <c r="AS428" s="259"/>
      <c r="AT428" s="259"/>
      <c r="AU428" s="259"/>
      <c r="AV428" s="259"/>
      <c r="AW428" s="259"/>
      <c r="AX428" s="259"/>
      <c r="AY428" s="259"/>
      <c r="AZ428" s="259"/>
      <c r="BA428" s="259"/>
      <c r="BB428" s="259"/>
      <c r="BC428" s="259"/>
      <c r="BD428" s="259"/>
      <c r="BE428" s="259"/>
      <c r="BF428" s="259"/>
      <c r="BG428" s="259"/>
      <c r="BH428" s="259"/>
      <c r="BI428" s="259"/>
      <c r="BJ428" s="259"/>
      <c r="BK428" s="259"/>
      <c r="BL428" s="259"/>
      <c r="BM428" s="259"/>
      <c r="BN428" s="259"/>
      <c r="BO428" s="259"/>
      <c r="BP428" s="259"/>
      <c r="BQ428" s="259"/>
      <c r="BR428" s="259"/>
      <c r="BS428" s="259"/>
    </row>
    <row r="429" spans="1:71" s="74" customFormat="1" ht="31.5" customHeight="1">
      <c r="A429" s="178"/>
      <c r="B429" s="92"/>
      <c r="C429" s="301" t="s">
        <v>407</v>
      </c>
      <c r="D429" s="302"/>
      <c r="E429" s="302"/>
      <c r="F429" s="302"/>
      <c r="G429" s="302"/>
      <c r="H429" s="303"/>
      <c r="I429" s="314"/>
      <c r="J429" s="195">
        <f t="shared" si="56"/>
        <v>0</v>
      </c>
      <c r="K429" s="196" t="str">
        <f t="shared" si="57"/>
        <v/>
      </c>
      <c r="L429" s="94">
        <v>0</v>
      </c>
      <c r="M429" s="259">
        <v>0</v>
      </c>
      <c r="N429" s="259">
        <v>0</v>
      </c>
      <c r="O429" s="259">
        <v>0</v>
      </c>
      <c r="P429" s="259">
        <v>0</v>
      </c>
      <c r="Q429" s="259"/>
      <c r="R429" s="259"/>
      <c r="S429" s="259"/>
      <c r="T429" s="259"/>
      <c r="U429" s="259"/>
      <c r="V429" s="259"/>
      <c r="W429" s="259"/>
      <c r="X429" s="259"/>
      <c r="Y429" s="259"/>
      <c r="Z429" s="259"/>
      <c r="AA429" s="259"/>
      <c r="AB429" s="259"/>
      <c r="AC429" s="259"/>
      <c r="AD429" s="259"/>
      <c r="AE429" s="259"/>
      <c r="AF429" s="259"/>
      <c r="AG429" s="259"/>
      <c r="AH429" s="259"/>
      <c r="AI429" s="259"/>
      <c r="AJ429" s="259"/>
      <c r="AK429" s="259"/>
      <c r="AL429" s="259"/>
      <c r="AM429" s="259"/>
      <c r="AN429" s="259"/>
      <c r="AO429" s="259"/>
      <c r="AP429" s="259"/>
      <c r="AQ429" s="259"/>
      <c r="AR429" s="259"/>
      <c r="AS429" s="259"/>
      <c r="AT429" s="259"/>
      <c r="AU429" s="259"/>
      <c r="AV429" s="259"/>
      <c r="AW429" s="259"/>
      <c r="AX429" s="259"/>
      <c r="AY429" s="259"/>
      <c r="AZ429" s="259"/>
      <c r="BA429" s="259"/>
      <c r="BB429" s="259"/>
      <c r="BC429" s="259"/>
      <c r="BD429" s="259"/>
      <c r="BE429" s="259"/>
      <c r="BF429" s="259"/>
      <c r="BG429" s="259"/>
      <c r="BH429" s="259"/>
      <c r="BI429" s="259"/>
      <c r="BJ429" s="259"/>
      <c r="BK429" s="259"/>
      <c r="BL429" s="259"/>
      <c r="BM429" s="259"/>
      <c r="BN429" s="259"/>
      <c r="BO429" s="259"/>
      <c r="BP429" s="259"/>
      <c r="BQ429" s="259"/>
      <c r="BR429" s="259"/>
      <c r="BS429" s="259"/>
    </row>
    <row r="430" spans="1:71" s="74" customFormat="1" ht="31.5" customHeight="1">
      <c r="A430" s="178"/>
      <c r="B430" s="92"/>
      <c r="C430" s="301" t="s">
        <v>408</v>
      </c>
      <c r="D430" s="302"/>
      <c r="E430" s="302"/>
      <c r="F430" s="302"/>
      <c r="G430" s="302"/>
      <c r="H430" s="303"/>
      <c r="I430" s="314"/>
      <c r="J430" s="195">
        <f t="shared" si="56"/>
        <v>0</v>
      </c>
      <c r="K430" s="196" t="str">
        <f t="shared" si="57"/>
        <v/>
      </c>
      <c r="L430" s="94">
        <v>0</v>
      </c>
      <c r="M430" s="259">
        <v>0</v>
      </c>
      <c r="N430" s="259">
        <v>0</v>
      </c>
      <c r="O430" s="259">
        <v>0</v>
      </c>
      <c r="P430" s="259">
        <v>0</v>
      </c>
      <c r="Q430" s="259"/>
      <c r="R430" s="259"/>
      <c r="S430" s="259"/>
      <c r="T430" s="259"/>
      <c r="U430" s="259"/>
      <c r="V430" s="259"/>
      <c r="W430" s="259"/>
      <c r="X430" s="259"/>
      <c r="Y430" s="259"/>
      <c r="Z430" s="259"/>
      <c r="AA430" s="259"/>
      <c r="AB430" s="259"/>
      <c r="AC430" s="259"/>
      <c r="AD430" s="259"/>
      <c r="AE430" s="259"/>
      <c r="AF430" s="259"/>
      <c r="AG430" s="259"/>
      <c r="AH430" s="259"/>
      <c r="AI430" s="259"/>
      <c r="AJ430" s="259"/>
      <c r="AK430" s="259"/>
      <c r="AL430" s="259"/>
      <c r="AM430" s="259"/>
      <c r="AN430" s="259"/>
      <c r="AO430" s="259"/>
      <c r="AP430" s="259"/>
      <c r="AQ430" s="259"/>
      <c r="AR430" s="259"/>
      <c r="AS430" s="259"/>
      <c r="AT430" s="259"/>
      <c r="AU430" s="259"/>
      <c r="AV430" s="259"/>
      <c r="AW430" s="259"/>
      <c r="AX430" s="259"/>
      <c r="AY430" s="259"/>
      <c r="AZ430" s="259"/>
      <c r="BA430" s="259"/>
      <c r="BB430" s="259"/>
      <c r="BC430" s="259"/>
      <c r="BD430" s="259"/>
      <c r="BE430" s="259"/>
      <c r="BF430" s="259"/>
      <c r="BG430" s="259"/>
      <c r="BH430" s="259"/>
      <c r="BI430" s="259"/>
      <c r="BJ430" s="259"/>
      <c r="BK430" s="259"/>
      <c r="BL430" s="259"/>
      <c r="BM430" s="259"/>
      <c r="BN430" s="259"/>
      <c r="BO430" s="259"/>
      <c r="BP430" s="259"/>
      <c r="BQ430" s="259"/>
      <c r="BR430" s="259"/>
      <c r="BS430" s="259"/>
    </row>
    <row r="431" spans="1:71" s="74" customFormat="1" ht="31.5" customHeight="1">
      <c r="A431" s="178"/>
      <c r="B431" s="92"/>
      <c r="C431" s="301" t="s">
        <v>409</v>
      </c>
      <c r="D431" s="302"/>
      <c r="E431" s="302"/>
      <c r="F431" s="302"/>
      <c r="G431" s="302"/>
      <c r="H431" s="303"/>
      <c r="I431" s="314"/>
      <c r="J431" s="195">
        <f t="shared" si="56"/>
        <v>0</v>
      </c>
      <c r="K431" s="196" t="str">
        <f t="shared" si="57"/>
        <v/>
      </c>
      <c r="L431" s="94">
        <v>0</v>
      </c>
      <c r="M431" s="259">
        <v>0</v>
      </c>
      <c r="N431" s="259">
        <v>0</v>
      </c>
      <c r="O431" s="259">
        <v>0</v>
      </c>
      <c r="P431" s="259">
        <v>0</v>
      </c>
      <c r="Q431" s="259"/>
      <c r="R431" s="259"/>
      <c r="S431" s="259"/>
      <c r="T431" s="259"/>
      <c r="U431" s="259"/>
      <c r="V431" s="259"/>
      <c r="W431" s="259"/>
      <c r="X431" s="259"/>
      <c r="Y431" s="259"/>
      <c r="Z431" s="259"/>
      <c r="AA431" s="259"/>
      <c r="AB431" s="259"/>
      <c r="AC431" s="259"/>
      <c r="AD431" s="259"/>
      <c r="AE431" s="259"/>
      <c r="AF431" s="259"/>
      <c r="AG431" s="259"/>
      <c r="AH431" s="259"/>
      <c r="AI431" s="259"/>
      <c r="AJ431" s="259"/>
      <c r="AK431" s="259"/>
      <c r="AL431" s="259"/>
      <c r="AM431" s="259"/>
      <c r="AN431" s="259"/>
      <c r="AO431" s="259"/>
      <c r="AP431" s="259"/>
      <c r="AQ431" s="259"/>
      <c r="AR431" s="259"/>
      <c r="AS431" s="259"/>
      <c r="AT431" s="259"/>
      <c r="AU431" s="259"/>
      <c r="AV431" s="259"/>
      <c r="AW431" s="259"/>
      <c r="AX431" s="259"/>
      <c r="AY431" s="259"/>
      <c r="AZ431" s="259"/>
      <c r="BA431" s="259"/>
      <c r="BB431" s="259"/>
      <c r="BC431" s="259"/>
      <c r="BD431" s="259"/>
      <c r="BE431" s="259"/>
      <c r="BF431" s="259"/>
      <c r="BG431" s="259"/>
      <c r="BH431" s="259"/>
      <c r="BI431" s="259"/>
      <c r="BJ431" s="259"/>
      <c r="BK431" s="259"/>
      <c r="BL431" s="259"/>
      <c r="BM431" s="259"/>
      <c r="BN431" s="259"/>
      <c r="BO431" s="259"/>
      <c r="BP431" s="259"/>
      <c r="BQ431" s="259"/>
      <c r="BR431" s="259"/>
      <c r="BS431" s="259"/>
    </row>
    <row r="432" spans="1:71" s="74" customFormat="1" ht="31.5" customHeight="1">
      <c r="A432" s="178"/>
      <c r="B432" s="92"/>
      <c r="C432" s="301" t="s">
        <v>410</v>
      </c>
      <c r="D432" s="302"/>
      <c r="E432" s="302"/>
      <c r="F432" s="302"/>
      <c r="G432" s="302"/>
      <c r="H432" s="303"/>
      <c r="I432" s="314"/>
      <c r="J432" s="195">
        <f t="shared" si="56"/>
        <v>0</v>
      </c>
      <c r="K432" s="196" t="str">
        <f t="shared" si="57"/>
        <v/>
      </c>
      <c r="L432" s="94">
        <v>0</v>
      </c>
      <c r="M432" s="259">
        <v>0</v>
      </c>
      <c r="N432" s="259">
        <v>0</v>
      </c>
      <c r="O432" s="259">
        <v>0</v>
      </c>
      <c r="P432" s="259">
        <v>0</v>
      </c>
      <c r="Q432" s="259"/>
      <c r="R432" s="259"/>
      <c r="S432" s="259"/>
      <c r="T432" s="259"/>
      <c r="U432" s="259"/>
      <c r="V432" s="259"/>
      <c r="W432" s="259"/>
      <c r="X432" s="259"/>
      <c r="Y432" s="259"/>
      <c r="Z432" s="259"/>
      <c r="AA432" s="259"/>
      <c r="AB432" s="259"/>
      <c r="AC432" s="259"/>
      <c r="AD432" s="259"/>
      <c r="AE432" s="259"/>
      <c r="AF432" s="259"/>
      <c r="AG432" s="259"/>
      <c r="AH432" s="259"/>
      <c r="AI432" s="259"/>
      <c r="AJ432" s="259"/>
      <c r="AK432" s="259"/>
      <c r="AL432" s="259"/>
      <c r="AM432" s="259"/>
      <c r="AN432" s="259"/>
      <c r="AO432" s="259"/>
      <c r="AP432" s="259"/>
      <c r="AQ432" s="259"/>
      <c r="AR432" s="259"/>
      <c r="AS432" s="259"/>
      <c r="AT432" s="259"/>
      <c r="AU432" s="259"/>
      <c r="AV432" s="259"/>
      <c r="AW432" s="259"/>
      <c r="AX432" s="259"/>
      <c r="AY432" s="259"/>
      <c r="AZ432" s="259"/>
      <c r="BA432" s="259"/>
      <c r="BB432" s="259"/>
      <c r="BC432" s="259"/>
      <c r="BD432" s="259"/>
      <c r="BE432" s="259"/>
      <c r="BF432" s="259"/>
      <c r="BG432" s="259"/>
      <c r="BH432" s="259"/>
      <c r="BI432" s="259"/>
      <c r="BJ432" s="259"/>
      <c r="BK432" s="259"/>
      <c r="BL432" s="259"/>
      <c r="BM432" s="259"/>
      <c r="BN432" s="259"/>
      <c r="BO432" s="259"/>
      <c r="BP432" s="259"/>
      <c r="BQ432" s="259"/>
      <c r="BR432" s="259"/>
      <c r="BS432" s="259"/>
    </row>
    <row r="433" spans="1:71" s="74" customFormat="1" ht="31.5" customHeight="1">
      <c r="A433" s="178"/>
      <c r="B433" s="92"/>
      <c r="C433" s="301" t="s">
        <v>411</v>
      </c>
      <c r="D433" s="302"/>
      <c r="E433" s="302"/>
      <c r="F433" s="302"/>
      <c r="G433" s="302"/>
      <c r="H433" s="303"/>
      <c r="I433" s="314"/>
      <c r="J433" s="195">
        <f t="shared" si="56"/>
        <v>0</v>
      </c>
      <c r="K433" s="196" t="str">
        <f t="shared" si="57"/>
        <v/>
      </c>
      <c r="L433" s="94">
        <v>0</v>
      </c>
      <c r="M433" s="259">
        <v>0</v>
      </c>
      <c r="N433" s="259">
        <v>0</v>
      </c>
      <c r="O433" s="259">
        <v>0</v>
      </c>
      <c r="P433" s="259">
        <v>0</v>
      </c>
      <c r="Q433" s="259"/>
      <c r="R433" s="259"/>
      <c r="S433" s="259"/>
      <c r="T433" s="259"/>
      <c r="U433" s="259"/>
      <c r="V433" s="259"/>
      <c r="W433" s="259"/>
      <c r="X433" s="259"/>
      <c r="Y433" s="259"/>
      <c r="Z433" s="259"/>
      <c r="AA433" s="259"/>
      <c r="AB433" s="259"/>
      <c r="AC433" s="259"/>
      <c r="AD433" s="259"/>
      <c r="AE433" s="259"/>
      <c r="AF433" s="259"/>
      <c r="AG433" s="259"/>
      <c r="AH433" s="259"/>
      <c r="AI433" s="259"/>
      <c r="AJ433" s="259"/>
      <c r="AK433" s="259"/>
      <c r="AL433" s="259"/>
      <c r="AM433" s="259"/>
      <c r="AN433" s="259"/>
      <c r="AO433" s="259"/>
      <c r="AP433" s="259"/>
      <c r="AQ433" s="259"/>
      <c r="AR433" s="259"/>
      <c r="AS433" s="259"/>
      <c r="AT433" s="259"/>
      <c r="AU433" s="259"/>
      <c r="AV433" s="259"/>
      <c r="AW433" s="259"/>
      <c r="AX433" s="259"/>
      <c r="AY433" s="259"/>
      <c r="AZ433" s="259"/>
      <c r="BA433" s="259"/>
      <c r="BB433" s="259"/>
      <c r="BC433" s="259"/>
      <c r="BD433" s="259"/>
      <c r="BE433" s="259"/>
      <c r="BF433" s="259"/>
      <c r="BG433" s="259"/>
      <c r="BH433" s="259"/>
      <c r="BI433" s="259"/>
      <c r="BJ433" s="259"/>
      <c r="BK433" s="259"/>
      <c r="BL433" s="259"/>
      <c r="BM433" s="259"/>
      <c r="BN433" s="259"/>
      <c r="BO433" s="259"/>
      <c r="BP433" s="259"/>
      <c r="BQ433" s="259"/>
      <c r="BR433" s="259"/>
      <c r="BS433" s="259"/>
    </row>
    <row r="434" spans="1:71" s="74" customFormat="1" ht="31.5" customHeight="1">
      <c r="A434" s="178"/>
      <c r="B434" s="92"/>
      <c r="C434" s="301" t="s">
        <v>412</v>
      </c>
      <c r="D434" s="302"/>
      <c r="E434" s="302"/>
      <c r="F434" s="302"/>
      <c r="G434" s="302"/>
      <c r="H434" s="303"/>
      <c r="I434" s="314"/>
      <c r="J434" s="195">
        <f t="shared" si="56"/>
        <v>0</v>
      </c>
      <c r="K434" s="196" t="str">
        <f t="shared" si="57"/>
        <v/>
      </c>
      <c r="L434" s="94">
        <v>0</v>
      </c>
      <c r="M434" s="259">
        <v>0</v>
      </c>
      <c r="N434" s="259">
        <v>0</v>
      </c>
      <c r="O434" s="259">
        <v>0</v>
      </c>
      <c r="P434" s="259">
        <v>0</v>
      </c>
      <c r="Q434" s="259"/>
      <c r="R434" s="259"/>
      <c r="S434" s="259"/>
      <c r="T434" s="259"/>
      <c r="U434" s="259"/>
      <c r="V434" s="259"/>
      <c r="W434" s="259"/>
      <c r="X434" s="259"/>
      <c r="Y434" s="259"/>
      <c r="Z434" s="259"/>
      <c r="AA434" s="259"/>
      <c r="AB434" s="259"/>
      <c r="AC434" s="259"/>
      <c r="AD434" s="259"/>
      <c r="AE434" s="259"/>
      <c r="AF434" s="259"/>
      <c r="AG434" s="259"/>
      <c r="AH434" s="259"/>
      <c r="AI434" s="259"/>
      <c r="AJ434" s="259"/>
      <c r="AK434" s="259"/>
      <c r="AL434" s="259"/>
      <c r="AM434" s="259"/>
      <c r="AN434" s="259"/>
      <c r="AO434" s="259"/>
      <c r="AP434" s="259"/>
      <c r="AQ434" s="259"/>
      <c r="AR434" s="259"/>
      <c r="AS434" s="259"/>
      <c r="AT434" s="259"/>
      <c r="AU434" s="259"/>
      <c r="AV434" s="259"/>
      <c r="AW434" s="259"/>
      <c r="AX434" s="259"/>
      <c r="AY434" s="259"/>
      <c r="AZ434" s="259"/>
      <c r="BA434" s="259"/>
      <c r="BB434" s="259"/>
      <c r="BC434" s="259"/>
      <c r="BD434" s="259"/>
      <c r="BE434" s="259"/>
      <c r="BF434" s="259"/>
      <c r="BG434" s="259"/>
      <c r="BH434" s="259"/>
      <c r="BI434" s="259"/>
      <c r="BJ434" s="259"/>
      <c r="BK434" s="259"/>
      <c r="BL434" s="259"/>
      <c r="BM434" s="259"/>
      <c r="BN434" s="259"/>
      <c r="BO434" s="259"/>
      <c r="BP434" s="259"/>
      <c r="BQ434" s="259"/>
      <c r="BR434" s="259"/>
      <c r="BS434" s="259"/>
    </row>
    <row r="435" spans="1:71" s="74" customFormat="1" ht="31.5" customHeight="1">
      <c r="A435" s="178"/>
      <c r="B435" s="92"/>
      <c r="C435" s="301" t="s">
        <v>413</v>
      </c>
      <c r="D435" s="302"/>
      <c r="E435" s="302"/>
      <c r="F435" s="302"/>
      <c r="G435" s="302"/>
      <c r="H435" s="303"/>
      <c r="I435" s="314"/>
      <c r="J435" s="195">
        <f t="shared" si="56"/>
        <v>0</v>
      </c>
      <c r="K435" s="196" t="str">
        <f t="shared" si="57"/>
        <v/>
      </c>
      <c r="L435" s="94">
        <v>0</v>
      </c>
      <c r="M435" s="259">
        <v>0</v>
      </c>
      <c r="N435" s="259">
        <v>0</v>
      </c>
      <c r="O435" s="259">
        <v>0</v>
      </c>
      <c r="P435" s="259">
        <v>0</v>
      </c>
      <c r="Q435" s="259"/>
      <c r="R435" s="259"/>
      <c r="S435" s="259"/>
      <c r="T435" s="259"/>
      <c r="U435" s="259"/>
      <c r="V435" s="259"/>
      <c r="W435" s="259"/>
      <c r="X435" s="259"/>
      <c r="Y435" s="259"/>
      <c r="Z435" s="259"/>
      <c r="AA435" s="259"/>
      <c r="AB435" s="259"/>
      <c r="AC435" s="259"/>
      <c r="AD435" s="259"/>
      <c r="AE435" s="259"/>
      <c r="AF435" s="259"/>
      <c r="AG435" s="259"/>
      <c r="AH435" s="259"/>
      <c r="AI435" s="259"/>
      <c r="AJ435" s="259"/>
      <c r="AK435" s="259"/>
      <c r="AL435" s="259"/>
      <c r="AM435" s="259"/>
      <c r="AN435" s="259"/>
      <c r="AO435" s="259"/>
      <c r="AP435" s="259"/>
      <c r="AQ435" s="259"/>
      <c r="AR435" s="259"/>
      <c r="AS435" s="259"/>
      <c r="AT435" s="259"/>
      <c r="AU435" s="259"/>
      <c r="AV435" s="259"/>
      <c r="AW435" s="259"/>
      <c r="AX435" s="259"/>
      <c r="AY435" s="259"/>
      <c r="AZ435" s="259"/>
      <c r="BA435" s="259"/>
      <c r="BB435" s="259"/>
      <c r="BC435" s="259"/>
      <c r="BD435" s="259"/>
      <c r="BE435" s="259"/>
      <c r="BF435" s="259"/>
      <c r="BG435" s="259"/>
      <c r="BH435" s="259"/>
      <c r="BI435" s="259"/>
      <c r="BJ435" s="259"/>
      <c r="BK435" s="259"/>
      <c r="BL435" s="259"/>
      <c r="BM435" s="259"/>
      <c r="BN435" s="259"/>
      <c r="BO435" s="259"/>
      <c r="BP435" s="259"/>
      <c r="BQ435" s="259"/>
      <c r="BR435" s="259"/>
      <c r="BS435" s="259"/>
    </row>
    <row r="436" spans="1:71" s="74" customFormat="1" ht="31.5" customHeight="1">
      <c r="A436" s="178"/>
      <c r="B436" s="92"/>
      <c r="C436" s="301" t="s">
        <v>414</v>
      </c>
      <c r="D436" s="302"/>
      <c r="E436" s="302"/>
      <c r="F436" s="302"/>
      <c r="G436" s="302"/>
      <c r="H436" s="303"/>
      <c r="I436" s="314"/>
      <c r="J436" s="195">
        <f t="shared" si="56"/>
        <v>0</v>
      </c>
      <c r="K436" s="196" t="str">
        <f t="shared" si="57"/>
        <v/>
      </c>
      <c r="L436" s="94">
        <v>0</v>
      </c>
      <c r="M436" s="259">
        <v>0</v>
      </c>
      <c r="N436" s="259">
        <v>0</v>
      </c>
      <c r="O436" s="259">
        <v>0</v>
      </c>
      <c r="P436" s="259">
        <v>0</v>
      </c>
      <c r="Q436" s="259"/>
      <c r="R436" s="259"/>
      <c r="S436" s="259"/>
      <c r="T436" s="259"/>
      <c r="U436" s="259"/>
      <c r="V436" s="259"/>
      <c r="W436" s="259"/>
      <c r="X436" s="259"/>
      <c r="Y436" s="259"/>
      <c r="Z436" s="259"/>
      <c r="AA436" s="259"/>
      <c r="AB436" s="259"/>
      <c r="AC436" s="259"/>
      <c r="AD436" s="259"/>
      <c r="AE436" s="259"/>
      <c r="AF436" s="259"/>
      <c r="AG436" s="259"/>
      <c r="AH436" s="259"/>
      <c r="AI436" s="259"/>
      <c r="AJ436" s="259"/>
      <c r="AK436" s="259"/>
      <c r="AL436" s="259"/>
      <c r="AM436" s="259"/>
      <c r="AN436" s="259"/>
      <c r="AO436" s="259"/>
      <c r="AP436" s="259"/>
      <c r="AQ436" s="259"/>
      <c r="AR436" s="259"/>
      <c r="AS436" s="259"/>
      <c r="AT436" s="259"/>
      <c r="AU436" s="259"/>
      <c r="AV436" s="259"/>
      <c r="AW436" s="259"/>
      <c r="AX436" s="259"/>
      <c r="AY436" s="259"/>
      <c r="AZ436" s="259"/>
      <c r="BA436" s="259"/>
      <c r="BB436" s="259"/>
      <c r="BC436" s="259"/>
      <c r="BD436" s="259"/>
      <c r="BE436" s="259"/>
      <c r="BF436" s="259"/>
      <c r="BG436" s="259"/>
      <c r="BH436" s="259"/>
      <c r="BI436" s="259"/>
      <c r="BJ436" s="259"/>
      <c r="BK436" s="259"/>
      <c r="BL436" s="259"/>
      <c r="BM436" s="259"/>
      <c r="BN436" s="259"/>
      <c r="BO436" s="259"/>
      <c r="BP436" s="259"/>
      <c r="BQ436" s="259"/>
      <c r="BR436" s="259"/>
      <c r="BS436" s="259"/>
    </row>
    <row r="437" spans="1:71" s="74" customFormat="1" ht="31.5" customHeight="1">
      <c r="A437" s="178"/>
      <c r="B437" s="92"/>
      <c r="C437" s="301" t="s">
        <v>415</v>
      </c>
      <c r="D437" s="302"/>
      <c r="E437" s="302"/>
      <c r="F437" s="302"/>
      <c r="G437" s="302"/>
      <c r="H437" s="303"/>
      <c r="I437" s="314"/>
      <c r="J437" s="195">
        <f t="shared" si="56"/>
        <v>0</v>
      </c>
      <c r="K437" s="196" t="str">
        <f t="shared" si="57"/>
        <v/>
      </c>
      <c r="L437" s="94">
        <v>0</v>
      </c>
      <c r="M437" s="259">
        <v>0</v>
      </c>
      <c r="N437" s="259">
        <v>0</v>
      </c>
      <c r="O437" s="259">
        <v>0</v>
      </c>
      <c r="P437" s="259">
        <v>0</v>
      </c>
      <c r="Q437" s="259"/>
      <c r="R437" s="259"/>
      <c r="S437" s="259"/>
      <c r="T437" s="259"/>
      <c r="U437" s="259"/>
      <c r="V437" s="259"/>
      <c r="W437" s="259"/>
      <c r="X437" s="259"/>
      <c r="Y437" s="259"/>
      <c r="Z437" s="259"/>
      <c r="AA437" s="259"/>
      <c r="AB437" s="259"/>
      <c r="AC437" s="259"/>
      <c r="AD437" s="259"/>
      <c r="AE437" s="259"/>
      <c r="AF437" s="259"/>
      <c r="AG437" s="259"/>
      <c r="AH437" s="259"/>
      <c r="AI437" s="259"/>
      <c r="AJ437" s="259"/>
      <c r="AK437" s="259"/>
      <c r="AL437" s="259"/>
      <c r="AM437" s="259"/>
      <c r="AN437" s="259"/>
      <c r="AO437" s="259"/>
      <c r="AP437" s="259"/>
      <c r="AQ437" s="259"/>
      <c r="AR437" s="259"/>
      <c r="AS437" s="259"/>
      <c r="AT437" s="259"/>
      <c r="AU437" s="259"/>
      <c r="AV437" s="259"/>
      <c r="AW437" s="259"/>
      <c r="AX437" s="259"/>
      <c r="AY437" s="259"/>
      <c r="AZ437" s="259"/>
      <c r="BA437" s="259"/>
      <c r="BB437" s="259"/>
      <c r="BC437" s="259"/>
      <c r="BD437" s="259"/>
      <c r="BE437" s="259"/>
      <c r="BF437" s="259"/>
      <c r="BG437" s="259"/>
      <c r="BH437" s="259"/>
      <c r="BI437" s="259"/>
      <c r="BJ437" s="259"/>
      <c r="BK437" s="259"/>
      <c r="BL437" s="259"/>
      <c r="BM437" s="259"/>
      <c r="BN437" s="259"/>
      <c r="BO437" s="259"/>
      <c r="BP437" s="259"/>
      <c r="BQ437" s="259"/>
      <c r="BR437" s="259"/>
      <c r="BS437" s="259"/>
    </row>
    <row r="438" spans="1:71" s="74" customFormat="1" ht="31.5" customHeight="1">
      <c r="A438" s="178"/>
      <c r="B438" s="92"/>
      <c r="C438" s="301" t="s">
        <v>416</v>
      </c>
      <c r="D438" s="302"/>
      <c r="E438" s="302"/>
      <c r="F438" s="302"/>
      <c r="G438" s="302"/>
      <c r="H438" s="303"/>
      <c r="I438" s="314"/>
      <c r="J438" s="195">
        <f t="shared" si="56"/>
        <v>0</v>
      </c>
      <c r="K438" s="196" t="str">
        <f t="shared" si="57"/>
        <v/>
      </c>
      <c r="L438" s="94">
        <v>0</v>
      </c>
      <c r="M438" s="259">
        <v>0</v>
      </c>
      <c r="N438" s="259">
        <v>0</v>
      </c>
      <c r="O438" s="259">
        <v>0</v>
      </c>
      <c r="P438" s="259">
        <v>0</v>
      </c>
      <c r="Q438" s="259"/>
      <c r="R438" s="259"/>
      <c r="S438" s="259"/>
      <c r="T438" s="259"/>
      <c r="U438" s="259"/>
      <c r="V438" s="259"/>
      <c r="W438" s="259"/>
      <c r="X438" s="259"/>
      <c r="Y438" s="259"/>
      <c r="Z438" s="259"/>
      <c r="AA438" s="259"/>
      <c r="AB438" s="259"/>
      <c r="AC438" s="259"/>
      <c r="AD438" s="259"/>
      <c r="AE438" s="259"/>
      <c r="AF438" s="259"/>
      <c r="AG438" s="259"/>
      <c r="AH438" s="259"/>
      <c r="AI438" s="259"/>
      <c r="AJ438" s="259"/>
      <c r="AK438" s="259"/>
      <c r="AL438" s="259"/>
      <c r="AM438" s="259"/>
      <c r="AN438" s="259"/>
      <c r="AO438" s="259"/>
      <c r="AP438" s="259"/>
      <c r="AQ438" s="259"/>
      <c r="AR438" s="259"/>
      <c r="AS438" s="259"/>
      <c r="AT438" s="259"/>
      <c r="AU438" s="259"/>
      <c r="AV438" s="259"/>
      <c r="AW438" s="259"/>
      <c r="AX438" s="259"/>
      <c r="AY438" s="259"/>
      <c r="AZ438" s="259"/>
      <c r="BA438" s="259"/>
      <c r="BB438" s="259"/>
      <c r="BC438" s="259"/>
      <c r="BD438" s="259"/>
      <c r="BE438" s="259"/>
      <c r="BF438" s="259"/>
      <c r="BG438" s="259"/>
      <c r="BH438" s="259"/>
      <c r="BI438" s="259"/>
      <c r="BJ438" s="259"/>
      <c r="BK438" s="259"/>
      <c r="BL438" s="259"/>
      <c r="BM438" s="259"/>
      <c r="BN438" s="259"/>
      <c r="BO438" s="259"/>
      <c r="BP438" s="259"/>
      <c r="BQ438" s="259"/>
      <c r="BR438" s="259"/>
      <c r="BS438" s="259"/>
    </row>
    <row r="439" spans="1:71" s="74" customFormat="1" ht="31.5" customHeight="1">
      <c r="A439" s="178"/>
      <c r="B439" s="92"/>
      <c r="C439" s="301" t="s">
        <v>417</v>
      </c>
      <c r="D439" s="302"/>
      <c r="E439" s="302"/>
      <c r="F439" s="302"/>
      <c r="G439" s="302"/>
      <c r="H439" s="303"/>
      <c r="I439" s="314"/>
      <c r="J439" s="195">
        <f t="shared" si="56"/>
        <v>0</v>
      </c>
      <c r="K439" s="196" t="str">
        <f t="shared" si="57"/>
        <v/>
      </c>
      <c r="L439" s="94">
        <v>0</v>
      </c>
      <c r="M439" s="259">
        <v>0</v>
      </c>
      <c r="N439" s="259">
        <v>0</v>
      </c>
      <c r="O439" s="259">
        <v>0</v>
      </c>
      <c r="P439" s="259">
        <v>0</v>
      </c>
      <c r="Q439" s="259"/>
      <c r="R439" s="259"/>
      <c r="S439" s="259"/>
      <c r="T439" s="259"/>
      <c r="U439" s="259"/>
      <c r="V439" s="259"/>
      <c r="W439" s="259"/>
      <c r="X439" s="259"/>
      <c r="Y439" s="259"/>
      <c r="Z439" s="259"/>
      <c r="AA439" s="259"/>
      <c r="AB439" s="259"/>
      <c r="AC439" s="259"/>
      <c r="AD439" s="259"/>
      <c r="AE439" s="259"/>
      <c r="AF439" s="259"/>
      <c r="AG439" s="259"/>
      <c r="AH439" s="259"/>
      <c r="AI439" s="259"/>
      <c r="AJ439" s="259"/>
      <c r="AK439" s="259"/>
      <c r="AL439" s="259"/>
      <c r="AM439" s="259"/>
      <c r="AN439" s="259"/>
      <c r="AO439" s="259"/>
      <c r="AP439" s="259"/>
      <c r="AQ439" s="259"/>
      <c r="AR439" s="259"/>
      <c r="AS439" s="259"/>
      <c r="AT439" s="259"/>
      <c r="AU439" s="259"/>
      <c r="AV439" s="259"/>
      <c r="AW439" s="259"/>
      <c r="AX439" s="259"/>
      <c r="AY439" s="259"/>
      <c r="AZ439" s="259"/>
      <c r="BA439" s="259"/>
      <c r="BB439" s="259"/>
      <c r="BC439" s="259"/>
      <c r="BD439" s="259"/>
      <c r="BE439" s="259"/>
      <c r="BF439" s="259"/>
      <c r="BG439" s="259"/>
      <c r="BH439" s="259"/>
      <c r="BI439" s="259"/>
      <c r="BJ439" s="259"/>
      <c r="BK439" s="259"/>
      <c r="BL439" s="259"/>
      <c r="BM439" s="259"/>
      <c r="BN439" s="259"/>
      <c r="BO439" s="259"/>
      <c r="BP439" s="259"/>
      <c r="BQ439" s="259"/>
      <c r="BR439" s="259"/>
      <c r="BS439" s="259"/>
    </row>
    <row r="440" spans="1:71" s="74" customFormat="1" ht="31.5" customHeight="1">
      <c r="A440" s="178"/>
      <c r="B440" s="92"/>
      <c r="C440" s="301" t="s">
        <v>418</v>
      </c>
      <c r="D440" s="302"/>
      <c r="E440" s="302"/>
      <c r="F440" s="302"/>
      <c r="G440" s="302"/>
      <c r="H440" s="303"/>
      <c r="I440" s="314"/>
      <c r="J440" s="195">
        <f t="shared" si="56"/>
        <v>0</v>
      </c>
      <c r="K440" s="196" t="str">
        <f t="shared" si="57"/>
        <v/>
      </c>
      <c r="L440" s="94">
        <v>0</v>
      </c>
      <c r="M440" s="259">
        <v>0</v>
      </c>
      <c r="N440" s="259">
        <v>0</v>
      </c>
      <c r="O440" s="259">
        <v>0</v>
      </c>
      <c r="P440" s="259">
        <v>0</v>
      </c>
      <c r="Q440" s="259"/>
      <c r="R440" s="259"/>
      <c r="S440" s="259"/>
      <c r="T440" s="259"/>
      <c r="U440" s="259"/>
      <c r="V440" s="259"/>
      <c r="W440" s="259"/>
      <c r="X440" s="259"/>
      <c r="Y440" s="259"/>
      <c r="Z440" s="259"/>
      <c r="AA440" s="259"/>
      <c r="AB440" s="259"/>
      <c r="AC440" s="259"/>
      <c r="AD440" s="259"/>
      <c r="AE440" s="259"/>
      <c r="AF440" s="259"/>
      <c r="AG440" s="259"/>
      <c r="AH440" s="259"/>
      <c r="AI440" s="259"/>
      <c r="AJ440" s="259"/>
      <c r="AK440" s="259"/>
      <c r="AL440" s="259"/>
      <c r="AM440" s="259"/>
      <c r="AN440" s="259"/>
      <c r="AO440" s="259"/>
      <c r="AP440" s="259"/>
      <c r="AQ440" s="259"/>
      <c r="AR440" s="259"/>
      <c r="AS440" s="259"/>
      <c r="AT440" s="259"/>
      <c r="AU440" s="259"/>
      <c r="AV440" s="259"/>
      <c r="AW440" s="259"/>
      <c r="AX440" s="259"/>
      <c r="AY440" s="259"/>
      <c r="AZ440" s="259"/>
      <c r="BA440" s="259"/>
      <c r="BB440" s="259"/>
      <c r="BC440" s="259"/>
      <c r="BD440" s="259"/>
      <c r="BE440" s="259"/>
      <c r="BF440" s="259"/>
      <c r="BG440" s="259"/>
      <c r="BH440" s="259"/>
      <c r="BI440" s="259"/>
      <c r="BJ440" s="259"/>
      <c r="BK440" s="259"/>
      <c r="BL440" s="259"/>
      <c r="BM440" s="259"/>
      <c r="BN440" s="259"/>
      <c r="BO440" s="259"/>
      <c r="BP440" s="259"/>
      <c r="BQ440" s="259"/>
      <c r="BR440" s="259"/>
      <c r="BS440" s="259"/>
    </row>
    <row r="441" spans="1:71" s="74" customFormat="1" ht="31.5" customHeight="1">
      <c r="A441" s="178"/>
      <c r="B441" s="92"/>
      <c r="C441" s="301" t="s">
        <v>419</v>
      </c>
      <c r="D441" s="302"/>
      <c r="E441" s="302"/>
      <c r="F441" s="302"/>
      <c r="G441" s="302"/>
      <c r="H441" s="303"/>
      <c r="I441" s="314"/>
      <c r="J441" s="195">
        <f t="shared" si="56"/>
        <v>568</v>
      </c>
      <c r="K441" s="196" t="str">
        <f t="shared" si="57"/>
        <v/>
      </c>
      <c r="L441" s="94">
        <v>0</v>
      </c>
      <c r="M441" s="259">
        <v>568</v>
      </c>
      <c r="N441" s="259">
        <v>0</v>
      </c>
      <c r="O441" s="259">
        <v>0</v>
      </c>
      <c r="P441" s="259">
        <v>0</v>
      </c>
      <c r="Q441" s="259"/>
      <c r="R441" s="259"/>
      <c r="S441" s="259"/>
      <c r="T441" s="259"/>
      <c r="U441" s="259"/>
      <c r="V441" s="259"/>
      <c r="W441" s="259"/>
      <c r="X441" s="259"/>
      <c r="Y441" s="259"/>
      <c r="Z441" s="259"/>
      <c r="AA441" s="259"/>
      <c r="AB441" s="259"/>
      <c r="AC441" s="259"/>
      <c r="AD441" s="259"/>
      <c r="AE441" s="259"/>
      <c r="AF441" s="259"/>
      <c r="AG441" s="259"/>
      <c r="AH441" s="259"/>
      <c r="AI441" s="259"/>
      <c r="AJ441" s="259"/>
      <c r="AK441" s="259"/>
      <c r="AL441" s="259"/>
      <c r="AM441" s="259"/>
      <c r="AN441" s="259"/>
      <c r="AO441" s="259"/>
      <c r="AP441" s="259"/>
      <c r="AQ441" s="259"/>
      <c r="AR441" s="259"/>
      <c r="AS441" s="259"/>
      <c r="AT441" s="259"/>
      <c r="AU441" s="259"/>
      <c r="AV441" s="259"/>
      <c r="AW441" s="259"/>
      <c r="AX441" s="259"/>
      <c r="AY441" s="259"/>
      <c r="AZ441" s="259"/>
      <c r="BA441" s="259"/>
      <c r="BB441" s="259"/>
      <c r="BC441" s="259"/>
      <c r="BD441" s="259"/>
      <c r="BE441" s="259"/>
      <c r="BF441" s="259"/>
      <c r="BG441" s="259"/>
      <c r="BH441" s="259"/>
      <c r="BI441" s="259"/>
      <c r="BJ441" s="259"/>
      <c r="BK441" s="259"/>
      <c r="BL441" s="259"/>
      <c r="BM441" s="259"/>
      <c r="BN441" s="259"/>
      <c r="BO441" s="259"/>
      <c r="BP441" s="259"/>
      <c r="BQ441" s="259"/>
      <c r="BR441" s="259"/>
      <c r="BS441" s="259"/>
    </row>
    <row r="442" spans="1:71" s="74" customFormat="1" ht="31.5" customHeight="1">
      <c r="A442" s="178"/>
      <c r="B442" s="92"/>
      <c r="C442" s="301" t="s">
        <v>420</v>
      </c>
      <c r="D442" s="302"/>
      <c r="E442" s="302"/>
      <c r="F442" s="302"/>
      <c r="G442" s="302"/>
      <c r="H442" s="303"/>
      <c r="I442" s="314"/>
      <c r="J442" s="195">
        <f t="shared" si="56"/>
        <v>0</v>
      </c>
      <c r="K442" s="196" t="str">
        <f t="shared" si="57"/>
        <v/>
      </c>
      <c r="L442" s="94">
        <v>0</v>
      </c>
      <c r="M442" s="259">
        <v>0</v>
      </c>
      <c r="N442" s="259">
        <v>0</v>
      </c>
      <c r="O442" s="259">
        <v>0</v>
      </c>
      <c r="P442" s="259">
        <v>0</v>
      </c>
      <c r="Q442" s="259"/>
      <c r="R442" s="259"/>
      <c r="S442" s="259"/>
      <c r="T442" s="259"/>
      <c r="U442" s="259"/>
      <c r="V442" s="259"/>
      <c r="W442" s="259"/>
      <c r="X442" s="259"/>
      <c r="Y442" s="259"/>
      <c r="Z442" s="259"/>
      <c r="AA442" s="259"/>
      <c r="AB442" s="259"/>
      <c r="AC442" s="259"/>
      <c r="AD442" s="259"/>
      <c r="AE442" s="259"/>
      <c r="AF442" s="259"/>
      <c r="AG442" s="259"/>
      <c r="AH442" s="259"/>
      <c r="AI442" s="259"/>
      <c r="AJ442" s="259"/>
      <c r="AK442" s="259"/>
      <c r="AL442" s="259"/>
      <c r="AM442" s="259"/>
      <c r="AN442" s="259"/>
      <c r="AO442" s="259"/>
      <c r="AP442" s="259"/>
      <c r="AQ442" s="259"/>
      <c r="AR442" s="259"/>
      <c r="AS442" s="259"/>
      <c r="AT442" s="259"/>
      <c r="AU442" s="259"/>
      <c r="AV442" s="259"/>
      <c r="AW442" s="259"/>
      <c r="AX442" s="259"/>
      <c r="AY442" s="259"/>
      <c r="AZ442" s="259"/>
      <c r="BA442" s="259"/>
      <c r="BB442" s="259"/>
      <c r="BC442" s="259"/>
      <c r="BD442" s="259"/>
      <c r="BE442" s="259"/>
      <c r="BF442" s="259"/>
      <c r="BG442" s="259"/>
      <c r="BH442" s="259"/>
      <c r="BI442" s="259"/>
      <c r="BJ442" s="259"/>
      <c r="BK442" s="259"/>
      <c r="BL442" s="259"/>
      <c r="BM442" s="259"/>
      <c r="BN442" s="259"/>
      <c r="BO442" s="259"/>
      <c r="BP442" s="259"/>
      <c r="BQ442" s="259"/>
      <c r="BR442" s="259"/>
      <c r="BS442" s="259"/>
    </row>
    <row r="443" spans="1:71" s="74" customFormat="1" ht="31.5" customHeight="1">
      <c r="A443" s="178"/>
      <c r="B443" s="92"/>
      <c r="C443" s="301" t="s">
        <v>421</v>
      </c>
      <c r="D443" s="302"/>
      <c r="E443" s="302"/>
      <c r="F443" s="302"/>
      <c r="G443" s="302"/>
      <c r="H443" s="303"/>
      <c r="I443" s="314"/>
      <c r="J443" s="195">
        <f t="shared" si="56"/>
        <v>0</v>
      </c>
      <c r="K443" s="196" t="str">
        <f t="shared" si="57"/>
        <v/>
      </c>
      <c r="L443" s="94">
        <v>0</v>
      </c>
      <c r="M443" s="259">
        <v>0</v>
      </c>
      <c r="N443" s="259">
        <v>0</v>
      </c>
      <c r="O443" s="259">
        <v>0</v>
      </c>
      <c r="P443" s="259">
        <v>0</v>
      </c>
      <c r="Q443" s="259"/>
      <c r="R443" s="259"/>
      <c r="S443" s="259"/>
      <c r="T443" s="259"/>
      <c r="U443" s="259"/>
      <c r="V443" s="259"/>
      <c r="W443" s="259"/>
      <c r="X443" s="259"/>
      <c r="Y443" s="259"/>
      <c r="Z443" s="259"/>
      <c r="AA443" s="259"/>
      <c r="AB443" s="259"/>
      <c r="AC443" s="259"/>
      <c r="AD443" s="259"/>
      <c r="AE443" s="259"/>
      <c r="AF443" s="259"/>
      <c r="AG443" s="259"/>
      <c r="AH443" s="259"/>
      <c r="AI443" s="259"/>
      <c r="AJ443" s="259"/>
      <c r="AK443" s="259"/>
      <c r="AL443" s="259"/>
      <c r="AM443" s="259"/>
      <c r="AN443" s="259"/>
      <c r="AO443" s="259"/>
      <c r="AP443" s="259"/>
      <c r="AQ443" s="259"/>
      <c r="AR443" s="259"/>
      <c r="AS443" s="259"/>
      <c r="AT443" s="259"/>
      <c r="AU443" s="259"/>
      <c r="AV443" s="259"/>
      <c r="AW443" s="259"/>
      <c r="AX443" s="259"/>
      <c r="AY443" s="259"/>
      <c r="AZ443" s="259"/>
      <c r="BA443" s="259"/>
      <c r="BB443" s="259"/>
      <c r="BC443" s="259"/>
      <c r="BD443" s="259"/>
      <c r="BE443" s="259"/>
      <c r="BF443" s="259"/>
      <c r="BG443" s="259"/>
      <c r="BH443" s="259"/>
      <c r="BI443" s="259"/>
      <c r="BJ443" s="259"/>
      <c r="BK443" s="259"/>
      <c r="BL443" s="259"/>
      <c r="BM443" s="259"/>
      <c r="BN443" s="259"/>
      <c r="BO443" s="259"/>
      <c r="BP443" s="259"/>
      <c r="BQ443" s="259"/>
      <c r="BR443" s="259"/>
      <c r="BS443" s="259"/>
    </row>
    <row r="444" spans="1:71" s="74" customFormat="1" ht="31.5" customHeight="1">
      <c r="A444" s="178"/>
      <c r="B444" s="92"/>
      <c r="C444" s="301" t="s">
        <v>422</v>
      </c>
      <c r="D444" s="302"/>
      <c r="E444" s="302"/>
      <c r="F444" s="302"/>
      <c r="G444" s="302"/>
      <c r="H444" s="303"/>
      <c r="I444" s="314"/>
      <c r="J444" s="195">
        <f t="shared" si="56"/>
        <v>0</v>
      </c>
      <c r="K444" s="196" t="str">
        <f t="shared" si="57"/>
        <v/>
      </c>
      <c r="L444" s="94">
        <v>0</v>
      </c>
      <c r="M444" s="259">
        <v>0</v>
      </c>
      <c r="N444" s="259">
        <v>0</v>
      </c>
      <c r="O444" s="259">
        <v>0</v>
      </c>
      <c r="P444" s="259">
        <v>0</v>
      </c>
      <c r="Q444" s="259"/>
      <c r="R444" s="259"/>
      <c r="S444" s="259"/>
      <c r="T444" s="259"/>
      <c r="U444" s="259"/>
      <c r="V444" s="259"/>
      <c r="W444" s="259"/>
      <c r="X444" s="259"/>
      <c r="Y444" s="259"/>
      <c r="Z444" s="259"/>
      <c r="AA444" s="259"/>
      <c r="AB444" s="259"/>
      <c r="AC444" s="259"/>
      <c r="AD444" s="259"/>
      <c r="AE444" s="259"/>
      <c r="AF444" s="259"/>
      <c r="AG444" s="259"/>
      <c r="AH444" s="259"/>
      <c r="AI444" s="259"/>
      <c r="AJ444" s="259"/>
      <c r="AK444" s="259"/>
      <c r="AL444" s="259"/>
      <c r="AM444" s="259"/>
      <c r="AN444" s="259"/>
      <c r="AO444" s="259"/>
      <c r="AP444" s="259"/>
      <c r="AQ444" s="259"/>
      <c r="AR444" s="259"/>
      <c r="AS444" s="259"/>
      <c r="AT444" s="259"/>
      <c r="AU444" s="259"/>
      <c r="AV444" s="259"/>
      <c r="AW444" s="259"/>
      <c r="AX444" s="259"/>
      <c r="AY444" s="259"/>
      <c r="AZ444" s="259"/>
      <c r="BA444" s="259"/>
      <c r="BB444" s="259"/>
      <c r="BC444" s="259"/>
      <c r="BD444" s="259"/>
      <c r="BE444" s="259"/>
      <c r="BF444" s="259"/>
      <c r="BG444" s="259"/>
      <c r="BH444" s="259"/>
      <c r="BI444" s="259"/>
      <c r="BJ444" s="259"/>
      <c r="BK444" s="259"/>
      <c r="BL444" s="259"/>
      <c r="BM444" s="259"/>
      <c r="BN444" s="259"/>
      <c r="BO444" s="259"/>
      <c r="BP444" s="259"/>
      <c r="BQ444" s="259"/>
      <c r="BR444" s="259"/>
      <c r="BS444" s="259"/>
    </row>
    <row r="445" spans="1:71" s="74" customFormat="1" ht="31.5" customHeight="1">
      <c r="A445" s="178"/>
      <c r="B445" s="92"/>
      <c r="C445" s="301" t="s">
        <v>423</v>
      </c>
      <c r="D445" s="302"/>
      <c r="E445" s="302"/>
      <c r="F445" s="302"/>
      <c r="G445" s="302"/>
      <c r="H445" s="303"/>
      <c r="I445" s="314"/>
      <c r="J445" s="195">
        <f t="shared" si="56"/>
        <v>0</v>
      </c>
      <c r="K445" s="196" t="str">
        <f t="shared" si="57"/>
        <v/>
      </c>
      <c r="L445" s="94">
        <v>0</v>
      </c>
      <c r="M445" s="259">
        <v>0</v>
      </c>
      <c r="N445" s="259">
        <v>0</v>
      </c>
      <c r="O445" s="259">
        <v>0</v>
      </c>
      <c r="P445" s="259">
        <v>0</v>
      </c>
      <c r="Q445" s="259"/>
      <c r="R445" s="259"/>
      <c r="S445" s="259"/>
      <c r="T445" s="259"/>
      <c r="U445" s="259"/>
      <c r="V445" s="259"/>
      <c r="W445" s="259"/>
      <c r="X445" s="259"/>
      <c r="Y445" s="259"/>
      <c r="Z445" s="259"/>
      <c r="AA445" s="259"/>
      <c r="AB445" s="259"/>
      <c r="AC445" s="259"/>
      <c r="AD445" s="259"/>
      <c r="AE445" s="259"/>
      <c r="AF445" s="259"/>
      <c r="AG445" s="259"/>
      <c r="AH445" s="259"/>
      <c r="AI445" s="259"/>
      <c r="AJ445" s="259"/>
      <c r="AK445" s="259"/>
      <c r="AL445" s="259"/>
      <c r="AM445" s="259"/>
      <c r="AN445" s="259"/>
      <c r="AO445" s="259"/>
      <c r="AP445" s="259"/>
      <c r="AQ445" s="259"/>
      <c r="AR445" s="259"/>
      <c r="AS445" s="259"/>
      <c r="AT445" s="259"/>
      <c r="AU445" s="259"/>
      <c r="AV445" s="259"/>
      <c r="AW445" s="259"/>
      <c r="AX445" s="259"/>
      <c r="AY445" s="259"/>
      <c r="AZ445" s="259"/>
      <c r="BA445" s="259"/>
      <c r="BB445" s="259"/>
      <c r="BC445" s="259"/>
      <c r="BD445" s="259"/>
      <c r="BE445" s="259"/>
      <c r="BF445" s="259"/>
      <c r="BG445" s="259"/>
      <c r="BH445" s="259"/>
      <c r="BI445" s="259"/>
      <c r="BJ445" s="259"/>
      <c r="BK445" s="259"/>
      <c r="BL445" s="259"/>
      <c r="BM445" s="259"/>
      <c r="BN445" s="259"/>
      <c r="BO445" s="259"/>
      <c r="BP445" s="259"/>
      <c r="BQ445" s="259"/>
      <c r="BR445" s="259"/>
      <c r="BS445" s="259"/>
    </row>
    <row r="446" spans="1:71" s="74" customFormat="1" ht="31.5" customHeight="1">
      <c r="A446" s="178"/>
      <c r="B446" s="92"/>
      <c r="C446" s="301" t="s">
        <v>424</v>
      </c>
      <c r="D446" s="302"/>
      <c r="E446" s="302"/>
      <c r="F446" s="302"/>
      <c r="G446" s="302"/>
      <c r="H446" s="303"/>
      <c r="I446" s="314"/>
      <c r="J446" s="195">
        <f t="shared" si="56"/>
        <v>0</v>
      </c>
      <c r="K446" s="196" t="str">
        <f t="shared" si="57"/>
        <v/>
      </c>
      <c r="L446" s="94">
        <v>0</v>
      </c>
      <c r="M446" s="259">
        <v>0</v>
      </c>
      <c r="N446" s="259">
        <v>0</v>
      </c>
      <c r="O446" s="259">
        <v>0</v>
      </c>
      <c r="P446" s="259">
        <v>0</v>
      </c>
      <c r="Q446" s="259"/>
      <c r="R446" s="259"/>
      <c r="S446" s="259"/>
      <c r="T446" s="259"/>
      <c r="U446" s="259"/>
      <c r="V446" s="259"/>
      <c r="W446" s="259"/>
      <c r="X446" s="259"/>
      <c r="Y446" s="259"/>
      <c r="Z446" s="259"/>
      <c r="AA446" s="259"/>
      <c r="AB446" s="259"/>
      <c r="AC446" s="259"/>
      <c r="AD446" s="259"/>
      <c r="AE446" s="259"/>
      <c r="AF446" s="259"/>
      <c r="AG446" s="259"/>
      <c r="AH446" s="259"/>
      <c r="AI446" s="259"/>
      <c r="AJ446" s="259"/>
      <c r="AK446" s="259"/>
      <c r="AL446" s="259"/>
      <c r="AM446" s="259"/>
      <c r="AN446" s="259"/>
      <c r="AO446" s="259"/>
      <c r="AP446" s="259"/>
      <c r="AQ446" s="259"/>
      <c r="AR446" s="259"/>
      <c r="AS446" s="259"/>
      <c r="AT446" s="259"/>
      <c r="AU446" s="259"/>
      <c r="AV446" s="259"/>
      <c r="AW446" s="259"/>
      <c r="AX446" s="259"/>
      <c r="AY446" s="259"/>
      <c r="AZ446" s="259"/>
      <c r="BA446" s="259"/>
      <c r="BB446" s="259"/>
      <c r="BC446" s="259"/>
      <c r="BD446" s="259"/>
      <c r="BE446" s="259"/>
      <c r="BF446" s="259"/>
      <c r="BG446" s="259"/>
      <c r="BH446" s="259"/>
      <c r="BI446" s="259"/>
      <c r="BJ446" s="259"/>
      <c r="BK446" s="259"/>
      <c r="BL446" s="259"/>
      <c r="BM446" s="259"/>
      <c r="BN446" s="259"/>
      <c r="BO446" s="259"/>
      <c r="BP446" s="259"/>
      <c r="BQ446" s="259"/>
      <c r="BR446" s="259"/>
      <c r="BS446" s="259"/>
    </row>
    <row r="447" spans="1:71" s="74" customFormat="1" ht="31.5" customHeight="1">
      <c r="A447" s="178"/>
      <c r="B447" s="92"/>
      <c r="C447" s="301" t="s">
        <v>425</v>
      </c>
      <c r="D447" s="302"/>
      <c r="E447" s="302"/>
      <c r="F447" s="302"/>
      <c r="G447" s="302"/>
      <c r="H447" s="303"/>
      <c r="I447" s="314"/>
      <c r="J447" s="195">
        <f t="shared" si="56"/>
        <v>0</v>
      </c>
      <c r="K447" s="196" t="str">
        <f t="shared" si="57"/>
        <v/>
      </c>
      <c r="L447" s="94">
        <v>0</v>
      </c>
      <c r="M447" s="259">
        <v>0</v>
      </c>
      <c r="N447" s="259">
        <v>0</v>
      </c>
      <c r="O447" s="259">
        <v>0</v>
      </c>
      <c r="P447" s="259">
        <v>0</v>
      </c>
      <c r="Q447" s="259"/>
      <c r="R447" s="259"/>
      <c r="S447" s="259"/>
      <c r="T447" s="259"/>
      <c r="U447" s="259"/>
      <c r="V447" s="259"/>
      <c r="W447" s="259"/>
      <c r="X447" s="259"/>
      <c r="Y447" s="259"/>
      <c r="Z447" s="259"/>
      <c r="AA447" s="259"/>
      <c r="AB447" s="259"/>
      <c r="AC447" s="259"/>
      <c r="AD447" s="259"/>
      <c r="AE447" s="259"/>
      <c r="AF447" s="259"/>
      <c r="AG447" s="259"/>
      <c r="AH447" s="259"/>
      <c r="AI447" s="259"/>
      <c r="AJ447" s="259"/>
      <c r="AK447" s="259"/>
      <c r="AL447" s="259"/>
      <c r="AM447" s="259"/>
      <c r="AN447" s="259"/>
      <c r="AO447" s="259"/>
      <c r="AP447" s="259"/>
      <c r="AQ447" s="259"/>
      <c r="AR447" s="259"/>
      <c r="AS447" s="259"/>
      <c r="AT447" s="259"/>
      <c r="AU447" s="259"/>
      <c r="AV447" s="259"/>
      <c r="AW447" s="259"/>
      <c r="AX447" s="259"/>
      <c r="AY447" s="259"/>
      <c r="AZ447" s="259"/>
      <c r="BA447" s="259"/>
      <c r="BB447" s="259"/>
      <c r="BC447" s="259"/>
      <c r="BD447" s="259"/>
      <c r="BE447" s="259"/>
      <c r="BF447" s="259"/>
      <c r="BG447" s="259"/>
      <c r="BH447" s="259"/>
      <c r="BI447" s="259"/>
      <c r="BJ447" s="259"/>
      <c r="BK447" s="259"/>
      <c r="BL447" s="259"/>
      <c r="BM447" s="259"/>
      <c r="BN447" s="259"/>
      <c r="BO447" s="259"/>
      <c r="BP447" s="259"/>
      <c r="BQ447" s="259"/>
      <c r="BR447" s="259"/>
      <c r="BS447" s="259"/>
    </row>
    <row r="448" spans="1:71" s="74" customFormat="1" ht="31.5" customHeight="1">
      <c r="A448" s="178"/>
      <c r="B448" s="92"/>
      <c r="C448" s="301" t="s">
        <v>126</v>
      </c>
      <c r="D448" s="302"/>
      <c r="E448" s="302"/>
      <c r="F448" s="302"/>
      <c r="G448" s="302"/>
      <c r="H448" s="303"/>
      <c r="I448" s="314"/>
      <c r="J448" s="195">
        <f t="shared" si="56"/>
        <v>984</v>
      </c>
      <c r="K448" s="196" t="str">
        <f t="shared" si="57"/>
        <v/>
      </c>
      <c r="L448" s="94">
        <v>0</v>
      </c>
      <c r="M448" s="259">
        <v>0</v>
      </c>
      <c r="N448" s="259">
        <v>984</v>
      </c>
      <c r="O448" s="259">
        <v>0</v>
      </c>
      <c r="P448" s="259">
        <v>0</v>
      </c>
      <c r="Q448" s="259"/>
      <c r="R448" s="259"/>
      <c r="S448" s="259"/>
      <c r="T448" s="259"/>
      <c r="U448" s="259"/>
      <c r="V448" s="259"/>
      <c r="W448" s="259"/>
      <c r="X448" s="259"/>
      <c r="Y448" s="259"/>
      <c r="Z448" s="259"/>
      <c r="AA448" s="259"/>
      <c r="AB448" s="259"/>
      <c r="AC448" s="259"/>
      <c r="AD448" s="259"/>
      <c r="AE448" s="259"/>
      <c r="AF448" s="259"/>
      <c r="AG448" s="259"/>
      <c r="AH448" s="259"/>
      <c r="AI448" s="259"/>
      <c r="AJ448" s="259"/>
      <c r="AK448" s="259"/>
      <c r="AL448" s="259"/>
      <c r="AM448" s="259"/>
      <c r="AN448" s="259"/>
      <c r="AO448" s="259"/>
      <c r="AP448" s="259"/>
      <c r="AQ448" s="259"/>
      <c r="AR448" s="259"/>
      <c r="AS448" s="259"/>
      <c r="AT448" s="259"/>
      <c r="AU448" s="259"/>
      <c r="AV448" s="259"/>
      <c r="AW448" s="259"/>
      <c r="AX448" s="259"/>
      <c r="AY448" s="259"/>
      <c r="AZ448" s="259"/>
      <c r="BA448" s="259"/>
      <c r="BB448" s="259"/>
      <c r="BC448" s="259"/>
      <c r="BD448" s="259"/>
      <c r="BE448" s="259"/>
      <c r="BF448" s="259"/>
      <c r="BG448" s="259"/>
      <c r="BH448" s="259"/>
      <c r="BI448" s="259"/>
      <c r="BJ448" s="259"/>
      <c r="BK448" s="259"/>
      <c r="BL448" s="259"/>
      <c r="BM448" s="259"/>
      <c r="BN448" s="259"/>
      <c r="BO448" s="259"/>
      <c r="BP448" s="259"/>
      <c r="BQ448" s="259"/>
      <c r="BR448" s="259"/>
      <c r="BS448" s="259"/>
    </row>
    <row r="449" spans="1:71" s="74" customFormat="1" ht="31.5" customHeight="1">
      <c r="A449" s="178"/>
      <c r="B449" s="92"/>
      <c r="C449" s="301" t="s">
        <v>426</v>
      </c>
      <c r="D449" s="302"/>
      <c r="E449" s="302"/>
      <c r="F449" s="302"/>
      <c r="G449" s="302"/>
      <c r="H449" s="303"/>
      <c r="I449" s="314"/>
      <c r="J449" s="195">
        <f t="shared" si="56"/>
        <v>0</v>
      </c>
      <c r="K449" s="196" t="str">
        <f t="shared" si="57"/>
        <v/>
      </c>
      <c r="L449" s="94">
        <v>0</v>
      </c>
      <c r="M449" s="259">
        <v>0</v>
      </c>
      <c r="N449" s="259">
        <v>0</v>
      </c>
      <c r="O449" s="259">
        <v>0</v>
      </c>
      <c r="P449" s="259">
        <v>0</v>
      </c>
      <c r="Q449" s="259"/>
      <c r="R449" s="259"/>
      <c r="S449" s="259"/>
      <c r="T449" s="259"/>
      <c r="U449" s="259"/>
      <c r="V449" s="259"/>
      <c r="W449" s="259"/>
      <c r="X449" s="259"/>
      <c r="Y449" s="259"/>
      <c r="Z449" s="259"/>
      <c r="AA449" s="259"/>
      <c r="AB449" s="259"/>
      <c r="AC449" s="259"/>
      <c r="AD449" s="259"/>
      <c r="AE449" s="259"/>
      <c r="AF449" s="259"/>
      <c r="AG449" s="259"/>
      <c r="AH449" s="259"/>
      <c r="AI449" s="259"/>
      <c r="AJ449" s="259"/>
      <c r="AK449" s="259"/>
      <c r="AL449" s="259"/>
      <c r="AM449" s="259"/>
      <c r="AN449" s="259"/>
      <c r="AO449" s="259"/>
      <c r="AP449" s="259"/>
      <c r="AQ449" s="259"/>
      <c r="AR449" s="259"/>
      <c r="AS449" s="259"/>
      <c r="AT449" s="259"/>
      <c r="AU449" s="259"/>
      <c r="AV449" s="259"/>
      <c r="AW449" s="259"/>
      <c r="AX449" s="259"/>
      <c r="AY449" s="259"/>
      <c r="AZ449" s="259"/>
      <c r="BA449" s="259"/>
      <c r="BB449" s="259"/>
      <c r="BC449" s="259"/>
      <c r="BD449" s="259"/>
      <c r="BE449" s="259"/>
      <c r="BF449" s="259"/>
      <c r="BG449" s="259"/>
      <c r="BH449" s="259"/>
      <c r="BI449" s="259"/>
      <c r="BJ449" s="259"/>
      <c r="BK449" s="259"/>
      <c r="BL449" s="259"/>
      <c r="BM449" s="259"/>
      <c r="BN449" s="259"/>
      <c r="BO449" s="259"/>
      <c r="BP449" s="259"/>
      <c r="BQ449" s="259"/>
      <c r="BR449" s="259"/>
      <c r="BS449" s="259"/>
    </row>
    <row r="450" spans="1:71" s="74" customFormat="1" ht="31.5" customHeight="1">
      <c r="A450" s="178"/>
      <c r="B450" s="96"/>
      <c r="C450" s="301" t="s">
        <v>427</v>
      </c>
      <c r="D450" s="302"/>
      <c r="E450" s="302"/>
      <c r="F450" s="302"/>
      <c r="G450" s="302"/>
      <c r="H450" s="303"/>
      <c r="I450" s="314"/>
      <c r="J450" s="195">
        <f t="shared" si="56"/>
        <v>0</v>
      </c>
      <c r="K450" s="196" t="str">
        <f t="shared" si="57"/>
        <v/>
      </c>
      <c r="L450" s="94">
        <v>0</v>
      </c>
      <c r="M450" s="259">
        <v>0</v>
      </c>
      <c r="N450" s="259">
        <v>0</v>
      </c>
      <c r="O450" s="259">
        <v>0</v>
      </c>
      <c r="P450" s="259">
        <v>0</v>
      </c>
      <c r="Q450" s="259"/>
      <c r="R450" s="259"/>
      <c r="S450" s="259"/>
      <c r="T450" s="259"/>
      <c r="U450" s="259"/>
      <c r="V450" s="259"/>
      <c r="W450" s="259"/>
      <c r="X450" s="259"/>
      <c r="Y450" s="259"/>
      <c r="Z450" s="259"/>
      <c r="AA450" s="259"/>
      <c r="AB450" s="259"/>
      <c r="AC450" s="259"/>
      <c r="AD450" s="259"/>
      <c r="AE450" s="259"/>
      <c r="AF450" s="259"/>
      <c r="AG450" s="259"/>
      <c r="AH450" s="259"/>
      <c r="AI450" s="259"/>
      <c r="AJ450" s="259"/>
      <c r="AK450" s="259"/>
      <c r="AL450" s="259"/>
      <c r="AM450" s="259"/>
      <c r="AN450" s="259"/>
      <c r="AO450" s="259"/>
      <c r="AP450" s="259"/>
      <c r="AQ450" s="259"/>
      <c r="AR450" s="259"/>
      <c r="AS450" s="259"/>
      <c r="AT450" s="259"/>
      <c r="AU450" s="259"/>
      <c r="AV450" s="259"/>
      <c r="AW450" s="259"/>
      <c r="AX450" s="259"/>
      <c r="AY450" s="259"/>
      <c r="AZ450" s="259"/>
      <c r="BA450" s="259"/>
      <c r="BB450" s="259"/>
      <c r="BC450" s="259"/>
      <c r="BD450" s="259"/>
      <c r="BE450" s="259"/>
      <c r="BF450" s="259"/>
      <c r="BG450" s="259"/>
      <c r="BH450" s="259"/>
      <c r="BI450" s="259"/>
      <c r="BJ450" s="259"/>
      <c r="BK450" s="259"/>
      <c r="BL450" s="259"/>
      <c r="BM450" s="259"/>
      <c r="BN450" s="259"/>
      <c r="BO450" s="259"/>
      <c r="BP450" s="259"/>
      <c r="BQ450" s="259"/>
      <c r="BR450" s="259"/>
      <c r="BS450" s="259"/>
    </row>
    <row r="451" spans="1:71" s="74" customFormat="1" ht="31.5" customHeight="1">
      <c r="A451" s="178"/>
      <c r="B451" s="96"/>
      <c r="C451" s="301" t="s">
        <v>428</v>
      </c>
      <c r="D451" s="302"/>
      <c r="E451" s="302"/>
      <c r="F451" s="302"/>
      <c r="G451" s="302"/>
      <c r="H451" s="303"/>
      <c r="I451" s="314"/>
      <c r="J451" s="195">
        <f t="shared" si="56"/>
        <v>0</v>
      </c>
      <c r="K451" s="196" t="str">
        <f t="shared" si="57"/>
        <v/>
      </c>
      <c r="L451" s="94">
        <v>0</v>
      </c>
      <c r="M451" s="259">
        <v>0</v>
      </c>
      <c r="N451" s="259">
        <v>0</v>
      </c>
      <c r="O451" s="259">
        <v>0</v>
      </c>
      <c r="P451" s="259">
        <v>0</v>
      </c>
      <c r="Q451" s="259"/>
      <c r="R451" s="259"/>
      <c r="S451" s="259"/>
      <c r="T451" s="259"/>
      <c r="U451" s="259"/>
      <c r="V451" s="259"/>
      <c r="W451" s="259"/>
      <c r="X451" s="259"/>
      <c r="Y451" s="259"/>
      <c r="Z451" s="259"/>
      <c r="AA451" s="259"/>
      <c r="AB451" s="259"/>
      <c r="AC451" s="259"/>
      <c r="AD451" s="259"/>
      <c r="AE451" s="259"/>
      <c r="AF451" s="259"/>
      <c r="AG451" s="259"/>
      <c r="AH451" s="259"/>
      <c r="AI451" s="259"/>
      <c r="AJ451" s="259"/>
      <c r="AK451" s="259"/>
      <c r="AL451" s="259"/>
      <c r="AM451" s="259"/>
      <c r="AN451" s="259"/>
      <c r="AO451" s="259"/>
      <c r="AP451" s="259"/>
      <c r="AQ451" s="259"/>
      <c r="AR451" s="259"/>
      <c r="AS451" s="259"/>
      <c r="AT451" s="259"/>
      <c r="AU451" s="259"/>
      <c r="AV451" s="259"/>
      <c r="AW451" s="259"/>
      <c r="AX451" s="259"/>
      <c r="AY451" s="259"/>
      <c r="AZ451" s="259"/>
      <c r="BA451" s="259"/>
      <c r="BB451" s="259"/>
      <c r="BC451" s="259"/>
      <c r="BD451" s="259"/>
      <c r="BE451" s="259"/>
      <c r="BF451" s="259"/>
      <c r="BG451" s="259"/>
      <c r="BH451" s="259"/>
      <c r="BI451" s="259"/>
      <c r="BJ451" s="259"/>
      <c r="BK451" s="259"/>
      <c r="BL451" s="259"/>
      <c r="BM451" s="259"/>
      <c r="BN451" s="259"/>
      <c r="BO451" s="259"/>
      <c r="BP451" s="259"/>
      <c r="BQ451" s="259"/>
      <c r="BR451" s="259"/>
      <c r="BS451" s="259"/>
    </row>
    <row r="452" spans="1:71" s="74" customFormat="1" ht="31.5" customHeight="1">
      <c r="A452" s="178"/>
      <c r="B452" s="96"/>
      <c r="C452" s="301" t="s">
        <v>429</v>
      </c>
      <c r="D452" s="302"/>
      <c r="E452" s="302"/>
      <c r="F452" s="302"/>
      <c r="G452" s="302"/>
      <c r="H452" s="303"/>
      <c r="I452" s="314"/>
      <c r="J452" s="195">
        <f t="shared" si="56"/>
        <v>0</v>
      </c>
      <c r="K452" s="196" t="str">
        <f t="shared" si="57"/>
        <v/>
      </c>
      <c r="L452" s="94">
        <v>0</v>
      </c>
      <c r="M452" s="259">
        <v>0</v>
      </c>
      <c r="N452" s="259">
        <v>0</v>
      </c>
      <c r="O452" s="259">
        <v>0</v>
      </c>
      <c r="P452" s="259">
        <v>0</v>
      </c>
      <c r="Q452" s="259"/>
      <c r="R452" s="259"/>
      <c r="S452" s="259"/>
      <c r="T452" s="259"/>
      <c r="U452" s="259"/>
      <c r="V452" s="259"/>
      <c r="W452" s="259"/>
      <c r="X452" s="259"/>
      <c r="Y452" s="259"/>
      <c r="Z452" s="259"/>
      <c r="AA452" s="259"/>
      <c r="AB452" s="259"/>
      <c r="AC452" s="259"/>
      <c r="AD452" s="259"/>
      <c r="AE452" s="259"/>
      <c r="AF452" s="259"/>
      <c r="AG452" s="259"/>
      <c r="AH452" s="259"/>
      <c r="AI452" s="259"/>
      <c r="AJ452" s="259"/>
      <c r="AK452" s="259"/>
      <c r="AL452" s="259"/>
      <c r="AM452" s="259"/>
      <c r="AN452" s="259"/>
      <c r="AO452" s="259"/>
      <c r="AP452" s="259"/>
      <c r="AQ452" s="259"/>
      <c r="AR452" s="259"/>
      <c r="AS452" s="259"/>
      <c r="AT452" s="259"/>
      <c r="AU452" s="259"/>
      <c r="AV452" s="259"/>
      <c r="AW452" s="259"/>
      <c r="AX452" s="259"/>
      <c r="AY452" s="259"/>
      <c r="AZ452" s="259"/>
      <c r="BA452" s="259"/>
      <c r="BB452" s="259"/>
      <c r="BC452" s="259"/>
      <c r="BD452" s="259"/>
      <c r="BE452" s="259"/>
      <c r="BF452" s="259"/>
      <c r="BG452" s="259"/>
      <c r="BH452" s="259"/>
      <c r="BI452" s="259"/>
      <c r="BJ452" s="259"/>
      <c r="BK452" s="259"/>
      <c r="BL452" s="259"/>
      <c r="BM452" s="259"/>
      <c r="BN452" s="259"/>
      <c r="BO452" s="259"/>
      <c r="BP452" s="259"/>
      <c r="BQ452" s="259"/>
      <c r="BR452" s="259"/>
      <c r="BS452" s="259"/>
    </row>
    <row r="453" spans="1:71" s="74" customFormat="1" ht="31.5" customHeight="1">
      <c r="A453" s="178"/>
      <c r="B453" s="96"/>
      <c r="C453" s="301" t="s">
        <v>430</v>
      </c>
      <c r="D453" s="302"/>
      <c r="E453" s="302"/>
      <c r="F453" s="302"/>
      <c r="G453" s="302"/>
      <c r="H453" s="303"/>
      <c r="I453" s="314"/>
      <c r="J453" s="195">
        <f t="shared" si="56"/>
        <v>0</v>
      </c>
      <c r="K453" s="196" t="str">
        <f t="shared" si="57"/>
        <v/>
      </c>
      <c r="L453" s="94">
        <v>0</v>
      </c>
      <c r="M453" s="259">
        <v>0</v>
      </c>
      <c r="N453" s="259">
        <v>0</v>
      </c>
      <c r="O453" s="259">
        <v>0</v>
      </c>
      <c r="P453" s="259">
        <v>0</v>
      </c>
      <c r="Q453" s="259"/>
      <c r="R453" s="259"/>
      <c r="S453" s="259"/>
      <c r="T453" s="259"/>
      <c r="U453" s="259"/>
      <c r="V453" s="259"/>
      <c r="W453" s="259"/>
      <c r="X453" s="259"/>
      <c r="Y453" s="259"/>
      <c r="Z453" s="259"/>
      <c r="AA453" s="259"/>
      <c r="AB453" s="259"/>
      <c r="AC453" s="259"/>
      <c r="AD453" s="259"/>
      <c r="AE453" s="259"/>
      <c r="AF453" s="259"/>
      <c r="AG453" s="259"/>
      <c r="AH453" s="259"/>
      <c r="AI453" s="259"/>
      <c r="AJ453" s="259"/>
      <c r="AK453" s="259"/>
      <c r="AL453" s="259"/>
      <c r="AM453" s="259"/>
      <c r="AN453" s="259"/>
      <c r="AO453" s="259"/>
      <c r="AP453" s="259"/>
      <c r="AQ453" s="259"/>
      <c r="AR453" s="259"/>
      <c r="AS453" s="259"/>
      <c r="AT453" s="259"/>
      <c r="AU453" s="259"/>
      <c r="AV453" s="259"/>
      <c r="AW453" s="259"/>
      <c r="AX453" s="259"/>
      <c r="AY453" s="259"/>
      <c r="AZ453" s="259"/>
      <c r="BA453" s="259"/>
      <c r="BB453" s="259"/>
      <c r="BC453" s="259"/>
      <c r="BD453" s="259"/>
      <c r="BE453" s="259"/>
      <c r="BF453" s="259"/>
      <c r="BG453" s="259"/>
      <c r="BH453" s="259"/>
      <c r="BI453" s="259"/>
      <c r="BJ453" s="259"/>
      <c r="BK453" s="259"/>
      <c r="BL453" s="259"/>
      <c r="BM453" s="259"/>
      <c r="BN453" s="259"/>
      <c r="BO453" s="259"/>
      <c r="BP453" s="259"/>
      <c r="BQ453" s="259"/>
      <c r="BR453" s="259"/>
      <c r="BS453" s="259"/>
    </row>
    <row r="454" spans="1:71" s="74" customFormat="1" ht="31.5" customHeight="1">
      <c r="A454" s="178"/>
      <c r="B454" s="92"/>
      <c r="C454" s="301" t="s">
        <v>431</v>
      </c>
      <c r="D454" s="302"/>
      <c r="E454" s="302"/>
      <c r="F454" s="302"/>
      <c r="G454" s="302"/>
      <c r="H454" s="303"/>
      <c r="I454" s="314"/>
      <c r="J454" s="195">
        <f t="shared" si="56"/>
        <v>0</v>
      </c>
      <c r="K454" s="196" t="str">
        <f t="shared" si="57"/>
        <v/>
      </c>
      <c r="L454" s="94">
        <v>0</v>
      </c>
      <c r="M454" s="259">
        <v>0</v>
      </c>
      <c r="N454" s="259">
        <v>0</v>
      </c>
      <c r="O454" s="259">
        <v>0</v>
      </c>
      <c r="P454" s="259">
        <v>0</v>
      </c>
      <c r="Q454" s="259"/>
      <c r="R454" s="259"/>
      <c r="S454" s="259"/>
      <c r="T454" s="259"/>
      <c r="U454" s="259"/>
      <c r="V454" s="259"/>
      <c r="W454" s="259"/>
      <c r="X454" s="259"/>
      <c r="Y454" s="259"/>
      <c r="Z454" s="259"/>
      <c r="AA454" s="259"/>
      <c r="AB454" s="259"/>
      <c r="AC454" s="259"/>
      <c r="AD454" s="259"/>
      <c r="AE454" s="259"/>
      <c r="AF454" s="259"/>
      <c r="AG454" s="259"/>
      <c r="AH454" s="259"/>
      <c r="AI454" s="259"/>
      <c r="AJ454" s="259"/>
      <c r="AK454" s="259"/>
      <c r="AL454" s="259"/>
      <c r="AM454" s="259"/>
      <c r="AN454" s="259"/>
      <c r="AO454" s="259"/>
      <c r="AP454" s="259"/>
      <c r="AQ454" s="259"/>
      <c r="AR454" s="259"/>
      <c r="AS454" s="259"/>
      <c r="AT454" s="259"/>
      <c r="AU454" s="259"/>
      <c r="AV454" s="259"/>
      <c r="AW454" s="259"/>
      <c r="AX454" s="259"/>
      <c r="AY454" s="259"/>
      <c r="AZ454" s="259"/>
      <c r="BA454" s="259"/>
      <c r="BB454" s="259"/>
      <c r="BC454" s="259"/>
      <c r="BD454" s="259"/>
      <c r="BE454" s="259"/>
      <c r="BF454" s="259"/>
      <c r="BG454" s="259"/>
      <c r="BH454" s="259"/>
      <c r="BI454" s="259"/>
      <c r="BJ454" s="259"/>
      <c r="BK454" s="259"/>
      <c r="BL454" s="259"/>
      <c r="BM454" s="259"/>
      <c r="BN454" s="259"/>
      <c r="BO454" s="259"/>
      <c r="BP454" s="259"/>
      <c r="BQ454" s="259"/>
      <c r="BR454" s="259"/>
      <c r="BS454" s="259"/>
    </row>
    <row r="455" spans="1:71" s="74" customFormat="1" ht="31.5" customHeight="1">
      <c r="A455" s="178"/>
      <c r="B455" s="92"/>
      <c r="C455" s="301" t="s">
        <v>127</v>
      </c>
      <c r="D455" s="302"/>
      <c r="E455" s="302"/>
      <c r="F455" s="302"/>
      <c r="G455" s="302"/>
      <c r="H455" s="303"/>
      <c r="I455" s="314"/>
      <c r="J455" s="195">
        <f t="shared" si="56"/>
        <v>472</v>
      </c>
      <c r="K455" s="196" t="str">
        <f t="shared" si="57"/>
        <v/>
      </c>
      <c r="L455" s="94">
        <v>0</v>
      </c>
      <c r="M455" s="259">
        <v>0</v>
      </c>
      <c r="N455" s="259">
        <v>0</v>
      </c>
      <c r="O455" s="259">
        <v>472</v>
      </c>
      <c r="P455" s="259">
        <v>0</v>
      </c>
      <c r="Q455" s="259"/>
      <c r="R455" s="259"/>
      <c r="S455" s="259"/>
      <c r="T455" s="259"/>
      <c r="U455" s="259"/>
      <c r="V455" s="259"/>
      <c r="W455" s="259"/>
      <c r="X455" s="259"/>
      <c r="Y455" s="259"/>
      <c r="Z455" s="259"/>
      <c r="AA455" s="259"/>
      <c r="AB455" s="259"/>
      <c r="AC455" s="259"/>
      <c r="AD455" s="259"/>
      <c r="AE455" s="259"/>
      <c r="AF455" s="259"/>
      <c r="AG455" s="259"/>
      <c r="AH455" s="259"/>
      <c r="AI455" s="259"/>
      <c r="AJ455" s="259"/>
      <c r="AK455" s="259"/>
      <c r="AL455" s="259"/>
      <c r="AM455" s="259"/>
      <c r="AN455" s="259"/>
      <c r="AO455" s="259"/>
      <c r="AP455" s="259"/>
      <c r="AQ455" s="259"/>
      <c r="AR455" s="259"/>
      <c r="AS455" s="259"/>
      <c r="AT455" s="259"/>
      <c r="AU455" s="259"/>
      <c r="AV455" s="259"/>
      <c r="AW455" s="259"/>
      <c r="AX455" s="259"/>
      <c r="AY455" s="259"/>
      <c r="AZ455" s="259"/>
      <c r="BA455" s="259"/>
      <c r="BB455" s="259"/>
      <c r="BC455" s="259"/>
      <c r="BD455" s="259"/>
      <c r="BE455" s="259"/>
      <c r="BF455" s="259"/>
      <c r="BG455" s="259"/>
      <c r="BH455" s="259"/>
      <c r="BI455" s="259"/>
      <c r="BJ455" s="259"/>
      <c r="BK455" s="259"/>
      <c r="BL455" s="259"/>
      <c r="BM455" s="259"/>
      <c r="BN455" s="259"/>
      <c r="BO455" s="259"/>
      <c r="BP455" s="259"/>
      <c r="BQ455" s="259"/>
      <c r="BR455" s="259"/>
      <c r="BS455" s="259"/>
    </row>
    <row r="456" spans="1:71" s="74" customFormat="1" ht="31.5" customHeight="1">
      <c r="A456" s="178"/>
      <c r="B456" s="92"/>
      <c r="C456" s="301" t="s">
        <v>432</v>
      </c>
      <c r="D456" s="302"/>
      <c r="E456" s="302"/>
      <c r="F456" s="302"/>
      <c r="G456" s="302"/>
      <c r="H456" s="303"/>
      <c r="I456" s="314"/>
      <c r="J456" s="195">
        <f t="shared" ref="J456:J467" si="58">IF(SUM(L456:BS456)=0,IF(COUNTIF(L456:BS456,"未確認")&gt;0,"未確認",IF(COUNTIF(L456:BS456,"~*")&gt;0,"*",SUM(L456:BS456))),SUM(L456:BS456))</f>
        <v>0</v>
      </c>
      <c r="K456" s="196" t="str">
        <f t="shared" ref="K456:K467" si="59">IF(OR(COUNTIF(L456:BS456,"未確認")&gt;0,COUNTIF(L456:BS456,"~*")&gt;0),"※","")</f>
        <v/>
      </c>
      <c r="L456" s="94">
        <v>0</v>
      </c>
      <c r="M456" s="259">
        <v>0</v>
      </c>
      <c r="N456" s="259">
        <v>0</v>
      </c>
      <c r="O456" s="259">
        <v>0</v>
      </c>
      <c r="P456" s="259">
        <v>0</v>
      </c>
      <c r="Q456" s="259"/>
      <c r="R456" s="259"/>
      <c r="S456" s="259"/>
      <c r="T456" s="259"/>
      <c r="U456" s="259"/>
      <c r="V456" s="259"/>
      <c r="W456" s="259"/>
      <c r="X456" s="259"/>
      <c r="Y456" s="259"/>
      <c r="Z456" s="259"/>
      <c r="AA456" s="259"/>
      <c r="AB456" s="259"/>
      <c r="AC456" s="259"/>
      <c r="AD456" s="259"/>
      <c r="AE456" s="259"/>
      <c r="AF456" s="259"/>
      <c r="AG456" s="259"/>
      <c r="AH456" s="259"/>
      <c r="AI456" s="259"/>
      <c r="AJ456" s="259"/>
      <c r="AK456" s="259"/>
      <c r="AL456" s="259"/>
      <c r="AM456" s="259"/>
      <c r="AN456" s="259"/>
      <c r="AO456" s="259"/>
      <c r="AP456" s="259"/>
      <c r="AQ456" s="259"/>
      <c r="AR456" s="259"/>
      <c r="AS456" s="259"/>
      <c r="AT456" s="259"/>
      <c r="AU456" s="259"/>
      <c r="AV456" s="259"/>
      <c r="AW456" s="259"/>
      <c r="AX456" s="259"/>
      <c r="AY456" s="259"/>
      <c r="AZ456" s="259"/>
      <c r="BA456" s="259"/>
      <c r="BB456" s="259"/>
      <c r="BC456" s="259"/>
      <c r="BD456" s="259"/>
      <c r="BE456" s="259"/>
      <c r="BF456" s="259"/>
      <c r="BG456" s="259"/>
      <c r="BH456" s="259"/>
      <c r="BI456" s="259"/>
      <c r="BJ456" s="259"/>
      <c r="BK456" s="259"/>
      <c r="BL456" s="259"/>
      <c r="BM456" s="259"/>
      <c r="BN456" s="259"/>
      <c r="BO456" s="259"/>
      <c r="BP456" s="259"/>
      <c r="BQ456" s="259"/>
      <c r="BR456" s="259"/>
      <c r="BS456" s="259"/>
    </row>
    <row r="457" spans="1:71" s="74" customFormat="1" ht="31.5" customHeight="1">
      <c r="A457" s="178"/>
      <c r="B457" s="92"/>
      <c r="C457" s="301" t="s">
        <v>433</v>
      </c>
      <c r="D457" s="302"/>
      <c r="E457" s="302"/>
      <c r="F457" s="302"/>
      <c r="G457" s="302"/>
      <c r="H457" s="303"/>
      <c r="I457" s="314"/>
      <c r="J457" s="195">
        <f t="shared" si="58"/>
        <v>0</v>
      </c>
      <c r="K457" s="196" t="str">
        <f t="shared" si="59"/>
        <v/>
      </c>
      <c r="L457" s="94">
        <v>0</v>
      </c>
      <c r="M457" s="259">
        <v>0</v>
      </c>
      <c r="N457" s="259">
        <v>0</v>
      </c>
      <c r="O457" s="259">
        <v>0</v>
      </c>
      <c r="P457" s="259">
        <v>0</v>
      </c>
      <c r="Q457" s="259"/>
      <c r="R457" s="259"/>
      <c r="S457" s="259"/>
      <c r="T457" s="259"/>
      <c r="U457" s="259"/>
      <c r="V457" s="259"/>
      <c r="W457" s="259"/>
      <c r="X457" s="259"/>
      <c r="Y457" s="259"/>
      <c r="Z457" s="259"/>
      <c r="AA457" s="259"/>
      <c r="AB457" s="259"/>
      <c r="AC457" s="259"/>
      <c r="AD457" s="259"/>
      <c r="AE457" s="259"/>
      <c r="AF457" s="259"/>
      <c r="AG457" s="259"/>
      <c r="AH457" s="259"/>
      <c r="AI457" s="259"/>
      <c r="AJ457" s="259"/>
      <c r="AK457" s="259"/>
      <c r="AL457" s="259"/>
      <c r="AM457" s="259"/>
      <c r="AN457" s="259"/>
      <c r="AO457" s="259"/>
      <c r="AP457" s="259"/>
      <c r="AQ457" s="259"/>
      <c r="AR457" s="259"/>
      <c r="AS457" s="259"/>
      <c r="AT457" s="259"/>
      <c r="AU457" s="259"/>
      <c r="AV457" s="259"/>
      <c r="AW457" s="259"/>
      <c r="AX457" s="259"/>
      <c r="AY457" s="259"/>
      <c r="AZ457" s="259"/>
      <c r="BA457" s="259"/>
      <c r="BB457" s="259"/>
      <c r="BC457" s="259"/>
      <c r="BD457" s="259"/>
      <c r="BE457" s="259"/>
      <c r="BF457" s="259"/>
      <c r="BG457" s="259"/>
      <c r="BH457" s="259"/>
      <c r="BI457" s="259"/>
      <c r="BJ457" s="259"/>
      <c r="BK457" s="259"/>
      <c r="BL457" s="259"/>
      <c r="BM457" s="259"/>
      <c r="BN457" s="259"/>
      <c r="BO457" s="259"/>
      <c r="BP457" s="259"/>
      <c r="BQ457" s="259"/>
      <c r="BR457" s="259"/>
      <c r="BS457" s="259"/>
    </row>
    <row r="458" spans="1:71" s="74" customFormat="1" ht="31.5" customHeight="1">
      <c r="A458" s="178"/>
      <c r="B458" s="96"/>
      <c r="C458" s="301" t="s">
        <v>434</v>
      </c>
      <c r="D458" s="302"/>
      <c r="E458" s="302"/>
      <c r="F458" s="302"/>
      <c r="G458" s="302"/>
      <c r="H458" s="303"/>
      <c r="I458" s="314"/>
      <c r="J458" s="195">
        <f t="shared" si="58"/>
        <v>0</v>
      </c>
      <c r="K458" s="196" t="str">
        <f t="shared" si="59"/>
        <v/>
      </c>
      <c r="L458" s="94">
        <v>0</v>
      </c>
      <c r="M458" s="259">
        <v>0</v>
      </c>
      <c r="N458" s="259">
        <v>0</v>
      </c>
      <c r="O458" s="259">
        <v>0</v>
      </c>
      <c r="P458" s="259">
        <v>0</v>
      </c>
      <c r="Q458" s="259"/>
      <c r="R458" s="259"/>
      <c r="S458" s="259"/>
      <c r="T458" s="259"/>
      <c r="U458" s="259"/>
      <c r="V458" s="259"/>
      <c r="W458" s="259"/>
      <c r="X458" s="259"/>
      <c r="Y458" s="259"/>
      <c r="Z458" s="259"/>
      <c r="AA458" s="259"/>
      <c r="AB458" s="259"/>
      <c r="AC458" s="259"/>
      <c r="AD458" s="259"/>
      <c r="AE458" s="259"/>
      <c r="AF458" s="259"/>
      <c r="AG458" s="259"/>
      <c r="AH458" s="259"/>
      <c r="AI458" s="259"/>
      <c r="AJ458" s="259"/>
      <c r="AK458" s="259"/>
      <c r="AL458" s="259"/>
      <c r="AM458" s="259"/>
      <c r="AN458" s="259"/>
      <c r="AO458" s="259"/>
      <c r="AP458" s="259"/>
      <c r="AQ458" s="259"/>
      <c r="AR458" s="259"/>
      <c r="AS458" s="259"/>
      <c r="AT458" s="259"/>
      <c r="AU458" s="259"/>
      <c r="AV458" s="259"/>
      <c r="AW458" s="259"/>
      <c r="AX458" s="259"/>
      <c r="AY458" s="259"/>
      <c r="AZ458" s="259"/>
      <c r="BA458" s="259"/>
      <c r="BB458" s="259"/>
      <c r="BC458" s="259"/>
      <c r="BD458" s="259"/>
      <c r="BE458" s="259"/>
      <c r="BF458" s="259"/>
      <c r="BG458" s="259"/>
      <c r="BH458" s="259"/>
      <c r="BI458" s="259"/>
      <c r="BJ458" s="259"/>
      <c r="BK458" s="259"/>
      <c r="BL458" s="259"/>
      <c r="BM458" s="259"/>
      <c r="BN458" s="259"/>
      <c r="BO458" s="259"/>
      <c r="BP458" s="259"/>
      <c r="BQ458" s="259"/>
      <c r="BR458" s="259"/>
      <c r="BS458" s="259"/>
    </row>
    <row r="459" spans="1:71" s="74" customFormat="1" ht="31.5" customHeight="1">
      <c r="A459" s="178"/>
      <c r="B459" s="96"/>
      <c r="C459" s="301" t="s">
        <v>435</v>
      </c>
      <c r="D459" s="302"/>
      <c r="E459" s="302"/>
      <c r="F459" s="302"/>
      <c r="G459" s="302"/>
      <c r="H459" s="303"/>
      <c r="I459" s="314"/>
      <c r="J459" s="195">
        <f t="shared" si="58"/>
        <v>0</v>
      </c>
      <c r="K459" s="196" t="str">
        <f t="shared" si="59"/>
        <v/>
      </c>
      <c r="L459" s="94">
        <v>0</v>
      </c>
      <c r="M459" s="259">
        <v>0</v>
      </c>
      <c r="N459" s="259">
        <v>0</v>
      </c>
      <c r="O459" s="259">
        <v>0</v>
      </c>
      <c r="P459" s="259">
        <v>0</v>
      </c>
      <c r="Q459" s="259"/>
      <c r="R459" s="259"/>
      <c r="S459" s="259"/>
      <c r="T459" s="259"/>
      <c r="U459" s="259"/>
      <c r="V459" s="259"/>
      <c r="W459" s="259"/>
      <c r="X459" s="259"/>
      <c r="Y459" s="259"/>
      <c r="Z459" s="259"/>
      <c r="AA459" s="259"/>
      <c r="AB459" s="259"/>
      <c r="AC459" s="259"/>
      <c r="AD459" s="259"/>
      <c r="AE459" s="259"/>
      <c r="AF459" s="259"/>
      <c r="AG459" s="259"/>
      <c r="AH459" s="259"/>
      <c r="AI459" s="259"/>
      <c r="AJ459" s="259"/>
      <c r="AK459" s="259"/>
      <c r="AL459" s="259"/>
      <c r="AM459" s="259"/>
      <c r="AN459" s="259"/>
      <c r="AO459" s="259"/>
      <c r="AP459" s="259"/>
      <c r="AQ459" s="259"/>
      <c r="AR459" s="259"/>
      <c r="AS459" s="259"/>
      <c r="AT459" s="259"/>
      <c r="AU459" s="259"/>
      <c r="AV459" s="259"/>
      <c r="AW459" s="259"/>
      <c r="AX459" s="259"/>
      <c r="AY459" s="259"/>
      <c r="AZ459" s="259"/>
      <c r="BA459" s="259"/>
      <c r="BB459" s="259"/>
      <c r="BC459" s="259"/>
      <c r="BD459" s="259"/>
      <c r="BE459" s="259"/>
      <c r="BF459" s="259"/>
      <c r="BG459" s="259"/>
      <c r="BH459" s="259"/>
      <c r="BI459" s="259"/>
      <c r="BJ459" s="259"/>
      <c r="BK459" s="259"/>
      <c r="BL459" s="259"/>
      <c r="BM459" s="259"/>
      <c r="BN459" s="259"/>
      <c r="BO459" s="259"/>
      <c r="BP459" s="259"/>
      <c r="BQ459" s="259"/>
      <c r="BR459" s="259"/>
      <c r="BS459" s="259"/>
    </row>
    <row r="460" spans="1:71" s="74" customFormat="1" ht="31.5" customHeight="1">
      <c r="A460" s="178"/>
      <c r="B460" s="96"/>
      <c r="C460" s="301" t="s">
        <v>436</v>
      </c>
      <c r="D460" s="302"/>
      <c r="E460" s="302"/>
      <c r="F460" s="302"/>
      <c r="G460" s="302"/>
      <c r="H460" s="303"/>
      <c r="I460" s="314"/>
      <c r="J460" s="195">
        <f t="shared" si="58"/>
        <v>0</v>
      </c>
      <c r="K460" s="196" t="str">
        <f t="shared" si="59"/>
        <v/>
      </c>
      <c r="L460" s="94">
        <v>0</v>
      </c>
      <c r="M460" s="259">
        <v>0</v>
      </c>
      <c r="N460" s="259">
        <v>0</v>
      </c>
      <c r="O460" s="259">
        <v>0</v>
      </c>
      <c r="P460" s="259">
        <v>0</v>
      </c>
      <c r="Q460" s="259"/>
      <c r="R460" s="259"/>
      <c r="S460" s="259"/>
      <c r="T460" s="259"/>
      <c r="U460" s="259"/>
      <c r="V460" s="259"/>
      <c r="W460" s="259"/>
      <c r="X460" s="259"/>
      <c r="Y460" s="259"/>
      <c r="Z460" s="259"/>
      <c r="AA460" s="259"/>
      <c r="AB460" s="259"/>
      <c r="AC460" s="259"/>
      <c r="AD460" s="259"/>
      <c r="AE460" s="259"/>
      <c r="AF460" s="259"/>
      <c r="AG460" s="259"/>
      <c r="AH460" s="259"/>
      <c r="AI460" s="259"/>
      <c r="AJ460" s="259"/>
      <c r="AK460" s="259"/>
      <c r="AL460" s="259"/>
      <c r="AM460" s="259"/>
      <c r="AN460" s="259"/>
      <c r="AO460" s="259"/>
      <c r="AP460" s="259"/>
      <c r="AQ460" s="259"/>
      <c r="AR460" s="259"/>
      <c r="AS460" s="259"/>
      <c r="AT460" s="259"/>
      <c r="AU460" s="259"/>
      <c r="AV460" s="259"/>
      <c r="AW460" s="259"/>
      <c r="AX460" s="259"/>
      <c r="AY460" s="259"/>
      <c r="AZ460" s="259"/>
      <c r="BA460" s="259"/>
      <c r="BB460" s="259"/>
      <c r="BC460" s="259"/>
      <c r="BD460" s="259"/>
      <c r="BE460" s="259"/>
      <c r="BF460" s="259"/>
      <c r="BG460" s="259"/>
      <c r="BH460" s="259"/>
      <c r="BI460" s="259"/>
      <c r="BJ460" s="259"/>
      <c r="BK460" s="259"/>
      <c r="BL460" s="259"/>
      <c r="BM460" s="259"/>
      <c r="BN460" s="259"/>
      <c r="BO460" s="259"/>
      <c r="BP460" s="259"/>
      <c r="BQ460" s="259"/>
      <c r="BR460" s="259"/>
      <c r="BS460" s="259"/>
    </row>
    <row r="461" spans="1:71" s="74" customFormat="1" ht="31.5" customHeight="1">
      <c r="A461" s="178"/>
      <c r="B461" s="96"/>
      <c r="C461" s="301" t="s">
        <v>437</v>
      </c>
      <c r="D461" s="302"/>
      <c r="E461" s="302"/>
      <c r="F461" s="302"/>
      <c r="G461" s="302"/>
      <c r="H461" s="303"/>
      <c r="I461" s="314"/>
      <c r="J461" s="195">
        <f t="shared" si="58"/>
        <v>0</v>
      </c>
      <c r="K461" s="196" t="str">
        <f t="shared" si="59"/>
        <v/>
      </c>
      <c r="L461" s="94">
        <v>0</v>
      </c>
      <c r="M461" s="259">
        <v>0</v>
      </c>
      <c r="N461" s="259">
        <v>0</v>
      </c>
      <c r="O461" s="259">
        <v>0</v>
      </c>
      <c r="P461" s="259">
        <v>0</v>
      </c>
      <c r="Q461" s="259"/>
      <c r="R461" s="259"/>
      <c r="S461" s="259"/>
      <c r="T461" s="259"/>
      <c r="U461" s="259"/>
      <c r="V461" s="259"/>
      <c r="W461" s="259"/>
      <c r="X461" s="259"/>
      <c r="Y461" s="259"/>
      <c r="Z461" s="259"/>
      <c r="AA461" s="259"/>
      <c r="AB461" s="259"/>
      <c r="AC461" s="259"/>
      <c r="AD461" s="259"/>
      <c r="AE461" s="259"/>
      <c r="AF461" s="259"/>
      <c r="AG461" s="259"/>
      <c r="AH461" s="259"/>
      <c r="AI461" s="259"/>
      <c r="AJ461" s="259"/>
      <c r="AK461" s="259"/>
      <c r="AL461" s="259"/>
      <c r="AM461" s="259"/>
      <c r="AN461" s="259"/>
      <c r="AO461" s="259"/>
      <c r="AP461" s="259"/>
      <c r="AQ461" s="259"/>
      <c r="AR461" s="259"/>
      <c r="AS461" s="259"/>
      <c r="AT461" s="259"/>
      <c r="AU461" s="259"/>
      <c r="AV461" s="259"/>
      <c r="AW461" s="259"/>
      <c r="AX461" s="259"/>
      <c r="AY461" s="259"/>
      <c r="AZ461" s="259"/>
      <c r="BA461" s="259"/>
      <c r="BB461" s="259"/>
      <c r="BC461" s="259"/>
      <c r="BD461" s="259"/>
      <c r="BE461" s="259"/>
      <c r="BF461" s="259"/>
      <c r="BG461" s="259"/>
      <c r="BH461" s="259"/>
      <c r="BI461" s="259"/>
      <c r="BJ461" s="259"/>
      <c r="BK461" s="259"/>
      <c r="BL461" s="259"/>
      <c r="BM461" s="259"/>
      <c r="BN461" s="259"/>
      <c r="BO461" s="259"/>
      <c r="BP461" s="259"/>
      <c r="BQ461" s="259"/>
      <c r="BR461" s="259"/>
      <c r="BS461" s="259"/>
    </row>
    <row r="462" spans="1:71" s="74" customFormat="1" ht="31.5" customHeight="1">
      <c r="A462" s="178"/>
      <c r="B462" s="96"/>
      <c r="C462" s="301" t="s">
        <v>438</v>
      </c>
      <c r="D462" s="302"/>
      <c r="E462" s="302"/>
      <c r="F462" s="302"/>
      <c r="G462" s="302"/>
      <c r="H462" s="303"/>
      <c r="I462" s="314"/>
      <c r="J462" s="195">
        <f t="shared" si="58"/>
        <v>0</v>
      </c>
      <c r="K462" s="196" t="str">
        <f t="shared" si="59"/>
        <v/>
      </c>
      <c r="L462" s="94">
        <v>0</v>
      </c>
      <c r="M462" s="259">
        <v>0</v>
      </c>
      <c r="N462" s="259">
        <v>0</v>
      </c>
      <c r="O462" s="259">
        <v>0</v>
      </c>
      <c r="P462" s="259">
        <v>0</v>
      </c>
      <c r="Q462" s="259"/>
      <c r="R462" s="259"/>
      <c r="S462" s="259"/>
      <c r="T462" s="259"/>
      <c r="U462" s="259"/>
      <c r="V462" s="259"/>
      <c r="W462" s="259"/>
      <c r="X462" s="259"/>
      <c r="Y462" s="259"/>
      <c r="Z462" s="259"/>
      <c r="AA462" s="259"/>
      <c r="AB462" s="259"/>
      <c r="AC462" s="259"/>
      <c r="AD462" s="259"/>
      <c r="AE462" s="259"/>
      <c r="AF462" s="259"/>
      <c r="AG462" s="259"/>
      <c r="AH462" s="259"/>
      <c r="AI462" s="259"/>
      <c r="AJ462" s="259"/>
      <c r="AK462" s="259"/>
      <c r="AL462" s="259"/>
      <c r="AM462" s="259"/>
      <c r="AN462" s="259"/>
      <c r="AO462" s="259"/>
      <c r="AP462" s="259"/>
      <c r="AQ462" s="259"/>
      <c r="AR462" s="259"/>
      <c r="AS462" s="259"/>
      <c r="AT462" s="259"/>
      <c r="AU462" s="259"/>
      <c r="AV462" s="259"/>
      <c r="AW462" s="259"/>
      <c r="AX462" s="259"/>
      <c r="AY462" s="259"/>
      <c r="AZ462" s="259"/>
      <c r="BA462" s="259"/>
      <c r="BB462" s="259"/>
      <c r="BC462" s="259"/>
      <c r="BD462" s="259"/>
      <c r="BE462" s="259"/>
      <c r="BF462" s="259"/>
      <c r="BG462" s="259"/>
      <c r="BH462" s="259"/>
      <c r="BI462" s="259"/>
      <c r="BJ462" s="259"/>
      <c r="BK462" s="259"/>
      <c r="BL462" s="259"/>
      <c r="BM462" s="259"/>
      <c r="BN462" s="259"/>
      <c r="BO462" s="259"/>
      <c r="BP462" s="259"/>
      <c r="BQ462" s="259"/>
      <c r="BR462" s="259"/>
      <c r="BS462" s="259"/>
    </row>
    <row r="463" spans="1:71" s="74" customFormat="1" ht="31.5" customHeight="1">
      <c r="A463" s="178"/>
      <c r="B463" s="96"/>
      <c r="C463" s="301" t="s">
        <v>439</v>
      </c>
      <c r="D463" s="302"/>
      <c r="E463" s="302"/>
      <c r="F463" s="302"/>
      <c r="G463" s="302"/>
      <c r="H463" s="303"/>
      <c r="I463" s="314"/>
      <c r="J463" s="195">
        <f t="shared" si="58"/>
        <v>0</v>
      </c>
      <c r="K463" s="196" t="str">
        <f t="shared" si="59"/>
        <v/>
      </c>
      <c r="L463" s="94">
        <v>0</v>
      </c>
      <c r="M463" s="259">
        <v>0</v>
      </c>
      <c r="N463" s="259">
        <v>0</v>
      </c>
      <c r="O463" s="259">
        <v>0</v>
      </c>
      <c r="P463" s="259">
        <v>0</v>
      </c>
      <c r="Q463" s="259"/>
      <c r="R463" s="259"/>
      <c r="S463" s="259"/>
      <c r="T463" s="259"/>
      <c r="U463" s="259"/>
      <c r="V463" s="259"/>
      <c r="W463" s="259"/>
      <c r="X463" s="259"/>
      <c r="Y463" s="259"/>
      <c r="Z463" s="259"/>
      <c r="AA463" s="259"/>
      <c r="AB463" s="259"/>
      <c r="AC463" s="259"/>
      <c r="AD463" s="259"/>
      <c r="AE463" s="259"/>
      <c r="AF463" s="259"/>
      <c r="AG463" s="259"/>
      <c r="AH463" s="259"/>
      <c r="AI463" s="259"/>
      <c r="AJ463" s="259"/>
      <c r="AK463" s="259"/>
      <c r="AL463" s="259"/>
      <c r="AM463" s="259"/>
      <c r="AN463" s="259"/>
      <c r="AO463" s="259"/>
      <c r="AP463" s="259"/>
      <c r="AQ463" s="259"/>
      <c r="AR463" s="259"/>
      <c r="AS463" s="259"/>
      <c r="AT463" s="259"/>
      <c r="AU463" s="259"/>
      <c r="AV463" s="259"/>
      <c r="AW463" s="259"/>
      <c r="AX463" s="259"/>
      <c r="AY463" s="259"/>
      <c r="AZ463" s="259"/>
      <c r="BA463" s="259"/>
      <c r="BB463" s="259"/>
      <c r="BC463" s="259"/>
      <c r="BD463" s="259"/>
      <c r="BE463" s="259"/>
      <c r="BF463" s="259"/>
      <c r="BG463" s="259"/>
      <c r="BH463" s="259"/>
      <c r="BI463" s="259"/>
      <c r="BJ463" s="259"/>
      <c r="BK463" s="259"/>
      <c r="BL463" s="259"/>
      <c r="BM463" s="259"/>
      <c r="BN463" s="259"/>
      <c r="BO463" s="259"/>
      <c r="BP463" s="259"/>
      <c r="BQ463" s="259"/>
      <c r="BR463" s="259"/>
      <c r="BS463" s="259"/>
    </row>
    <row r="464" spans="1:71" s="74" customFormat="1" ht="31.5" customHeight="1">
      <c r="A464" s="178"/>
      <c r="B464" s="96"/>
      <c r="C464" s="301" t="s">
        <v>440</v>
      </c>
      <c r="D464" s="302"/>
      <c r="E464" s="302"/>
      <c r="F464" s="302"/>
      <c r="G464" s="302"/>
      <c r="H464" s="303"/>
      <c r="I464" s="314"/>
      <c r="J464" s="195">
        <f t="shared" si="58"/>
        <v>0</v>
      </c>
      <c r="K464" s="196" t="str">
        <f t="shared" si="59"/>
        <v/>
      </c>
      <c r="L464" s="94">
        <v>0</v>
      </c>
      <c r="M464" s="259">
        <v>0</v>
      </c>
      <c r="N464" s="259">
        <v>0</v>
      </c>
      <c r="O464" s="259">
        <v>0</v>
      </c>
      <c r="P464" s="259">
        <v>0</v>
      </c>
      <c r="Q464" s="259"/>
      <c r="R464" s="259"/>
      <c r="S464" s="259"/>
      <c r="T464" s="259"/>
      <c r="U464" s="259"/>
      <c r="V464" s="259"/>
      <c r="W464" s="259"/>
      <c r="X464" s="259"/>
      <c r="Y464" s="259"/>
      <c r="Z464" s="259"/>
      <c r="AA464" s="259"/>
      <c r="AB464" s="259"/>
      <c r="AC464" s="259"/>
      <c r="AD464" s="259"/>
      <c r="AE464" s="259"/>
      <c r="AF464" s="259"/>
      <c r="AG464" s="259"/>
      <c r="AH464" s="259"/>
      <c r="AI464" s="259"/>
      <c r="AJ464" s="259"/>
      <c r="AK464" s="259"/>
      <c r="AL464" s="259"/>
      <c r="AM464" s="259"/>
      <c r="AN464" s="259"/>
      <c r="AO464" s="259"/>
      <c r="AP464" s="259"/>
      <c r="AQ464" s="259"/>
      <c r="AR464" s="259"/>
      <c r="AS464" s="259"/>
      <c r="AT464" s="259"/>
      <c r="AU464" s="259"/>
      <c r="AV464" s="259"/>
      <c r="AW464" s="259"/>
      <c r="AX464" s="259"/>
      <c r="AY464" s="259"/>
      <c r="AZ464" s="259"/>
      <c r="BA464" s="259"/>
      <c r="BB464" s="259"/>
      <c r="BC464" s="259"/>
      <c r="BD464" s="259"/>
      <c r="BE464" s="259"/>
      <c r="BF464" s="259"/>
      <c r="BG464" s="259"/>
      <c r="BH464" s="259"/>
      <c r="BI464" s="259"/>
      <c r="BJ464" s="259"/>
      <c r="BK464" s="259"/>
      <c r="BL464" s="259"/>
      <c r="BM464" s="259"/>
      <c r="BN464" s="259"/>
      <c r="BO464" s="259"/>
      <c r="BP464" s="259"/>
      <c r="BQ464" s="259"/>
      <c r="BR464" s="259"/>
      <c r="BS464" s="259"/>
    </row>
    <row r="465" spans="1:71" s="74" customFormat="1" ht="31.5" customHeight="1">
      <c r="A465" s="178"/>
      <c r="B465" s="96"/>
      <c r="C465" s="301" t="s">
        <v>441</v>
      </c>
      <c r="D465" s="302"/>
      <c r="E465" s="302"/>
      <c r="F465" s="302"/>
      <c r="G465" s="302"/>
      <c r="H465" s="303"/>
      <c r="I465" s="314"/>
      <c r="J465" s="195">
        <f t="shared" si="58"/>
        <v>0</v>
      </c>
      <c r="K465" s="196" t="str">
        <f t="shared" si="59"/>
        <v/>
      </c>
      <c r="L465" s="94">
        <v>0</v>
      </c>
      <c r="M465" s="259">
        <v>0</v>
      </c>
      <c r="N465" s="259">
        <v>0</v>
      </c>
      <c r="O465" s="259">
        <v>0</v>
      </c>
      <c r="P465" s="259">
        <v>0</v>
      </c>
      <c r="Q465" s="259"/>
      <c r="R465" s="259"/>
      <c r="S465" s="259"/>
      <c r="T465" s="259"/>
      <c r="U465" s="259"/>
      <c r="V465" s="259"/>
      <c r="W465" s="259"/>
      <c r="X465" s="259"/>
      <c r="Y465" s="259"/>
      <c r="Z465" s="259"/>
      <c r="AA465" s="259"/>
      <c r="AB465" s="259"/>
      <c r="AC465" s="259"/>
      <c r="AD465" s="259"/>
      <c r="AE465" s="259"/>
      <c r="AF465" s="259"/>
      <c r="AG465" s="259"/>
      <c r="AH465" s="259"/>
      <c r="AI465" s="259"/>
      <c r="AJ465" s="259"/>
      <c r="AK465" s="259"/>
      <c r="AL465" s="259"/>
      <c r="AM465" s="259"/>
      <c r="AN465" s="259"/>
      <c r="AO465" s="259"/>
      <c r="AP465" s="259"/>
      <c r="AQ465" s="259"/>
      <c r="AR465" s="259"/>
      <c r="AS465" s="259"/>
      <c r="AT465" s="259"/>
      <c r="AU465" s="259"/>
      <c r="AV465" s="259"/>
      <c r="AW465" s="259"/>
      <c r="AX465" s="259"/>
      <c r="AY465" s="259"/>
      <c r="AZ465" s="259"/>
      <c r="BA465" s="259"/>
      <c r="BB465" s="259"/>
      <c r="BC465" s="259"/>
      <c r="BD465" s="259"/>
      <c r="BE465" s="259"/>
      <c r="BF465" s="259"/>
      <c r="BG465" s="259"/>
      <c r="BH465" s="259"/>
      <c r="BI465" s="259"/>
      <c r="BJ465" s="259"/>
      <c r="BK465" s="259"/>
      <c r="BL465" s="259"/>
      <c r="BM465" s="259"/>
      <c r="BN465" s="259"/>
      <c r="BO465" s="259"/>
      <c r="BP465" s="259"/>
      <c r="BQ465" s="259"/>
      <c r="BR465" s="259"/>
      <c r="BS465" s="259"/>
    </row>
    <row r="466" spans="1:71" s="74" customFormat="1" ht="31.5" customHeight="1">
      <c r="A466" s="178"/>
      <c r="B466" s="96"/>
      <c r="C466" s="301" t="s">
        <v>442</v>
      </c>
      <c r="D466" s="302"/>
      <c r="E466" s="302"/>
      <c r="F466" s="302"/>
      <c r="G466" s="302"/>
      <c r="H466" s="303"/>
      <c r="I466" s="314"/>
      <c r="J466" s="195">
        <f t="shared" si="58"/>
        <v>0</v>
      </c>
      <c r="K466" s="196" t="str">
        <f t="shared" si="59"/>
        <v/>
      </c>
      <c r="L466" s="94">
        <v>0</v>
      </c>
      <c r="M466" s="259">
        <v>0</v>
      </c>
      <c r="N466" s="259">
        <v>0</v>
      </c>
      <c r="O466" s="259">
        <v>0</v>
      </c>
      <c r="P466" s="259">
        <v>0</v>
      </c>
      <c r="Q466" s="259"/>
      <c r="R466" s="259"/>
      <c r="S466" s="259"/>
      <c r="T466" s="259"/>
      <c r="U466" s="259"/>
      <c r="V466" s="259"/>
      <c r="W466" s="259"/>
      <c r="X466" s="259"/>
      <c r="Y466" s="259"/>
      <c r="Z466" s="259"/>
      <c r="AA466" s="259"/>
      <c r="AB466" s="259"/>
      <c r="AC466" s="259"/>
      <c r="AD466" s="259"/>
      <c r="AE466" s="259"/>
      <c r="AF466" s="259"/>
      <c r="AG466" s="259"/>
      <c r="AH466" s="259"/>
      <c r="AI466" s="259"/>
      <c r="AJ466" s="259"/>
      <c r="AK466" s="259"/>
      <c r="AL466" s="259"/>
      <c r="AM466" s="259"/>
      <c r="AN466" s="259"/>
      <c r="AO466" s="259"/>
      <c r="AP466" s="259"/>
      <c r="AQ466" s="259"/>
      <c r="AR466" s="259"/>
      <c r="AS466" s="259"/>
      <c r="AT466" s="259"/>
      <c r="AU466" s="259"/>
      <c r="AV466" s="259"/>
      <c r="AW466" s="259"/>
      <c r="AX466" s="259"/>
      <c r="AY466" s="259"/>
      <c r="AZ466" s="259"/>
      <c r="BA466" s="259"/>
      <c r="BB466" s="259"/>
      <c r="BC466" s="259"/>
      <c r="BD466" s="259"/>
      <c r="BE466" s="259"/>
      <c r="BF466" s="259"/>
      <c r="BG466" s="259"/>
      <c r="BH466" s="259"/>
      <c r="BI466" s="259"/>
      <c r="BJ466" s="259"/>
      <c r="BK466" s="259"/>
      <c r="BL466" s="259"/>
      <c r="BM466" s="259"/>
      <c r="BN466" s="259"/>
      <c r="BO466" s="259"/>
      <c r="BP466" s="259"/>
      <c r="BQ466" s="259"/>
      <c r="BR466" s="259"/>
      <c r="BS466" s="259"/>
    </row>
    <row r="467" spans="1:71" s="74" customFormat="1" ht="31.5" customHeight="1">
      <c r="A467" s="178"/>
      <c r="B467" s="96"/>
      <c r="C467" s="301" t="s">
        <v>443</v>
      </c>
      <c r="D467" s="302"/>
      <c r="E467" s="302"/>
      <c r="F467" s="302"/>
      <c r="G467" s="302"/>
      <c r="H467" s="303"/>
      <c r="I467" s="315"/>
      <c r="J467" s="195">
        <f t="shared" si="58"/>
        <v>0</v>
      </c>
      <c r="K467" s="196" t="str">
        <f t="shared" si="59"/>
        <v/>
      </c>
      <c r="L467" s="94">
        <v>0</v>
      </c>
      <c r="M467" s="259">
        <v>0</v>
      </c>
      <c r="N467" s="259">
        <v>0</v>
      </c>
      <c r="O467" s="259">
        <v>0</v>
      </c>
      <c r="P467" s="259">
        <v>0</v>
      </c>
      <c r="Q467" s="259"/>
      <c r="R467" s="259"/>
      <c r="S467" s="259"/>
      <c r="T467" s="259"/>
      <c r="U467" s="259"/>
      <c r="V467" s="259"/>
      <c r="W467" s="259"/>
      <c r="X467" s="259"/>
      <c r="Y467" s="259"/>
      <c r="Z467" s="259"/>
      <c r="AA467" s="259"/>
      <c r="AB467" s="259"/>
      <c r="AC467" s="259"/>
      <c r="AD467" s="259"/>
      <c r="AE467" s="259"/>
      <c r="AF467" s="259"/>
      <c r="AG467" s="259"/>
      <c r="AH467" s="259"/>
      <c r="AI467" s="259"/>
      <c r="AJ467" s="259"/>
      <c r="AK467" s="259"/>
      <c r="AL467" s="259"/>
      <c r="AM467" s="259"/>
      <c r="AN467" s="259"/>
      <c r="AO467" s="259"/>
      <c r="AP467" s="259"/>
      <c r="AQ467" s="259"/>
      <c r="AR467" s="259"/>
      <c r="AS467" s="259"/>
      <c r="AT467" s="259"/>
      <c r="AU467" s="259"/>
      <c r="AV467" s="259"/>
      <c r="AW467" s="259"/>
      <c r="AX467" s="259"/>
      <c r="AY467" s="259"/>
      <c r="AZ467" s="259"/>
      <c r="BA467" s="259"/>
      <c r="BB467" s="259"/>
      <c r="BC467" s="259"/>
      <c r="BD467" s="259"/>
      <c r="BE467" s="259"/>
      <c r="BF467" s="259"/>
      <c r="BG467" s="259"/>
      <c r="BH467" s="259"/>
      <c r="BI467" s="259"/>
      <c r="BJ467" s="259"/>
      <c r="BK467" s="259"/>
      <c r="BL467" s="259"/>
      <c r="BM467" s="259"/>
      <c r="BN467" s="259"/>
      <c r="BO467" s="259"/>
      <c r="BP467" s="259"/>
      <c r="BQ467" s="259"/>
      <c r="BR467" s="259"/>
      <c r="BS467" s="259"/>
    </row>
    <row r="468" spans="1:71" s="74" customFormat="1" ht="18.75">
      <c r="A468" s="178"/>
      <c r="B468" s="233"/>
      <c r="C468" s="122"/>
      <c r="D468" s="3"/>
      <c r="E468" s="3"/>
      <c r="F468" s="3"/>
      <c r="G468" s="3"/>
      <c r="H468" s="232"/>
      <c r="I468" s="232"/>
      <c r="J468" s="51"/>
      <c r="K468" s="53"/>
      <c r="L468" s="86"/>
      <c r="M468" s="86"/>
      <c r="N468" s="86"/>
      <c r="O468" s="86"/>
      <c r="P468" s="86"/>
      <c r="Q468" s="86"/>
    </row>
    <row r="469" spans="1:71" s="74" customFormat="1" ht="18.75">
      <c r="A469" s="178"/>
      <c r="B469" s="233"/>
      <c r="C469" s="122"/>
      <c r="D469" s="3"/>
      <c r="E469" s="3"/>
      <c r="F469" s="3"/>
      <c r="G469" s="3"/>
      <c r="H469" s="232"/>
      <c r="I469" s="232"/>
      <c r="J469" s="51"/>
      <c r="K469" s="53"/>
      <c r="L469" s="86"/>
      <c r="M469" s="86"/>
      <c r="N469" s="86"/>
      <c r="O469" s="86"/>
      <c r="P469" s="86"/>
      <c r="Q469" s="86"/>
    </row>
    <row r="470" spans="1:71" s="74" customFormat="1" ht="18.75">
      <c r="A470" s="178"/>
      <c r="B470" s="233"/>
      <c r="C470" s="122"/>
      <c r="D470" s="3"/>
      <c r="E470" s="3"/>
      <c r="F470" s="3"/>
      <c r="G470" s="3"/>
      <c r="H470" s="232"/>
      <c r="I470" s="232"/>
      <c r="J470" s="51"/>
      <c r="K470" s="53"/>
      <c r="L470" s="86"/>
      <c r="M470" s="86"/>
      <c r="N470" s="86"/>
      <c r="O470" s="86"/>
      <c r="P470" s="86"/>
      <c r="Q470" s="86"/>
    </row>
    <row r="471" spans="1:71" s="74" customFormat="1">
      <c r="A471" s="178"/>
      <c r="B471" s="14" t="s">
        <v>444</v>
      </c>
      <c r="C471" s="151"/>
      <c r="D471" s="3"/>
      <c r="E471" s="3"/>
      <c r="F471" s="3"/>
      <c r="G471" s="3"/>
      <c r="H471" s="214"/>
      <c r="I471" s="214"/>
      <c r="J471" s="51"/>
      <c r="K471" s="24"/>
      <c r="L471" s="86"/>
      <c r="M471" s="86"/>
      <c r="N471" s="86"/>
      <c r="O471" s="86"/>
      <c r="P471" s="86"/>
      <c r="Q471" s="86"/>
    </row>
    <row r="472" spans="1:71">
      <c r="A472" s="178"/>
      <c r="B472" s="14"/>
      <c r="C472" s="14"/>
      <c r="D472" s="14"/>
      <c r="E472" s="14"/>
      <c r="F472" s="14"/>
      <c r="G472" s="14"/>
      <c r="H472" s="10"/>
      <c r="I472" s="10"/>
      <c r="L472" s="175"/>
      <c r="M472" s="175"/>
      <c r="N472" s="175"/>
      <c r="O472" s="175"/>
      <c r="P472" s="175"/>
      <c r="Q472" s="175"/>
      <c r="R472" s="8"/>
      <c r="S472" s="8"/>
      <c r="T472" s="8"/>
      <c r="U472" s="8"/>
      <c r="V472" s="8"/>
    </row>
    <row r="473" spans="1:71" ht="34.5" customHeight="1">
      <c r="A473" s="178"/>
      <c r="B473" s="14"/>
      <c r="C473" s="3"/>
      <c r="D473" s="3"/>
      <c r="F473" s="3"/>
      <c r="G473" s="3"/>
      <c r="H473" s="214"/>
      <c r="I473" s="214"/>
      <c r="J473" s="63" t="s">
        <v>81</v>
      </c>
      <c r="K473" s="136"/>
      <c r="L473" s="245" t="str">
        <f t="shared" ref="L473:AQ473" si="60">IF(ISBLANK(L$390),"",L$390)</f>
        <v>4階病棟</v>
      </c>
      <c r="M473" s="249" t="str">
        <f t="shared" si="60"/>
        <v>回復期リハビリテーション病棟</v>
      </c>
      <c r="N473" s="247" t="str">
        <f t="shared" si="60"/>
        <v>地域包括ケア病棟</v>
      </c>
      <c r="O473" s="247" t="str">
        <f t="shared" si="60"/>
        <v>特殊疾患病棟</v>
      </c>
      <c r="P473" s="247" t="str">
        <f t="shared" si="60"/>
        <v>療養病棟2階</v>
      </c>
      <c r="Q473" s="247" t="str">
        <f t="shared" si="60"/>
        <v/>
      </c>
      <c r="R473" s="247" t="str">
        <f t="shared" si="60"/>
        <v/>
      </c>
      <c r="S473" s="247" t="str">
        <f t="shared" si="60"/>
        <v/>
      </c>
      <c r="T473" s="247" t="str">
        <f t="shared" si="60"/>
        <v/>
      </c>
      <c r="U473" s="247" t="str">
        <f t="shared" si="60"/>
        <v/>
      </c>
      <c r="V473" s="247" t="str">
        <f t="shared" si="60"/>
        <v/>
      </c>
      <c r="W473" s="247" t="str">
        <f t="shared" si="60"/>
        <v/>
      </c>
      <c r="X473" s="247" t="str">
        <f t="shared" si="60"/>
        <v/>
      </c>
      <c r="Y473" s="247" t="str">
        <f t="shared" si="60"/>
        <v/>
      </c>
      <c r="Z473" s="247" t="str">
        <f t="shared" si="60"/>
        <v/>
      </c>
      <c r="AA473" s="247" t="str">
        <f t="shared" si="60"/>
        <v/>
      </c>
      <c r="AB473" s="247" t="str">
        <f t="shared" si="60"/>
        <v/>
      </c>
      <c r="AC473" s="247" t="str">
        <f t="shared" si="60"/>
        <v/>
      </c>
      <c r="AD473" s="247" t="str">
        <f t="shared" si="60"/>
        <v/>
      </c>
      <c r="AE473" s="247" t="str">
        <f t="shared" si="60"/>
        <v/>
      </c>
      <c r="AF473" s="247" t="str">
        <f t="shared" si="60"/>
        <v/>
      </c>
      <c r="AG473" s="247" t="str">
        <f t="shared" si="60"/>
        <v/>
      </c>
      <c r="AH473" s="247" t="str">
        <f t="shared" si="60"/>
        <v/>
      </c>
      <c r="AI473" s="247" t="str">
        <f t="shared" si="60"/>
        <v/>
      </c>
      <c r="AJ473" s="247" t="str">
        <f t="shared" si="60"/>
        <v/>
      </c>
      <c r="AK473" s="247" t="str">
        <f t="shared" si="60"/>
        <v/>
      </c>
      <c r="AL473" s="247" t="str">
        <f t="shared" si="60"/>
        <v/>
      </c>
      <c r="AM473" s="247" t="str">
        <f t="shared" si="60"/>
        <v/>
      </c>
      <c r="AN473" s="247" t="str">
        <f t="shared" si="60"/>
        <v/>
      </c>
      <c r="AO473" s="247" t="str">
        <f t="shared" si="60"/>
        <v/>
      </c>
      <c r="AP473" s="247" t="str">
        <f t="shared" si="60"/>
        <v/>
      </c>
      <c r="AQ473" s="247" t="str">
        <f t="shared" si="60"/>
        <v/>
      </c>
      <c r="AR473" s="247" t="str">
        <f t="shared" ref="AR473:BS473" si="61">IF(ISBLANK(AR$390),"",AR$390)</f>
        <v/>
      </c>
      <c r="AS473" s="247" t="str">
        <f t="shared" si="61"/>
        <v/>
      </c>
      <c r="AT473" s="247" t="str">
        <f t="shared" si="61"/>
        <v/>
      </c>
      <c r="AU473" s="247" t="str">
        <f t="shared" si="61"/>
        <v/>
      </c>
      <c r="AV473" s="247" t="str">
        <f t="shared" si="61"/>
        <v/>
      </c>
      <c r="AW473" s="247" t="str">
        <f t="shared" si="61"/>
        <v/>
      </c>
      <c r="AX473" s="247" t="str">
        <f t="shared" si="61"/>
        <v/>
      </c>
      <c r="AY473" s="247" t="str">
        <f t="shared" si="61"/>
        <v/>
      </c>
      <c r="AZ473" s="247" t="str">
        <f t="shared" si="61"/>
        <v/>
      </c>
      <c r="BA473" s="247" t="str">
        <f t="shared" si="61"/>
        <v/>
      </c>
      <c r="BB473" s="247" t="str">
        <f t="shared" si="61"/>
        <v/>
      </c>
      <c r="BC473" s="247" t="str">
        <f t="shared" si="61"/>
        <v/>
      </c>
      <c r="BD473" s="247" t="str">
        <f t="shared" si="61"/>
        <v/>
      </c>
      <c r="BE473" s="247" t="str">
        <f t="shared" si="61"/>
        <v/>
      </c>
      <c r="BF473" s="247" t="str">
        <f t="shared" si="61"/>
        <v/>
      </c>
      <c r="BG473" s="247" t="str">
        <f t="shared" si="61"/>
        <v/>
      </c>
      <c r="BH473" s="247" t="str">
        <f t="shared" si="61"/>
        <v/>
      </c>
      <c r="BI473" s="247" t="str">
        <f t="shared" si="61"/>
        <v/>
      </c>
      <c r="BJ473" s="247" t="str">
        <f t="shared" si="61"/>
        <v/>
      </c>
      <c r="BK473" s="247" t="str">
        <f t="shared" si="61"/>
        <v/>
      </c>
      <c r="BL473" s="247" t="str">
        <f t="shared" si="61"/>
        <v/>
      </c>
      <c r="BM473" s="247" t="str">
        <f t="shared" si="61"/>
        <v/>
      </c>
      <c r="BN473" s="247" t="str">
        <f t="shared" si="61"/>
        <v/>
      </c>
      <c r="BO473" s="247" t="str">
        <f t="shared" si="61"/>
        <v/>
      </c>
      <c r="BP473" s="247" t="str">
        <f t="shared" si="61"/>
        <v/>
      </c>
      <c r="BQ473" s="247" t="str">
        <f t="shared" si="61"/>
        <v/>
      </c>
      <c r="BR473" s="247" t="str">
        <f t="shared" si="61"/>
        <v/>
      </c>
      <c r="BS473" s="247" t="str">
        <f t="shared" si="61"/>
        <v/>
      </c>
    </row>
    <row r="474" spans="1:71" ht="20.25" customHeight="1">
      <c r="A474" s="178"/>
      <c r="B474" s="1"/>
      <c r="C474" s="52"/>
      <c r="D474" s="3"/>
      <c r="F474" s="3"/>
      <c r="G474" s="3"/>
      <c r="H474" s="214"/>
      <c r="I474" s="56" t="s">
        <v>82</v>
      </c>
      <c r="J474" s="57"/>
      <c r="K474" s="137"/>
      <c r="L474" s="59" t="str">
        <f t="shared" ref="L474:AQ474" si="62">IF(ISBLANK(L$391),"",L$391)</f>
        <v>-</v>
      </c>
      <c r="M474" s="250" t="str">
        <f t="shared" si="62"/>
        <v>-</v>
      </c>
      <c r="N474" s="59" t="str">
        <f t="shared" si="62"/>
        <v>-</v>
      </c>
      <c r="O474" s="59" t="str">
        <f t="shared" si="62"/>
        <v>-</v>
      </c>
      <c r="P474" s="59" t="str">
        <f t="shared" si="62"/>
        <v>-</v>
      </c>
      <c r="Q474" s="59" t="str">
        <f t="shared" si="62"/>
        <v/>
      </c>
      <c r="R474" s="59" t="str">
        <f t="shared" si="62"/>
        <v/>
      </c>
      <c r="S474" s="59" t="str">
        <f t="shared" si="62"/>
        <v/>
      </c>
      <c r="T474" s="59" t="str">
        <f t="shared" si="62"/>
        <v/>
      </c>
      <c r="U474" s="59" t="str">
        <f t="shared" si="62"/>
        <v/>
      </c>
      <c r="V474" s="59" t="str">
        <f t="shared" si="62"/>
        <v/>
      </c>
      <c r="W474" s="59" t="str">
        <f t="shared" si="62"/>
        <v/>
      </c>
      <c r="X474" s="59" t="str">
        <f t="shared" si="62"/>
        <v/>
      </c>
      <c r="Y474" s="59" t="str">
        <f t="shared" si="62"/>
        <v/>
      </c>
      <c r="Z474" s="59" t="str">
        <f t="shared" si="62"/>
        <v/>
      </c>
      <c r="AA474" s="59" t="str">
        <f t="shared" si="62"/>
        <v/>
      </c>
      <c r="AB474" s="59" t="str">
        <f t="shared" si="62"/>
        <v/>
      </c>
      <c r="AC474" s="59" t="str">
        <f t="shared" si="62"/>
        <v/>
      </c>
      <c r="AD474" s="59" t="str">
        <f t="shared" si="62"/>
        <v/>
      </c>
      <c r="AE474" s="59" t="str">
        <f t="shared" si="62"/>
        <v/>
      </c>
      <c r="AF474" s="59" t="str">
        <f t="shared" si="62"/>
        <v/>
      </c>
      <c r="AG474" s="59" t="str">
        <f t="shared" si="62"/>
        <v/>
      </c>
      <c r="AH474" s="59" t="str">
        <f t="shared" si="62"/>
        <v/>
      </c>
      <c r="AI474" s="59" t="str">
        <f t="shared" si="62"/>
        <v/>
      </c>
      <c r="AJ474" s="59" t="str">
        <f t="shared" si="62"/>
        <v/>
      </c>
      <c r="AK474" s="59" t="str">
        <f t="shared" si="62"/>
        <v/>
      </c>
      <c r="AL474" s="59" t="str">
        <f t="shared" si="62"/>
        <v/>
      </c>
      <c r="AM474" s="59" t="str">
        <f t="shared" si="62"/>
        <v/>
      </c>
      <c r="AN474" s="59" t="str">
        <f t="shared" si="62"/>
        <v/>
      </c>
      <c r="AO474" s="59" t="str">
        <f t="shared" si="62"/>
        <v/>
      </c>
      <c r="AP474" s="59" t="str">
        <f t="shared" si="62"/>
        <v/>
      </c>
      <c r="AQ474" s="59" t="str">
        <f t="shared" si="62"/>
        <v/>
      </c>
      <c r="AR474" s="59" t="str">
        <f t="shared" ref="AR474:BS474" si="63">IF(ISBLANK(AR$391),"",AR$391)</f>
        <v/>
      </c>
      <c r="AS474" s="59" t="str">
        <f t="shared" si="63"/>
        <v/>
      </c>
      <c r="AT474" s="59" t="str">
        <f t="shared" si="63"/>
        <v/>
      </c>
      <c r="AU474" s="59" t="str">
        <f t="shared" si="63"/>
        <v/>
      </c>
      <c r="AV474" s="59" t="str">
        <f t="shared" si="63"/>
        <v/>
      </c>
      <c r="AW474" s="59" t="str">
        <f t="shared" si="63"/>
        <v/>
      </c>
      <c r="AX474" s="59" t="str">
        <f t="shared" si="63"/>
        <v/>
      </c>
      <c r="AY474" s="59" t="str">
        <f t="shared" si="63"/>
        <v/>
      </c>
      <c r="AZ474" s="59" t="str">
        <f t="shared" si="63"/>
        <v/>
      </c>
      <c r="BA474" s="59" t="str">
        <f t="shared" si="63"/>
        <v/>
      </c>
      <c r="BB474" s="59" t="str">
        <f t="shared" si="63"/>
        <v/>
      </c>
      <c r="BC474" s="59" t="str">
        <f t="shared" si="63"/>
        <v/>
      </c>
      <c r="BD474" s="59" t="str">
        <f t="shared" si="63"/>
        <v/>
      </c>
      <c r="BE474" s="59" t="str">
        <f t="shared" si="63"/>
        <v/>
      </c>
      <c r="BF474" s="59" t="str">
        <f t="shared" si="63"/>
        <v/>
      </c>
      <c r="BG474" s="59" t="str">
        <f t="shared" si="63"/>
        <v/>
      </c>
      <c r="BH474" s="59" t="str">
        <f t="shared" si="63"/>
        <v/>
      </c>
      <c r="BI474" s="59" t="str">
        <f t="shared" si="63"/>
        <v/>
      </c>
      <c r="BJ474" s="59" t="str">
        <f t="shared" si="63"/>
        <v/>
      </c>
      <c r="BK474" s="59" t="str">
        <f t="shared" si="63"/>
        <v/>
      </c>
      <c r="BL474" s="59" t="str">
        <f t="shared" si="63"/>
        <v/>
      </c>
      <c r="BM474" s="59" t="str">
        <f t="shared" si="63"/>
        <v/>
      </c>
      <c r="BN474" s="59" t="str">
        <f t="shared" si="63"/>
        <v/>
      </c>
      <c r="BO474" s="59" t="str">
        <f t="shared" si="63"/>
        <v/>
      </c>
      <c r="BP474" s="59" t="str">
        <f t="shared" si="63"/>
        <v/>
      </c>
      <c r="BQ474" s="59" t="str">
        <f t="shared" si="63"/>
        <v/>
      </c>
      <c r="BR474" s="59" t="str">
        <f t="shared" si="63"/>
        <v/>
      </c>
      <c r="BS474" s="59" t="str">
        <f t="shared" si="63"/>
        <v/>
      </c>
    </row>
    <row r="475" spans="1:71" ht="34.5" customHeight="1">
      <c r="A475" s="186" t="s">
        <v>445</v>
      </c>
      <c r="B475" s="1"/>
      <c r="C475" s="289" t="s">
        <v>446</v>
      </c>
      <c r="D475" s="295"/>
      <c r="E475" s="295"/>
      <c r="F475" s="295"/>
      <c r="G475" s="295"/>
      <c r="H475" s="290"/>
      <c r="I475" s="313" t="s">
        <v>447</v>
      </c>
      <c r="J475" s="93">
        <f>IF(SUM(L475:BS475)=0,IF(COUNTIF(L475:BS475,"未確認")&gt;0,"未確認",IF(COUNTIF(L475:BS475,"~*")&gt;0,"*",SUM(L475:BS475))),SUM(L475:BS475))</f>
        <v>237</v>
      </c>
      <c r="K475" s="152" t="str">
        <f t="shared" ref="K475:K482" si="64">IF(OR(COUNTIF(L475:BS475,"未確認")&gt;0,COUNTIF(L475:BS475,"*")&gt;0),"※","")</f>
        <v>※</v>
      </c>
      <c r="L475" s="94">
        <v>237</v>
      </c>
      <c r="M475" s="259">
        <v>0</v>
      </c>
      <c r="N475" s="259" t="s">
        <v>382</v>
      </c>
      <c r="O475" s="259">
        <v>0</v>
      </c>
      <c r="P475" s="259" t="s">
        <v>382</v>
      </c>
      <c r="Q475" s="259"/>
      <c r="R475" s="259"/>
      <c r="S475" s="259"/>
      <c r="T475" s="259"/>
      <c r="U475" s="259"/>
      <c r="V475" s="259"/>
      <c r="W475" s="259"/>
      <c r="X475" s="259"/>
      <c r="Y475" s="259"/>
      <c r="Z475" s="259"/>
      <c r="AA475" s="259"/>
      <c r="AB475" s="259"/>
      <c r="AC475" s="259"/>
      <c r="AD475" s="259"/>
      <c r="AE475" s="259"/>
      <c r="AF475" s="259"/>
      <c r="AG475" s="259"/>
      <c r="AH475" s="259"/>
      <c r="AI475" s="259"/>
      <c r="AJ475" s="259"/>
      <c r="AK475" s="259"/>
      <c r="AL475" s="259"/>
      <c r="AM475" s="259"/>
      <c r="AN475" s="259"/>
      <c r="AO475" s="259"/>
      <c r="AP475" s="259"/>
      <c r="AQ475" s="259"/>
      <c r="AR475" s="259"/>
      <c r="AS475" s="259"/>
      <c r="AT475" s="259"/>
      <c r="AU475" s="259"/>
      <c r="AV475" s="259"/>
      <c r="AW475" s="259"/>
      <c r="AX475" s="259"/>
      <c r="AY475" s="259"/>
      <c r="AZ475" s="259"/>
      <c r="BA475" s="259"/>
      <c r="BB475" s="259"/>
      <c r="BC475" s="259"/>
      <c r="BD475" s="259"/>
      <c r="BE475" s="259"/>
      <c r="BF475" s="259"/>
      <c r="BG475" s="259"/>
      <c r="BH475" s="259"/>
      <c r="BI475" s="259"/>
      <c r="BJ475" s="259"/>
      <c r="BK475" s="259"/>
      <c r="BL475" s="259"/>
      <c r="BM475" s="259"/>
      <c r="BN475" s="259"/>
      <c r="BO475" s="259"/>
      <c r="BP475" s="259"/>
      <c r="BQ475" s="259"/>
      <c r="BR475" s="259"/>
      <c r="BS475" s="259"/>
    </row>
    <row r="476" spans="1:71" ht="34.5" customHeight="1">
      <c r="A476" s="186" t="s">
        <v>448</v>
      </c>
      <c r="B476" s="1"/>
      <c r="C476" s="153"/>
      <c r="D476" s="379" t="s">
        <v>449</v>
      </c>
      <c r="E476" s="274" t="s">
        <v>450</v>
      </c>
      <c r="F476" s="275"/>
      <c r="G476" s="275"/>
      <c r="H476" s="276"/>
      <c r="I476" s="317"/>
      <c r="J476" s="93" t="str">
        <f t="shared" ref="J476:J503" si="65">IF(SUM(L476:BS476)=0,IF(COUNTIF(L476:BS476,"未確認")&gt;0,"未確認",IF(COUNTIF(L476:BS476,"~*")&gt;0,"*",SUM(L476:BS476))),SUM(L476:BS476))</f>
        <v>*</v>
      </c>
      <c r="K476" s="152" t="str">
        <f t="shared" si="64"/>
        <v>※</v>
      </c>
      <c r="L476" s="94" t="s">
        <v>382</v>
      </c>
      <c r="M476" s="259">
        <v>0</v>
      </c>
      <c r="N476" s="259" t="s">
        <v>382</v>
      </c>
      <c r="O476" s="259">
        <v>0</v>
      </c>
      <c r="P476" s="259" t="s">
        <v>382</v>
      </c>
      <c r="Q476" s="259"/>
      <c r="R476" s="259"/>
      <c r="S476" s="259"/>
      <c r="T476" s="259"/>
      <c r="U476" s="259"/>
      <c r="V476" s="259"/>
      <c r="W476" s="259"/>
      <c r="X476" s="259"/>
      <c r="Y476" s="259"/>
      <c r="Z476" s="259"/>
      <c r="AA476" s="259"/>
      <c r="AB476" s="259"/>
      <c r="AC476" s="259"/>
      <c r="AD476" s="259"/>
      <c r="AE476" s="259"/>
      <c r="AF476" s="259"/>
      <c r="AG476" s="259"/>
      <c r="AH476" s="259"/>
      <c r="AI476" s="259"/>
      <c r="AJ476" s="259"/>
      <c r="AK476" s="259"/>
      <c r="AL476" s="259"/>
      <c r="AM476" s="259"/>
      <c r="AN476" s="259"/>
      <c r="AO476" s="259"/>
      <c r="AP476" s="259"/>
      <c r="AQ476" s="259"/>
      <c r="AR476" s="259"/>
      <c r="AS476" s="259"/>
      <c r="AT476" s="259"/>
      <c r="AU476" s="259"/>
      <c r="AV476" s="259"/>
      <c r="AW476" s="259"/>
      <c r="AX476" s="259"/>
      <c r="AY476" s="259"/>
      <c r="AZ476" s="259"/>
      <c r="BA476" s="259"/>
      <c r="BB476" s="259"/>
      <c r="BC476" s="259"/>
      <c r="BD476" s="259"/>
      <c r="BE476" s="259"/>
      <c r="BF476" s="259"/>
      <c r="BG476" s="259"/>
      <c r="BH476" s="259"/>
      <c r="BI476" s="259"/>
      <c r="BJ476" s="259"/>
      <c r="BK476" s="259"/>
      <c r="BL476" s="259"/>
      <c r="BM476" s="259"/>
      <c r="BN476" s="259"/>
      <c r="BO476" s="259"/>
      <c r="BP476" s="259"/>
      <c r="BQ476" s="259"/>
      <c r="BR476" s="259"/>
      <c r="BS476" s="259"/>
    </row>
    <row r="477" spans="1:71" ht="34.5" customHeight="1">
      <c r="A477" s="186" t="s">
        <v>451</v>
      </c>
      <c r="B477" s="1"/>
      <c r="C477" s="153"/>
      <c r="D477" s="380"/>
      <c r="E477" s="274" t="s">
        <v>452</v>
      </c>
      <c r="F477" s="275"/>
      <c r="G477" s="275"/>
      <c r="H477" s="276"/>
      <c r="I477" s="317"/>
      <c r="J477" s="93" t="str">
        <f t="shared" si="65"/>
        <v>*</v>
      </c>
      <c r="K477" s="152" t="str">
        <f t="shared" si="64"/>
        <v>※</v>
      </c>
      <c r="L477" s="94" t="s">
        <v>382</v>
      </c>
      <c r="M477" s="259">
        <v>0</v>
      </c>
      <c r="N477" s="259">
        <v>0</v>
      </c>
      <c r="O477" s="259">
        <v>0</v>
      </c>
      <c r="P477" s="259" t="s">
        <v>382</v>
      </c>
      <c r="Q477" s="259"/>
      <c r="R477" s="259"/>
      <c r="S477" s="259"/>
      <c r="T477" s="259"/>
      <c r="U477" s="259"/>
      <c r="V477" s="259"/>
      <c r="W477" s="259"/>
      <c r="X477" s="259"/>
      <c r="Y477" s="259"/>
      <c r="Z477" s="259"/>
      <c r="AA477" s="259"/>
      <c r="AB477" s="259"/>
      <c r="AC477" s="259"/>
      <c r="AD477" s="259"/>
      <c r="AE477" s="259"/>
      <c r="AF477" s="259"/>
      <c r="AG477" s="259"/>
      <c r="AH477" s="259"/>
      <c r="AI477" s="259"/>
      <c r="AJ477" s="259"/>
      <c r="AK477" s="259"/>
      <c r="AL477" s="259"/>
      <c r="AM477" s="259"/>
      <c r="AN477" s="259"/>
      <c r="AO477" s="259"/>
      <c r="AP477" s="259"/>
      <c r="AQ477" s="259"/>
      <c r="AR477" s="259"/>
      <c r="AS477" s="259"/>
      <c r="AT477" s="259"/>
      <c r="AU477" s="259"/>
      <c r="AV477" s="259"/>
      <c r="AW477" s="259"/>
      <c r="AX477" s="259"/>
      <c r="AY477" s="259"/>
      <c r="AZ477" s="259"/>
      <c r="BA477" s="259"/>
      <c r="BB477" s="259"/>
      <c r="BC477" s="259"/>
      <c r="BD477" s="259"/>
      <c r="BE477" s="259"/>
      <c r="BF477" s="259"/>
      <c r="BG477" s="259"/>
      <c r="BH477" s="259"/>
      <c r="BI477" s="259"/>
      <c r="BJ477" s="259"/>
      <c r="BK477" s="259"/>
      <c r="BL477" s="259"/>
      <c r="BM477" s="259"/>
      <c r="BN477" s="259"/>
      <c r="BO477" s="259"/>
      <c r="BP477" s="259"/>
      <c r="BQ477" s="259"/>
      <c r="BR477" s="259"/>
      <c r="BS477" s="259"/>
    </row>
    <row r="478" spans="1:71" ht="34.5" customHeight="1">
      <c r="A478" s="186" t="s">
        <v>453</v>
      </c>
      <c r="B478" s="1"/>
      <c r="C478" s="153"/>
      <c r="D478" s="380"/>
      <c r="E478" s="274" t="s">
        <v>454</v>
      </c>
      <c r="F478" s="275"/>
      <c r="G478" s="275"/>
      <c r="H478" s="276"/>
      <c r="I478" s="317"/>
      <c r="J478" s="93" t="str">
        <f t="shared" si="65"/>
        <v>*</v>
      </c>
      <c r="K478" s="152" t="str">
        <f t="shared" si="64"/>
        <v>※</v>
      </c>
      <c r="L478" s="94" t="s">
        <v>382</v>
      </c>
      <c r="M478" s="259">
        <v>0</v>
      </c>
      <c r="N478" s="259">
        <v>0</v>
      </c>
      <c r="O478" s="259">
        <v>0</v>
      </c>
      <c r="P478" s="259">
        <v>0</v>
      </c>
      <c r="Q478" s="259"/>
      <c r="R478" s="259"/>
      <c r="S478" s="259"/>
      <c r="T478" s="259"/>
      <c r="U478" s="259"/>
      <c r="V478" s="259"/>
      <c r="W478" s="259"/>
      <c r="X478" s="259"/>
      <c r="Y478" s="259"/>
      <c r="Z478" s="259"/>
      <c r="AA478" s="259"/>
      <c r="AB478" s="259"/>
      <c r="AC478" s="259"/>
      <c r="AD478" s="259"/>
      <c r="AE478" s="259"/>
      <c r="AF478" s="259"/>
      <c r="AG478" s="259"/>
      <c r="AH478" s="259"/>
      <c r="AI478" s="259"/>
      <c r="AJ478" s="259"/>
      <c r="AK478" s="259"/>
      <c r="AL478" s="259"/>
      <c r="AM478" s="259"/>
      <c r="AN478" s="259"/>
      <c r="AO478" s="259"/>
      <c r="AP478" s="259"/>
      <c r="AQ478" s="259"/>
      <c r="AR478" s="259"/>
      <c r="AS478" s="259"/>
      <c r="AT478" s="259"/>
      <c r="AU478" s="259"/>
      <c r="AV478" s="259"/>
      <c r="AW478" s="259"/>
      <c r="AX478" s="259"/>
      <c r="AY478" s="259"/>
      <c r="AZ478" s="259"/>
      <c r="BA478" s="259"/>
      <c r="BB478" s="259"/>
      <c r="BC478" s="259"/>
      <c r="BD478" s="259"/>
      <c r="BE478" s="259"/>
      <c r="BF478" s="259"/>
      <c r="BG478" s="259"/>
      <c r="BH478" s="259"/>
      <c r="BI478" s="259"/>
      <c r="BJ478" s="259"/>
      <c r="BK478" s="259"/>
      <c r="BL478" s="259"/>
      <c r="BM478" s="259"/>
      <c r="BN478" s="259"/>
      <c r="BO478" s="259"/>
      <c r="BP478" s="259"/>
      <c r="BQ478" s="259"/>
      <c r="BR478" s="259"/>
      <c r="BS478" s="259"/>
    </row>
    <row r="479" spans="1:71" ht="34.5" customHeight="1">
      <c r="A479" s="186" t="s">
        <v>455</v>
      </c>
      <c r="B479" s="1"/>
      <c r="C479" s="153"/>
      <c r="D479" s="380"/>
      <c r="E479" s="274" t="s">
        <v>456</v>
      </c>
      <c r="F479" s="275"/>
      <c r="G479" s="275"/>
      <c r="H479" s="276"/>
      <c r="I479" s="317"/>
      <c r="J479" s="93" t="str">
        <f t="shared" si="65"/>
        <v>*</v>
      </c>
      <c r="K479" s="152" t="str">
        <f t="shared" si="64"/>
        <v>※</v>
      </c>
      <c r="L479" s="94">
        <v>0</v>
      </c>
      <c r="M479" s="259">
        <v>0</v>
      </c>
      <c r="N479" s="259" t="s">
        <v>382</v>
      </c>
      <c r="O479" s="259">
        <v>0</v>
      </c>
      <c r="P479" s="259">
        <v>0</v>
      </c>
      <c r="Q479" s="259"/>
      <c r="R479" s="259"/>
      <c r="S479" s="259"/>
      <c r="T479" s="259"/>
      <c r="U479" s="259"/>
      <c r="V479" s="259"/>
      <c r="W479" s="259"/>
      <c r="X479" s="259"/>
      <c r="Y479" s="259"/>
      <c r="Z479" s="259"/>
      <c r="AA479" s="259"/>
      <c r="AB479" s="259"/>
      <c r="AC479" s="259"/>
      <c r="AD479" s="259"/>
      <c r="AE479" s="259"/>
      <c r="AF479" s="259"/>
      <c r="AG479" s="259"/>
      <c r="AH479" s="259"/>
      <c r="AI479" s="259"/>
      <c r="AJ479" s="259"/>
      <c r="AK479" s="259"/>
      <c r="AL479" s="259"/>
      <c r="AM479" s="259"/>
      <c r="AN479" s="259"/>
      <c r="AO479" s="259"/>
      <c r="AP479" s="259"/>
      <c r="AQ479" s="259"/>
      <c r="AR479" s="259"/>
      <c r="AS479" s="259"/>
      <c r="AT479" s="259"/>
      <c r="AU479" s="259"/>
      <c r="AV479" s="259"/>
      <c r="AW479" s="259"/>
      <c r="AX479" s="259"/>
      <c r="AY479" s="259"/>
      <c r="AZ479" s="259"/>
      <c r="BA479" s="259"/>
      <c r="BB479" s="259"/>
      <c r="BC479" s="259"/>
      <c r="BD479" s="259"/>
      <c r="BE479" s="259"/>
      <c r="BF479" s="259"/>
      <c r="BG479" s="259"/>
      <c r="BH479" s="259"/>
      <c r="BI479" s="259"/>
      <c r="BJ479" s="259"/>
      <c r="BK479" s="259"/>
      <c r="BL479" s="259"/>
      <c r="BM479" s="259"/>
      <c r="BN479" s="259"/>
      <c r="BO479" s="259"/>
      <c r="BP479" s="259"/>
      <c r="BQ479" s="259"/>
      <c r="BR479" s="259"/>
      <c r="BS479" s="259"/>
    </row>
    <row r="480" spans="1:71" ht="34.5" customHeight="1">
      <c r="A480" s="186" t="s">
        <v>457</v>
      </c>
      <c r="B480" s="1"/>
      <c r="C480" s="153"/>
      <c r="D480" s="380"/>
      <c r="E480" s="274" t="s">
        <v>458</v>
      </c>
      <c r="F480" s="275"/>
      <c r="G480" s="275"/>
      <c r="H480" s="276"/>
      <c r="I480" s="317"/>
      <c r="J480" s="93" t="str">
        <f t="shared" si="65"/>
        <v>*</v>
      </c>
      <c r="K480" s="152" t="str">
        <f t="shared" si="64"/>
        <v>※</v>
      </c>
      <c r="L480" s="94" t="s">
        <v>382</v>
      </c>
      <c r="M480" s="259">
        <v>0</v>
      </c>
      <c r="N480" s="259">
        <v>0</v>
      </c>
      <c r="O480" s="259">
        <v>0</v>
      </c>
      <c r="P480" s="259">
        <v>0</v>
      </c>
      <c r="Q480" s="259"/>
      <c r="R480" s="259"/>
      <c r="S480" s="259"/>
      <c r="T480" s="259"/>
      <c r="U480" s="259"/>
      <c r="V480" s="259"/>
      <c r="W480" s="259"/>
      <c r="X480" s="259"/>
      <c r="Y480" s="259"/>
      <c r="Z480" s="259"/>
      <c r="AA480" s="259"/>
      <c r="AB480" s="259"/>
      <c r="AC480" s="259"/>
      <c r="AD480" s="259"/>
      <c r="AE480" s="259"/>
      <c r="AF480" s="259"/>
      <c r="AG480" s="259"/>
      <c r="AH480" s="259"/>
      <c r="AI480" s="259"/>
      <c r="AJ480" s="259"/>
      <c r="AK480" s="259"/>
      <c r="AL480" s="259"/>
      <c r="AM480" s="259"/>
      <c r="AN480" s="259"/>
      <c r="AO480" s="259"/>
      <c r="AP480" s="259"/>
      <c r="AQ480" s="259"/>
      <c r="AR480" s="259"/>
      <c r="AS480" s="259"/>
      <c r="AT480" s="259"/>
      <c r="AU480" s="259"/>
      <c r="AV480" s="259"/>
      <c r="AW480" s="259"/>
      <c r="AX480" s="259"/>
      <c r="AY480" s="259"/>
      <c r="AZ480" s="259"/>
      <c r="BA480" s="259"/>
      <c r="BB480" s="259"/>
      <c r="BC480" s="259"/>
      <c r="BD480" s="259"/>
      <c r="BE480" s="259"/>
      <c r="BF480" s="259"/>
      <c r="BG480" s="259"/>
      <c r="BH480" s="259"/>
      <c r="BI480" s="259"/>
      <c r="BJ480" s="259"/>
      <c r="BK480" s="259"/>
      <c r="BL480" s="259"/>
      <c r="BM480" s="259"/>
      <c r="BN480" s="259"/>
      <c r="BO480" s="259"/>
      <c r="BP480" s="259"/>
      <c r="BQ480" s="259"/>
      <c r="BR480" s="259"/>
      <c r="BS480" s="259"/>
    </row>
    <row r="481" spans="1:71" ht="34.5" customHeight="1">
      <c r="A481" s="186" t="s">
        <v>459</v>
      </c>
      <c r="B481" s="1"/>
      <c r="C481" s="153"/>
      <c r="D481" s="380"/>
      <c r="E481" s="274" t="s">
        <v>460</v>
      </c>
      <c r="F481" s="275"/>
      <c r="G481" s="275"/>
      <c r="H481" s="276"/>
      <c r="I481" s="317"/>
      <c r="J481" s="93">
        <f t="shared" si="65"/>
        <v>0</v>
      </c>
      <c r="K481" s="152" t="str">
        <f t="shared" si="64"/>
        <v/>
      </c>
      <c r="L481" s="94">
        <v>0</v>
      </c>
      <c r="M481" s="259">
        <v>0</v>
      </c>
      <c r="N481" s="259">
        <v>0</v>
      </c>
      <c r="O481" s="259">
        <v>0</v>
      </c>
      <c r="P481" s="259">
        <v>0</v>
      </c>
      <c r="Q481" s="259"/>
      <c r="R481" s="259"/>
      <c r="S481" s="259"/>
      <c r="T481" s="259"/>
      <c r="U481" s="259"/>
      <c r="V481" s="259"/>
      <c r="W481" s="259"/>
      <c r="X481" s="259"/>
      <c r="Y481" s="259"/>
      <c r="Z481" s="259"/>
      <c r="AA481" s="259"/>
      <c r="AB481" s="259"/>
      <c r="AC481" s="259"/>
      <c r="AD481" s="259"/>
      <c r="AE481" s="259"/>
      <c r="AF481" s="259"/>
      <c r="AG481" s="259"/>
      <c r="AH481" s="259"/>
      <c r="AI481" s="259"/>
      <c r="AJ481" s="259"/>
      <c r="AK481" s="259"/>
      <c r="AL481" s="259"/>
      <c r="AM481" s="259"/>
      <c r="AN481" s="259"/>
      <c r="AO481" s="259"/>
      <c r="AP481" s="259"/>
      <c r="AQ481" s="259"/>
      <c r="AR481" s="259"/>
      <c r="AS481" s="259"/>
      <c r="AT481" s="259"/>
      <c r="AU481" s="259"/>
      <c r="AV481" s="259"/>
      <c r="AW481" s="259"/>
      <c r="AX481" s="259"/>
      <c r="AY481" s="259"/>
      <c r="AZ481" s="259"/>
      <c r="BA481" s="259"/>
      <c r="BB481" s="259"/>
      <c r="BC481" s="259"/>
      <c r="BD481" s="259"/>
      <c r="BE481" s="259"/>
      <c r="BF481" s="259"/>
      <c r="BG481" s="259"/>
      <c r="BH481" s="259"/>
      <c r="BI481" s="259"/>
      <c r="BJ481" s="259"/>
      <c r="BK481" s="259"/>
      <c r="BL481" s="259"/>
      <c r="BM481" s="259"/>
      <c r="BN481" s="259"/>
      <c r="BO481" s="259"/>
      <c r="BP481" s="259"/>
      <c r="BQ481" s="259"/>
      <c r="BR481" s="259"/>
      <c r="BS481" s="259"/>
    </row>
    <row r="482" spans="1:71" ht="34.5" customHeight="1">
      <c r="A482" s="186" t="s">
        <v>461</v>
      </c>
      <c r="B482" s="1"/>
      <c r="C482" s="153"/>
      <c r="D482" s="380"/>
      <c r="E482" s="274" t="s">
        <v>462</v>
      </c>
      <c r="F482" s="275"/>
      <c r="G482" s="275"/>
      <c r="H482" s="276"/>
      <c r="I482" s="317"/>
      <c r="J482" s="93" t="str">
        <f t="shared" si="65"/>
        <v>*</v>
      </c>
      <c r="K482" s="152" t="str">
        <f t="shared" si="64"/>
        <v>※</v>
      </c>
      <c r="L482" s="94" t="s">
        <v>382</v>
      </c>
      <c r="M482" s="259">
        <v>0</v>
      </c>
      <c r="N482" s="259" t="s">
        <v>382</v>
      </c>
      <c r="O482" s="259">
        <v>0</v>
      </c>
      <c r="P482" s="259">
        <v>0</v>
      </c>
      <c r="Q482" s="259"/>
      <c r="R482" s="259"/>
      <c r="S482" s="259"/>
      <c r="T482" s="259"/>
      <c r="U482" s="259"/>
      <c r="V482" s="259"/>
      <c r="W482" s="259"/>
      <c r="X482" s="259"/>
      <c r="Y482" s="259"/>
      <c r="Z482" s="259"/>
      <c r="AA482" s="259"/>
      <c r="AB482" s="259"/>
      <c r="AC482" s="259"/>
      <c r="AD482" s="259"/>
      <c r="AE482" s="259"/>
      <c r="AF482" s="259"/>
      <c r="AG482" s="259"/>
      <c r="AH482" s="259"/>
      <c r="AI482" s="259"/>
      <c r="AJ482" s="259"/>
      <c r="AK482" s="259"/>
      <c r="AL482" s="259"/>
      <c r="AM482" s="259"/>
      <c r="AN482" s="259"/>
      <c r="AO482" s="259"/>
      <c r="AP482" s="259"/>
      <c r="AQ482" s="259"/>
      <c r="AR482" s="259"/>
      <c r="AS482" s="259"/>
      <c r="AT482" s="259"/>
      <c r="AU482" s="259"/>
      <c r="AV482" s="259"/>
      <c r="AW482" s="259"/>
      <c r="AX482" s="259"/>
      <c r="AY482" s="259"/>
      <c r="AZ482" s="259"/>
      <c r="BA482" s="259"/>
      <c r="BB482" s="259"/>
      <c r="BC482" s="259"/>
      <c r="BD482" s="259"/>
      <c r="BE482" s="259"/>
      <c r="BF482" s="259"/>
      <c r="BG482" s="259"/>
      <c r="BH482" s="259"/>
      <c r="BI482" s="259"/>
      <c r="BJ482" s="259"/>
      <c r="BK482" s="259"/>
      <c r="BL482" s="259"/>
      <c r="BM482" s="259"/>
      <c r="BN482" s="259"/>
      <c r="BO482" s="259"/>
      <c r="BP482" s="259"/>
      <c r="BQ482" s="259"/>
      <c r="BR482" s="259"/>
      <c r="BS482" s="259"/>
    </row>
    <row r="483" spans="1:71" ht="34.5" customHeight="1">
      <c r="A483" s="186" t="s">
        <v>463</v>
      </c>
      <c r="B483" s="1"/>
      <c r="C483" s="153"/>
      <c r="D483" s="380"/>
      <c r="E483" s="274" t="s">
        <v>464</v>
      </c>
      <c r="F483" s="275"/>
      <c r="G483" s="275"/>
      <c r="H483" s="276"/>
      <c r="I483" s="317"/>
      <c r="J483" s="93" t="str">
        <f t="shared" si="65"/>
        <v>*</v>
      </c>
      <c r="K483" s="152" t="str">
        <f>IF(OR(COUNTIF(L483:BS483,"未確認")&gt;0,COUNTIF(L483:BS483,"*")&gt;0),"※","")</f>
        <v>※</v>
      </c>
      <c r="L483" s="94" t="s">
        <v>382</v>
      </c>
      <c r="M483" s="259">
        <v>0</v>
      </c>
      <c r="N483" s="259">
        <v>0</v>
      </c>
      <c r="O483" s="259">
        <v>0</v>
      </c>
      <c r="P483" s="259" t="s">
        <v>382</v>
      </c>
      <c r="Q483" s="259"/>
      <c r="R483" s="259"/>
      <c r="S483" s="259"/>
      <c r="T483" s="259"/>
      <c r="U483" s="259"/>
      <c r="V483" s="259"/>
      <c r="W483" s="259"/>
      <c r="X483" s="259"/>
      <c r="Y483" s="259"/>
      <c r="Z483" s="259"/>
      <c r="AA483" s="259"/>
      <c r="AB483" s="259"/>
      <c r="AC483" s="259"/>
      <c r="AD483" s="259"/>
      <c r="AE483" s="259"/>
      <c r="AF483" s="259"/>
      <c r="AG483" s="259"/>
      <c r="AH483" s="259"/>
      <c r="AI483" s="259"/>
      <c r="AJ483" s="259"/>
      <c r="AK483" s="259"/>
      <c r="AL483" s="259"/>
      <c r="AM483" s="259"/>
      <c r="AN483" s="259"/>
      <c r="AO483" s="259"/>
      <c r="AP483" s="259"/>
      <c r="AQ483" s="259"/>
      <c r="AR483" s="259"/>
      <c r="AS483" s="259"/>
      <c r="AT483" s="259"/>
      <c r="AU483" s="259"/>
      <c r="AV483" s="259"/>
      <c r="AW483" s="259"/>
      <c r="AX483" s="259"/>
      <c r="AY483" s="259"/>
      <c r="AZ483" s="259"/>
      <c r="BA483" s="259"/>
      <c r="BB483" s="259"/>
      <c r="BC483" s="259"/>
      <c r="BD483" s="259"/>
      <c r="BE483" s="259"/>
      <c r="BF483" s="259"/>
      <c r="BG483" s="259"/>
      <c r="BH483" s="259"/>
      <c r="BI483" s="259"/>
      <c r="BJ483" s="259"/>
      <c r="BK483" s="259"/>
      <c r="BL483" s="259"/>
      <c r="BM483" s="259"/>
      <c r="BN483" s="259"/>
      <c r="BO483" s="259"/>
      <c r="BP483" s="259"/>
      <c r="BQ483" s="259"/>
      <c r="BR483" s="259"/>
      <c r="BS483" s="259"/>
    </row>
    <row r="484" spans="1:71" ht="34.5" customHeight="1">
      <c r="A484" s="186" t="s">
        <v>465</v>
      </c>
      <c r="B484" s="1"/>
      <c r="C484" s="153"/>
      <c r="D484" s="380"/>
      <c r="E484" s="274" t="s">
        <v>466</v>
      </c>
      <c r="F484" s="275"/>
      <c r="G484" s="275"/>
      <c r="H484" s="276"/>
      <c r="I484" s="317"/>
      <c r="J484" s="93" t="str">
        <f t="shared" si="65"/>
        <v>*</v>
      </c>
      <c r="K484" s="152" t="str">
        <f t="shared" ref="K484:K503" si="66">IF(OR(COUNTIF(L484:BS484,"未確認")&gt;0,COUNTIF(L484:BS484,"*")&gt;0),"※","")</f>
        <v>※</v>
      </c>
      <c r="L484" s="94" t="s">
        <v>382</v>
      </c>
      <c r="M484" s="259">
        <v>0</v>
      </c>
      <c r="N484" s="259" t="s">
        <v>382</v>
      </c>
      <c r="O484" s="259">
        <v>0</v>
      </c>
      <c r="P484" s="259">
        <v>0</v>
      </c>
      <c r="Q484" s="259"/>
      <c r="R484" s="259"/>
      <c r="S484" s="259"/>
      <c r="T484" s="259"/>
      <c r="U484" s="259"/>
      <c r="V484" s="259"/>
      <c r="W484" s="259"/>
      <c r="X484" s="259"/>
      <c r="Y484" s="259"/>
      <c r="Z484" s="259"/>
      <c r="AA484" s="259"/>
      <c r="AB484" s="259"/>
      <c r="AC484" s="259"/>
      <c r="AD484" s="259"/>
      <c r="AE484" s="259"/>
      <c r="AF484" s="259"/>
      <c r="AG484" s="259"/>
      <c r="AH484" s="259"/>
      <c r="AI484" s="259"/>
      <c r="AJ484" s="259"/>
      <c r="AK484" s="259"/>
      <c r="AL484" s="259"/>
      <c r="AM484" s="259"/>
      <c r="AN484" s="259"/>
      <c r="AO484" s="259"/>
      <c r="AP484" s="259"/>
      <c r="AQ484" s="259"/>
      <c r="AR484" s="259"/>
      <c r="AS484" s="259"/>
      <c r="AT484" s="259"/>
      <c r="AU484" s="259"/>
      <c r="AV484" s="259"/>
      <c r="AW484" s="259"/>
      <c r="AX484" s="259"/>
      <c r="AY484" s="259"/>
      <c r="AZ484" s="259"/>
      <c r="BA484" s="259"/>
      <c r="BB484" s="259"/>
      <c r="BC484" s="259"/>
      <c r="BD484" s="259"/>
      <c r="BE484" s="259"/>
      <c r="BF484" s="259"/>
      <c r="BG484" s="259"/>
      <c r="BH484" s="259"/>
      <c r="BI484" s="259"/>
      <c r="BJ484" s="259"/>
      <c r="BK484" s="259"/>
      <c r="BL484" s="259"/>
      <c r="BM484" s="259"/>
      <c r="BN484" s="259"/>
      <c r="BO484" s="259"/>
      <c r="BP484" s="259"/>
      <c r="BQ484" s="259"/>
      <c r="BR484" s="259"/>
      <c r="BS484" s="259"/>
    </row>
    <row r="485" spans="1:71" ht="34.5" customHeight="1">
      <c r="A485" s="186" t="s">
        <v>467</v>
      </c>
      <c r="B485" s="1"/>
      <c r="C485" s="153"/>
      <c r="D485" s="380"/>
      <c r="E485" s="274" t="s">
        <v>468</v>
      </c>
      <c r="F485" s="275"/>
      <c r="G485" s="275"/>
      <c r="H485" s="276"/>
      <c r="I485" s="317"/>
      <c r="J485" s="93" t="str">
        <f t="shared" si="65"/>
        <v>*</v>
      </c>
      <c r="K485" s="152" t="str">
        <f t="shared" si="66"/>
        <v>※</v>
      </c>
      <c r="L485" s="94" t="s">
        <v>382</v>
      </c>
      <c r="M485" s="259">
        <v>0</v>
      </c>
      <c r="N485" s="259">
        <v>0</v>
      </c>
      <c r="O485" s="259">
        <v>0</v>
      </c>
      <c r="P485" s="259">
        <v>0</v>
      </c>
      <c r="Q485" s="259"/>
      <c r="R485" s="259"/>
      <c r="S485" s="259"/>
      <c r="T485" s="259"/>
      <c r="U485" s="259"/>
      <c r="V485" s="259"/>
      <c r="W485" s="259"/>
      <c r="X485" s="259"/>
      <c r="Y485" s="259"/>
      <c r="Z485" s="259"/>
      <c r="AA485" s="259"/>
      <c r="AB485" s="259"/>
      <c r="AC485" s="259"/>
      <c r="AD485" s="259"/>
      <c r="AE485" s="259"/>
      <c r="AF485" s="259"/>
      <c r="AG485" s="259"/>
      <c r="AH485" s="259"/>
      <c r="AI485" s="259"/>
      <c r="AJ485" s="259"/>
      <c r="AK485" s="259"/>
      <c r="AL485" s="259"/>
      <c r="AM485" s="259"/>
      <c r="AN485" s="259"/>
      <c r="AO485" s="259"/>
      <c r="AP485" s="259"/>
      <c r="AQ485" s="259"/>
      <c r="AR485" s="259"/>
      <c r="AS485" s="259"/>
      <c r="AT485" s="259"/>
      <c r="AU485" s="259"/>
      <c r="AV485" s="259"/>
      <c r="AW485" s="259"/>
      <c r="AX485" s="259"/>
      <c r="AY485" s="259"/>
      <c r="AZ485" s="259"/>
      <c r="BA485" s="259"/>
      <c r="BB485" s="259"/>
      <c r="BC485" s="259"/>
      <c r="BD485" s="259"/>
      <c r="BE485" s="259"/>
      <c r="BF485" s="259"/>
      <c r="BG485" s="259"/>
      <c r="BH485" s="259"/>
      <c r="BI485" s="259"/>
      <c r="BJ485" s="259"/>
      <c r="BK485" s="259"/>
      <c r="BL485" s="259"/>
      <c r="BM485" s="259"/>
      <c r="BN485" s="259"/>
      <c r="BO485" s="259"/>
      <c r="BP485" s="259"/>
      <c r="BQ485" s="259"/>
      <c r="BR485" s="259"/>
      <c r="BS485" s="259"/>
    </row>
    <row r="486" spans="1:71" ht="34.5" customHeight="1">
      <c r="A486" s="186" t="s">
        <v>469</v>
      </c>
      <c r="B486" s="1"/>
      <c r="C486" s="153"/>
      <c r="D486" s="380"/>
      <c r="E486" s="274" t="s">
        <v>470</v>
      </c>
      <c r="F486" s="275"/>
      <c r="G486" s="275"/>
      <c r="H486" s="276"/>
      <c r="I486" s="317"/>
      <c r="J486" s="93" t="str">
        <f t="shared" si="65"/>
        <v>*</v>
      </c>
      <c r="K486" s="152" t="str">
        <f t="shared" si="66"/>
        <v>※</v>
      </c>
      <c r="L486" s="94" t="s">
        <v>382</v>
      </c>
      <c r="M486" s="259">
        <v>0</v>
      </c>
      <c r="N486" s="259">
        <v>0</v>
      </c>
      <c r="O486" s="259">
        <v>0</v>
      </c>
      <c r="P486" s="259">
        <v>0</v>
      </c>
      <c r="Q486" s="259"/>
      <c r="R486" s="259"/>
      <c r="S486" s="259"/>
      <c r="T486" s="259"/>
      <c r="U486" s="259"/>
      <c r="V486" s="259"/>
      <c r="W486" s="259"/>
      <c r="X486" s="259"/>
      <c r="Y486" s="259"/>
      <c r="Z486" s="259"/>
      <c r="AA486" s="259"/>
      <c r="AB486" s="259"/>
      <c r="AC486" s="259"/>
      <c r="AD486" s="259"/>
      <c r="AE486" s="259"/>
      <c r="AF486" s="259"/>
      <c r="AG486" s="259"/>
      <c r="AH486" s="259"/>
      <c r="AI486" s="259"/>
      <c r="AJ486" s="259"/>
      <c r="AK486" s="259"/>
      <c r="AL486" s="259"/>
      <c r="AM486" s="259"/>
      <c r="AN486" s="259"/>
      <c r="AO486" s="259"/>
      <c r="AP486" s="259"/>
      <c r="AQ486" s="259"/>
      <c r="AR486" s="259"/>
      <c r="AS486" s="259"/>
      <c r="AT486" s="259"/>
      <c r="AU486" s="259"/>
      <c r="AV486" s="259"/>
      <c r="AW486" s="259"/>
      <c r="AX486" s="259"/>
      <c r="AY486" s="259"/>
      <c r="AZ486" s="259"/>
      <c r="BA486" s="259"/>
      <c r="BB486" s="259"/>
      <c r="BC486" s="259"/>
      <c r="BD486" s="259"/>
      <c r="BE486" s="259"/>
      <c r="BF486" s="259"/>
      <c r="BG486" s="259"/>
      <c r="BH486" s="259"/>
      <c r="BI486" s="259"/>
      <c r="BJ486" s="259"/>
      <c r="BK486" s="259"/>
      <c r="BL486" s="259"/>
      <c r="BM486" s="259"/>
      <c r="BN486" s="259"/>
      <c r="BO486" s="259"/>
      <c r="BP486" s="259"/>
      <c r="BQ486" s="259"/>
      <c r="BR486" s="259"/>
      <c r="BS486" s="259"/>
    </row>
    <row r="487" spans="1:71" ht="34.5" customHeight="1">
      <c r="A487" s="186" t="s">
        <v>471</v>
      </c>
      <c r="B487" s="1"/>
      <c r="C487" s="153"/>
      <c r="D487" s="353"/>
      <c r="E487" s="274" t="s">
        <v>472</v>
      </c>
      <c r="F487" s="275"/>
      <c r="G487" s="275"/>
      <c r="H487" s="276"/>
      <c r="I487" s="318"/>
      <c r="J487" s="93">
        <f t="shared" si="65"/>
        <v>0</v>
      </c>
      <c r="K487" s="152" t="str">
        <f t="shared" si="66"/>
        <v/>
      </c>
      <c r="L487" s="94">
        <v>0</v>
      </c>
      <c r="M487" s="259">
        <v>0</v>
      </c>
      <c r="N487" s="259">
        <v>0</v>
      </c>
      <c r="O487" s="259">
        <v>0</v>
      </c>
      <c r="P487" s="259">
        <v>0</v>
      </c>
      <c r="Q487" s="259"/>
      <c r="R487" s="259"/>
      <c r="S487" s="259"/>
      <c r="T487" s="259"/>
      <c r="U487" s="259"/>
      <c r="V487" s="259"/>
      <c r="W487" s="259"/>
      <c r="X487" s="259"/>
      <c r="Y487" s="259"/>
      <c r="Z487" s="259"/>
      <c r="AA487" s="259"/>
      <c r="AB487" s="259"/>
      <c r="AC487" s="259"/>
      <c r="AD487" s="259"/>
      <c r="AE487" s="259"/>
      <c r="AF487" s="259"/>
      <c r="AG487" s="259"/>
      <c r="AH487" s="259"/>
      <c r="AI487" s="259"/>
      <c r="AJ487" s="259"/>
      <c r="AK487" s="259"/>
      <c r="AL487" s="259"/>
      <c r="AM487" s="259"/>
      <c r="AN487" s="259"/>
      <c r="AO487" s="259"/>
      <c r="AP487" s="259"/>
      <c r="AQ487" s="259"/>
      <c r="AR487" s="259"/>
      <c r="AS487" s="259"/>
      <c r="AT487" s="259"/>
      <c r="AU487" s="259"/>
      <c r="AV487" s="259"/>
      <c r="AW487" s="259"/>
      <c r="AX487" s="259"/>
      <c r="AY487" s="259"/>
      <c r="AZ487" s="259"/>
      <c r="BA487" s="259"/>
      <c r="BB487" s="259"/>
      <c r="BC487" s="259"/>
      <c r="BD487" s="259"/>
      <c r="BE487" s="259"/>
      <c r="BF487" s="259"/>
      <c r="BG487" s="259"/>
      <c r="BH487" s="259"/>
      <c r="BI487" s="259"/>
      <c r="BJ487" s="259"/>
      <c r="BK487" s="259"/>
      <c r="BL487" s="259"/>
      <c r="BM487" s="259"/>
      <c r="BN487" s="259"/>
      <c r="BO487" s="259"/>
      <c r="BP487" s="259"/>
      <c r="BQ487" s="259"/>
      <c r="BR487" s="259"/>
      <c r="BS487" s="259"/>
    </row>
    <row r="488" spans="1:71" ht="34.5" customHeight="1">
      <c r="A488" s="186" t="s">
        <v>473</v>
      </c>
      <c r="B488" s="118"/>
      <c r="C488" s="289" t="s">
        <v>474</v>
      </c>
      <c r="D488" s="295"/>
      <c r="E488" s="295"/>
      <c r="F488" s="295"/>
      <c r="G488" s="295"/>
      <c r="H488" s="290"/>
      <c r="I488" s="313" t="s">
        <v>475</v>
      </c>
      <c r="J488" s="93" t="str">
        <f>IF(SUM(L488:BS488)=0,IF(COUNTIF(L488:BS488,"未確認")&gt;0,"未確認",IF(COUNTIF(L488:BS488,"~*")&gt;0,"*",SUM(L488:BS488))),SUM(L488:BS488))</f>
        <v>*</v>
      </c>
      <c r="K488" s="152" t="str">
        <f t="shared" si="66"/>
        <v>※</v>
      </c>
      <c r="L488" s="94" t="s">
        <v>382</v>
      </c>
      <c r="M488" s="259">
        <v>0</v>
      </c>
      <c r="N488" s="259">
        <v>0</v>
      </c>
      <c r="O488" s="259">
        <v>0</v>
      </c>
      <c r="P488" s="259">
        <v>0</v>
      </c>
      <c r="Q488" s="259"/>
      <c r="R488" s="259"/>
      <c r="S488" s="259"/>
      <c r="T488" s="259"/>
      <c r="U488" s="259"/>
      <c r="V488" s="259"/>
      <c r="W488" s="259"/>
      <c r="X488" s="259"/>
      <c r="Y488" s="259"/>
      <c r="Z488" s="259"/>
      <c r="AA488" s="259"/>
      <c r="AB488" s="259"/>
      <c r="AC488" s="259"/>
      <c r="AD488" s="259"/>
      <c r="AE488" s="259"/>
      <c r="AF488" s="259"/>
      <c r="AG488" s="259"/>
      <c r="AH488" s="259"/>
      <c r="AI488" s="259"/>
      <c r="AJ488" s="259"/>
      <c r="AK488" s="259"/>
      <c r="AL488" s="259"/>
      <c r="AM488" s="259"/>
      <c r="AN488" s="259"/>
      <c r="AO488" s="259"/>
      <c r="AP488" s="259"/>
      <c r="AQ488" s="259"/>
      <c r="AR488" s="259"/>
      <c r="AS488" s="259"/>
      <c r="AT488" s="259"/>
      <c r="AU488" s="259"/>
      <c r="AV488" s="259"/>
      <c r="AW488" s="259"/>
      <c r="AX488" s="259"/>
      <c r="AY488" s="259"/>
      <c r="AZ488" s="259"/>
      <c r="BA488" s="259"/>
      <c r="BB488" s="259"/>
      <c r="BC488" s="259"/>
      <c r="BD488" s="259"/>
      <c r="BE488" s="259"/>
      <c r="BF488" s="259"/>
      <c r="BG488" s="259"/>
      <c r="BH488" s="259"/>
      <c r="BI488" s="259"/>
      <c r="BJ488" s="259"/>
      <c r="BK488" s="259"/>
      <c r="BL488" s="259"/>
      <c r="BM488" s="259"/>
      <c r="BN488" s="259"/>
      <c r="BO488" s="259"/>
      <c r="BP488" s="259"/>
      <c r="BQ488" s="259"/>
      <c r="BR488" s="259"/>
      <c r="BS488" s="259"/>
    </row>
    <row r="489" spans="1:71" ht="34.5" customHeight="1">
      <c r="A489" s="186" t="s">
        <v>476</v>
      </c>
      <c r="B489" s="1"/>
      <c r="C489" s="153"/>
      <c r="D489" s="379" t="s">
        <v>449</v>
      </c>
      <c r="E489" s="274" t="s">
        <v>450</v>
      </c>
      <c r="F489" s="275"/>
      <c r="G489" s="275"/>
      <c r="H489" s="276"/>
      <c r="I489" s="317"/>
      <c r="J489" s="93" t="str">
        <f t="shared" si="65"/>
        <v>*</v>
      </c>
      <c r="K489" s="152" t="str">
        <f t="shared" si="66"/>
        <v>※</v>
      </c>
      <c r="L489" s="94" t="s">
        <v>382</v>
      </c>
      <c r="M489" s="259">
        <v>0</v>
      </c>
      <c r="N489" s="259">
        <v>0</v>
      </c>
      <c r="O489" s="259">
        <v>0</v>
      </c>
      <c r="P489" s="259">
        <v>0</v>
      </c>
      <c r="Q489" s="259"/>
      <c r="R489" s="259"/>
      <c r="S489" s="259"/>
      <c r="T489" s="259"/>
      <c r="U489" s="259"/>
      <c r="V489" s="259"/>
      <c r="W489" s="259"/>
      <c r="X489" s="259"/>
      <c r="Y489" s="259"/>
      <c r="Z489" s="259"/>
      <c r="AA489" s="259"/>
      <c r="AB489" s="259"/>
      <c r="AC489" s="259"/>
      <c r="AD489" s="259"/>
      <c r="AE489" s="259"/>
      <c r="AF489" s="259"/>
      <c r="AG489" s="259"/>
      <c r="AH489" s="259"/>
      <c r="AI489" s="259"/>
      <c r="AJ489" s="259"/>
      <c r="AK489" s="259"/>
      <c r="AL489" s="259"/>
      <c r="AM489" s="259"/>
      <c r="AN489" s="259"/>
      <c r="AO489" s="259"/>
      <c r="AP489" s="259"/>
      <c r="AQ489" s="259"/>
      <c r="AR489" s="259"/>
      <c r="AS489" s="259"/>
      <c r="AT489" s="259"/>
      <c r="AU489" s="259"/>
      <c r="AV489" s="259"/>
      <c r="AW489" s="259"/>
      <c r="AX489" s="259"/>
      <c r="AY489" s="259"/>
      <c r="AZ489" s="259"/>
      <c r="BA489" s="259"/>
      <c r="BB489" s="259"/>
      <c r="BC489" s="259"/>
      <c r="BD489" s="259"/>
      <c r="BE489" s="259"/>
      <c r="BF489" s="259"/>
      <c r="BG489" s="259"/>
      <c r="BH489" s="259"/>
      <c r="BI489" s="259"/>
      <c r="BJ489" s="259"/>
      <c r="BK489" s="259"/>
      <c r="BL489" s="259"/>
      <c r="BM489" s="259"/>
      <c r="BN489" s="259"/>
      <c r="BO489" s="259"/>
      <c r="BP489" s="259"/>
      <c r="BQ489" s="259"/>
      <c r="BR489" s="259"/>
      <c r="BS489" s="259"/>
    </row>
    <row r="490" spans="1:71" ht="34.5" customHeight="1">
      <c r="A490" s="186" t="s">
        <v>477</v>
      </c>
      <c r="B490" s="1"/>
      <c r="C490" s="153"/>
      <c r="D490" s="380"/>
      <c r="E490" s="274" t="s">
        <v>452</v>
      </c>
      <c r="F490" s="275"/>
      <c r="G490" s="275"/>
      <c r="H490" s="276"/>
      <c r="I490" s="317"/>
      <c r="J490" s="93" t="str">
        <f t="shared" si="65"/>
        <v>*</v>
      </c>
      <c r="K490" s="152" t="str">
        <f t="shared" si="66"/>
        <v>※</v>
      </c>
      <c r="L490" s="94" t="s">
        <v>382</v>
      </c>
      <c r="M490" s="259">
        <v>0</v>
      </c>
      <c r="N490" s="259">
        <v>0</v>
      </c>
      <c r="O490" s="259">
        <v>0</v>
      </c>
      <c r="P490" s="259">
        <v>0</v>
      </c>
      <c r="Q490" s="259"/>
      <c r="R490" s="259"/>
      <c r="S490" s="259"/>
      <c r="T490" s="259"/>
      <c r="U490" s="259"/>
      <c r="V490" s="259"/>
      <c r="W490" s="259"/>
      <c r="X490" s="259"/>
      <c r="Y490" s="259"/>
      <c r="Z490" s="259"/>
      <c r="AA490" s="259"/>
      <c r="AB490" s="259"/>
      <c r="AC490" s="259"/>
      <c r="AD490" s="259"/>
      <c r="AE490" s="259"/>
      <c r="AF490" s="259"/>
      <c r="AG490" s="259"/>
      <c r="AH490" s="259"/>
      <c r="AI490" s="259"/>
      <c r="AJ490" s="259"/>
      <c r="AK490" s="259"/>
      <c r="AL490" s="259"/>
      <c r="AM490" s="259"/>
      <c r="AN490" s="259"/>
      <c r="AO490" s="259"/>
      <c r="AP490" s="259"/>
      <c r="AQ490" s="259"/>
      <c r="AR490" s="259"/>
      <c r="AS490" s="259"/>
      <c r="AT490" s="259"/>
      <c r="AU490" s="259"/>
      <c r="AV490" s="259"/>
      <c r="AW490" s="259"/>
      <c r="AX490" s="259"/>
      <c r="AY490" s="259"/>
      <c r="AZ490" s="259"/>
      <c r="BA490" s="259"/>
      <c r="BB490" s="259"/>
      <c r="BC490" s="259"/>
      <c r="BD490" s="259"/>
      <c r="BE490" s="259"/>
      <c r="BF490" s="259"/>
      <c r="BG490" s="259"/>
      <c r="BH490" s="259"/>
      <c r="BI490" s="259"/>
      <c r="BJ490" s="259"/>
      <c r="BK490" s="259"/>
      <c r="BL490" s="259"/>
      <c r="BM490" s="259"/>
      <c r="BN490" s="259"/>
      <c r="BO490" s="259"/>
      <c r="BP490" s="259"/>
      <c r="BQ490" s="259"/>
      <c r="BR490" s="259"/>
      <c r="BS490" s="259"/>
    </row>
    <row r="491" spans="1:71" ht="34.5" customHeight="1">
      <c r="A491" s="186" t="s">
        <v>478</v>
      </c>
      <c r="B491" s="1"/>
      <c r="C491" s="153"/>
      <c r="D491" s="380"/>
      <c r="E491" s="274" t="s">
        <v>454</v>
      </c>
      <c r="F491" s="275"/>
      <c r="G491" s="275"/>
      <c r="H491" s="276"/>
      <c r="I491" s="317"/>
      <c r="J491" s="93" t="str">
        <f t="shared" si="65"/>
        <v>*</v>
      </c>
      <c r="K491" s="152" t="str">
        <f t="shared" si="66"/>
        <v>※</v>
      </c>
      <c r="L491" s="94" t="s">
        <v>382</v>
      </c>
      <c r="M491" s="259">
        <v>0</v>
      </c>
      <c r="N491" s="259">
        <v>0</v>
      </c>
      <c r="O491" s="259">
        <v>0</v>
      </c>
      <c r="P491" s="259">
        <v>0</v>
      </c>
      <c r="Q491" s="259"/>
      <c r="R491" s="259"/>
      <c r="S491" s="259"/>
      <c r="T491" s="259"/>
      <c r="U491" s="259"/>
      <c r="V491" s="259"/>
      <c r="W491" s="259"/>
      <c r="X491" s="259"/>
      <c r="Y491" s="259"/>
      <c r="Z491" s="259"/>
      <c r="AA491" s="259"/>
      <c r="AB491" s="259"/>
      <c r="AC491" s="259"/>
      <c r="AD491" s="259"/>
      <c r="AE491" s="259"/>
      <c r="AF491" s="259"/>
      <c r="AG491" s="259"/>
      <c r="AH491" s="259"/>
      <c r="AI491" s="259"/>
      <c r="AJ491" s="259"/>
      <c r="AK491" s="259"/>
      <c r="AL491" s="259"/>
      <c r="AM491" s="259"/>
      <c r="AN491" s="259"/>
      <c r="AO491" s="259"/>
      <c r="AP491" s="259"/>
      <c r="AQ491" s="259"/>
      <c r="AR491" s="259"/>
      <c r="AS491" s="259"/>
      <c r="AT491" s="259"/>
      <c r="AU491" s="259"/>
      <c r="AV491" s="259"/>
      <c r="AW491" s="259"/>
      <c r="AX491" s="259"/>
      <c r="AY491" s="259"/>
      <c r="AZ491" s="259"/>
      <c r="BA491" s="259"/>
      <c r="BB491" s="259"/>
      <c r="BC491" s="259"/>
      <c r="BD491" s="259"/>
      <c r="BE491" s="259"/>
      <c r="BF491" s="259"/>
      <c r="BG491" s="259"/>
      <c r="BH491" s="259"/>
      <c r="BI491" s="259"/>
      <c r="BJ491" s="259"/>
      <c r="BK491" s="259"/>
      <c r="BL491" s="259"/>
      <c r="BM491" s="259"/>
      <c r="BN491" s="259"/>
      <c r="BO491" s="259"/>
      <c r="BP491" s="259"/>
      <c r="BQ491" s="259"/>
      <c r="BR491" s="259"/>
      <c r="BS491" s="259"/>
    </row>
    <row r="492" spans="1:71" ht="34.5" customHeight="1">
      <c r="A492" s="186" t="s">
        <v>479</v>
      </c>
      <c r="B492" s="1"/>
      <c r="C492" s="153"/>
      <c r="D492" s="380"/>
      <c r="E492" s="274" t="s">
        <v>456</v>
      </c>
      <c r="F492" s="275"/>
      <c r="G492" s="275"/>
      <c r="H492" s="276"/>
      <c r="I492" s="317"/>
      <c r="J492" s="93">
        <f t="shared" si="65"/>
        <v>0</v>
      </c>
      <c r="K492" s="152" t="str">
        <f t="shared" si="66"/>
        <v/>
      </c>
      <c r="L492" s="94">
        <v>0</v>
      </c>
      <c r="M492" s="259">
        <v>0</v>
      </c>
      <c r="N492" s="259">
        <v>0</v>
      </c>
      <c r="O492" s="259">
        <v>0</v>
      </c>
      <c r="P492" s="259">
        <v>0</v>
      </c>
      <c r="Q492" s="259"/>
      <c r="R492" s="259"/>
      <c r="S492" s="259"/>
      <c r="T492" s="259"/>
      <c r="U492" s="259"/>
      <c r="V492" s="259"/>
      <c r="W492" s="259"/>
      <c r="X492" s="259"/>
      <c r="Y492" s="259"/>
      <c r="Z492" s="259"/>
      <c r="AA492" s="259"/>
      <c r="AB492" s="259"/>
      <c r="AC492" s="259"/>
      <c r="AD492" s="259"/>
      <c r="AE492" s="259"/>
      <c r="AF492" s="259"/>
      <c r="AG492" s="259"/>
      <c r="AH492" s="259"/>
      <c r="AI492" s="259"/>
      <c r="AJ492" s="259"/>
      <c r="AK492" s="259"/>
      <c r="AL492" s="259"/>
      <c r="AM492" s="259"/>
      <c r="AN492" s="259"/>
      <c r="AO492" s="259"/>
      <c r="AP492" s="259"/>
      <c r="AQ492" s="259"/>
      <c r="AR492" s="259"/>
      <c r="AS492" s="259"/>
      <c r="AT492" s="259"/>
      <c r="AU492" s="259"/>
      <c r="AV492" s="259"/>
      <c r="AW492" s="259"/>
      <c r="AX492" s="259"/>
      <c r="AY492" s="259"/>
      <c r="AZ492" s="259"/>
      <c r="BA492" s="259"/>
      <c r="BB492" s="259"/>
      <c r="BC492" s="259"/>
      <c r="BD492" s="259"/>
      <c r="BE492" s="259"/>
      <c r="BF492" s="259"/>
      <c r="BG492" s="259"/>
      <c r="BH492" s="259"/>
      <c r="BI492" s="259"/>
      <c r="BJ492" s="259"/>
      <c r="BK492" s="259"/>
      <c r="BL492" s="259"/>
      <c r="BM492" s="259"/>
      <c r="BN492" s="259"/>
      <c r="BO492" s="259"/>
      <c r="BP492" s="259"/>
      <c r="BQ492" s="259"/>
      <c r="BR492" s="259"/>
      <c r="BS492" s="259"/>
    </row>
    <row r="493" spans="1:71" ht="34.5" customHeight="1">
      <c r="A493" s="186" t="s">
        <v>480</v>
      </c>
      <c r="B493" s="1"/>
      <c r="C493" s="153"/>
      <c r="D493" s="380"/>
      <c r="E493" s="274" t="s">
        <v>458</v>
      </c>
      <c r="F493" s="275"/>
      <c r="G493" s="275"/>
      <c r="H493" s="276"/>
      <c r="I493" s="317"/>
      <c r="J493" s="93" t="str">
        <f t="shared" si="65"/>
        <v>*</v>
      </c>
      <c r="K493" s="152" t="str">
        <f t="shared" si="66"/>
        <v>※</v>
      </c>
      <c r="L493" s="94" t="s">
        <v>382</v>
      </c>
      <c r="M493" s="259">
        <v>0</v>
      </c>
      <c r="N493" s="259">
        <v>0</v>
      </c>
      <c r="O493" s="259">
        <v>0</v>
      </c>
      <c r="P493" s="259">
        <v>0</v>
      </c>
      <c r="Q493" s="259"/>
      <c r="R493" s="259"/>
      <c r="S493" s="259"/>
      <c r="T493" s="259"/>
      <c r="U493" s="259"/>
      <c r="V493" s="259"/>
      <c r="W493" s="259"/>
      <c r="X493" s="259"/>
      <c r="Y493" s="259"/>
      <c r="Z493" s="259"/>
      <c r="AA493" s="259"/>
      <c r="AB493" s="259"/>
      <c r="AC493" s="259"/>
      <c r="AD493" s="259"/>
      <c r="AE493" s="259"/>
      <c r="AF493" s="259"/>
      <c r="AG493" s="259"/>
      <c r="AH493" s="259"/>
      <c r="AI493" s="259"/>
      <c r="AJ493" s="259"/>
      <c r="AK493" s="259"/>
      <c r="AL493" s="259"/>
      <c r="AM493" s="259"/>
      <c r="AN493" s="259"/>
      <c r="AO493" s="259"/>
      <c r="AP493" s="259"/>
      <c r="AQ493" s="259"/>
      <c r="AR493" s="259"/>
      <c r="AS493" s="259"/>
      <c r="AT493" s="259"/>
      <c r="AU493" s="259"/>
      <c r="AV493" s="259"/>
      <c r="AW493" s="259"/>
      <c r="AX493" s="259"/>
      <c r="AY493" s="259"/>
      <c r="AZ493" s="259"/>
      <c r="BA493" s="259"/>
      <c r="BB493" s="259"/>
      <c r="BC493" s="259"/>
      <c r="BD493" s="259"/>
      <c r="BE493" s="259"/>
      <c r="BF493" s="259"/>
      <c r="BG493" s="259"/>
      <c r="BH493" s="259"/>
      <c r="BI493" s="259"/>
      <c r="BJ493" s="259"/>
      <c r="BK493" s="259"/>
      <c r="BL493" s="259"/>
      <c r="BM493" s="259"/>
      <c r="BN493" s="259"/>
      <c r="BO493" s="259"/>
      <c r="BP493" s="259"/>
      <c r="BQ493" s="259"/>
      <c r="BR493" s="259"/>
      <c r="BS493" s="259"/>
    </row>
    <row r="494" spans="1:71" ht="34.5" customHeight="1">
      <c r="A494" s="186" t="s">
        <v>481</v>
      </c>
      <c r="B494" s="1"/>
      <c r="C494" s="153"/>
      <c r="D494" s="380"/>
      <c r="E494" s="274" t="s">
        <v>460</v>
      </c>
      <c r="F494" s="275"/>
      <c r="G494" s="275"/>
      <c r="H494" s="276"/>
      <c r="I494" s="317"/>
      <c r="J494" s="93">
        <f t="shared" si="65"/>
        <v>0</v>
      </c>
      <c r="K494" s="152" t="str">
        <f t="shared" si="66"/>
        <v/>
      </c>
      <c r="L494" s="94">
        <v>0</v>
      </c>
      <c r="M494" s="259">
        <v>0</v>
      </c>
      <c r="N494" s="259">
        <v>0</v>
      </c>
      <c r="O494" s="259">
        <v>0</v>
      </c>
      <c r="P494" s="259">
        <v>0</v>
      </c>
      <c r="Q494" s="259"/>
      <c r="R494" s="259"/>
      <c r="S494" s="259"/>
      <c r="T494" s="259"/>
      <c r="U494" s="259"/>
      <c r="V494" s="259"/>
      <c r="W494" s="259"/>
      <c r="X494" s="259"/>
      <c r="Y494" s="259"/>
      <c r="Z494" s="259"/>
      <c r="AA494" s="259"/>
      <c r="AB494" s="259"/>
      <c r="AC494" s="259"/>
      <c r="AD494" s="259"/>
      <c r="AE494" s="259"/>
      <c r="AF494" s="259"/>
      <c r="AG494" s="259"/>
      <c r="AH494" s="259"/>
      <c r="AI494" s="259"/>
      <c r="AJ494" s="259"/>
      <c r="AK494" s="259"/>
      <c r="AL494" s="259"/>
      <c r="AM494" s="259"/>
      <c r="AN494" s="259"/>
      <c r="AO494" s="259"/>
      <c r="AP494" s="259"/>
      <c r="AQ494" s="259"/>
      <c r="AR494" s="259"/>
      <c r="AS494" s="259"/>
      <c r="AT494" s="259"/>
      <c r="AU494" s="259"/>
      <c r="AV494" s="259"/>
      <c r="AW494" s="259"/>
      <c r="AX494" s="259"/>
      <c r="AY494" s="259"/>
      <c r="AZ494" s="259"/>
      <c r="BA494" s="259"/>
      <c r="BB494" s="259"/>
      <c r="BC494" s="259"/>
      <c r="BD494" s="259"/>
      <c r="BE494" s="259"/>
      <c r="BF494" s="259"/>
      <c r="BG494" s="259"/>
      <c r="BH494" s="259"/>
      <c r="BI494" s="259"/>
      <c r="BJ494" s="259"/>
      <c r="BK494" s="259"/>
      <c r="BL494" s="259"/>
      <c r="BM494" s="259"/>
      <c r="BN494" s="259"/>
      <c r="BO494" s="259"/>
      <c r="BP494" s="259"/>
      <c r="BQ494" s="259"/>
      <c r="BR494" s="259"/>
      <c r="BS494" s="259"/>
    </row>
    <row r="495" spans="1:71" ht="34.5" customHeight="1">
      <c r="A495" s="186" t="s">
        <v>482</v>
      </c>
      <c r="B495" s="1"/>
      <c r="C495" s="153"/>
      <c r="D495" s="380"/>
      <c r="E495" s="274" t="s">
        <v>462</v>
      </c>
      <c r="F495" s="275"/>
      <c r="G495" s="275"/>
      <c r="H495" s="276"/>
      <c r="I495" s="317"/>
      <c r="J495" s="93" t="str">
        <f t="shared" si="65"/>
        <v>*</v>
      </c>
      <c r="K495" s="152" t="str">
        <f t="shared" si="66"/>
        <v>※</v>
      </c>
      <c r="L495" s="94" t="s">
        <v>382</v>
      </c>
      <c r="M495" s="259">
        <v>0</v>
      </c>
      <c r="N495" s="259">
        <v>0</v>
      </c>
      <c r="O495" s="259">
        <v>0</v>
      </c>
      <c r="P495" s="259">
        <v>0</v>
      </c>
      <c r="Q495" s="259"/>
      <c r="R495" s="259"/>
      <c r="S495" s="259"/>
      <c r="T495" s="259"/>
      <c r="U495" s="259"/>
      <c r="V495" s="259"/>
      <c r="W495" s="259"/>
      <c r="X495" s="259"/>
      <c r="Y495" s="259"/>
      <c r="Z495" s="259"/>
      <c r="AA495" s="259"/>
      <c r="AB495" s="259"/>
      <c r="AC495" s="259"/>
      <c r="AD495" s="259"/>
      <c r="AE495" s="259"/>
      <c r="AF495" s="259"/>
      <c r="AG495" s="259"/>
      <c r="AH495" s="259"/>
      <c r="AI495" s="259"/>
      <c r="AJ495" s="259"/>
      <c r="AK495" s="259"/>
      <c r="AL495" s="259"/>
      <c r="AM495" s="259"/>
      <c r="AN495" s="259"/>
      <c r="AO495" s="259"/>
      <c r="AP495" s="259"/>
      <c r="AQ495" s="259"/>
      <c r="AR495" s="259"/>
      <c r="AS495" s="259"/>
      <c r="AT495" s="259"/>
      <c r="AU495" s="259"/>
      <c r="AV495" s="259"/>
      <c r="AW495" s="259"/>
      <c r="AX495" s="259"/>
      <c r="AY495" s="259"/>
      <c r="AZ495" s="259"/>
      <c r="BA495" s="259"/>
      <c r="BB495" s="259"/>
      <c r="BC495" s="259"/>
      <c r="BD495" s="259"/>
      <c r="BE495" s="259"/>
      <c r="BF495" s="259"/>
      <c r="BG495" s="259"/>
      <c r="BH495" s="259"/>
      <c r="BI495" s="259"/>
      <c r="BJ495" s="259"/>
      <c r="BK495" s="259"/>
      <c r="BL495" s="259"/>
      <c r="BM495" s="259"/>
      <c r="BN495" s="259"/>
      <c r="BO495" s="259"/>
      <c r="BP495" s="259"/>
      <c r="BQ495" s="259"/>
      <c r="BR495" s="259"/>
      <c r="BS495" s="259"/>
    </row>
    <row r="496" spans="1:71" ht="34.5" customHeight="1">
      <c r="A496" s="186" t="s">
        <v>483</v>
      </c>
      <c r="B496" s="1"/>
      <c r="C496" s="153"/>
      <c r="D496" s="380"/>
      <c r="E496" s="274" t="s">
        <v>464</v>
      </c>
      <c r="F496" s="275"/>
      <c r="G496" s="275"/>
      <c r="H496" s="276"/>
      <c r="I496" s="317"/>
      <c r="J496" s="93" t="str">
        <f t="shared" si="65"/>
        <v>*</v>
      </c>
      <c r="K496" s="152" t="str">
        <f t="shared" si="66"/>
        <v>※</v>
      </c>
      <c r="L496" s="94" t="s">
        <v>382</v>
      </c>
      <c r="M496" s="259">
        <v>0</v>
      </c>
      <c r="N496" s="259">
        <v>0</v>
      </c>
      <c r="O496" s="259">
        <v>0</v>
      </c>
      <c r="P496" s="259">
        <v>0</v>
      </c>
      <c r="Q496" s="259"/>
      <c r="R496" s="259"/>
      <c r="S496" s="259"/>
      <c r="T496" s="259"/>
      <c r="U496" s="259"/>
      <c r="V496" s="259"/>
      <c r="W496" s="259"/>
      <c r="X496" s="259"/>
      <c r="Y496" s="259"/>
      <c r="Z496" s="259"/>
      <c r="AA496" s="259"/>
      <c r="AB496" s="259"/>
      <c r="AC496" s="259"/>
      <c r="AD496" s="259"/>
      <c r="AE496" s="259"/>
      <c r="AF496" s="259"/>
      <c r="AG496" s="259"/>
      <c r="AH496" s="259"/>
      <c r="AI496" s="259"/>
      <c r="AJ496" s="259"/>
      <c r="AK496" s="259"/>
      <c r="AL496" s="259"/>
      <c r="AM496" s="259"/>
      <c r="AN496" s="259"/>
      <c r="AO496" s="259"/>
      <c r="AP496" s="259"/>
      <c r="AQ496" s="259"/>
      <c r="AR496" s="259"/>
      <c r="AS496" s="259"/>
      <c r="AT496" s="259"/>
      <c r="AU496" s="259"/>
      <c r="AV496" s="259"/>
      <c r="AW496" s="259"/>
      <c r="AX496" s="259"/>
      <c r="AY496" s="259"/>
      <c r="AZ496" s="259"/>
      <c r="BA496" s="259"/>
      <c r="BB496" s="259"/>
      <c r="BC496" s="259"/>
      <c r="BD496" s="259"/>
      <c r="BE496" s="259"/>
      <c r="BF496" s="259"/>
      <c r="BG496" s="259"/>
      <c r="BH496" s="259"/>
      <c r="BI496" s="259"/>
      <c r="BJ496" s="259"/>
      <c r="BK496" s="259"/>
      <c r="BL496" s="259"/>
      <c r="BM496" s="259"/>
      <c r="BN496" s="259"/>
      <c r="BO496" s="259"/>
      <c r="BP496" s="259"/>
      <c r="BQ496" s="259"/>
      <c r="BR496" s="259"/>
      <c r="BS496" s="259"/>
    </row>
    <row r="497" spans="1:71" ht="34.5" customHeight="1">
      <c r="A497" s="186" t="s">
        <v>484</v>
      </c>
      <c r="B497" s="1"/>
      <c r="C497" s="153"/>
      <c r="D497" s="380"/>
      <c r="E497" s="274" t="s">
        <v>466</v>
      </c>
      <c r="F497" s="275"/>
      <c r="G497" s="275"/>
      <c r="H497" s="276"/>
      <c r="I497" s="317"/>
      <c r="J497" s="93" t="str">
        <f t="shared" si="65"/>
        <v>*</v>
      </c>
      <c r="K497" s="152" t="str">
        <f t="shared" si="66"/>
        <v>※</v>
      </c>
      <c r="L497" s="94" t="s">
        <v>382</v>
      </c>
      <c r="M497" s="259">
        <v>0</v>
      </c>
      <c r="N497" s="259">
        <v>0</v>
      </c>
      <c r="O497" s="259">
        <v>0</v>
      </c>
      <c r="P497" s="259">
        <v>0</v>
      </c>
      <c r="Q497" s="259"/>
      <c r="R497" s="259"/>
      <c r="S497" s="259"/>
      <c r="T497" s="259"/>
      <c r="U497" s="259"/>
      <c r="V497" s="259"/>
      <c r="W497" s="259"/>
      <c r="X497" s="259"/>
      <c r="Y497" s="259"/>
      <c r="Z497" s="259"/>
      <c r="AA497" s="259"/>
      <c r="AB497" s="259"/>
      <c r="AC497" s="259"/>
      <c r="AD497" s="259"/>
      <c r="AE497" s="259"/>
      <c r="AF497" s="259"/>
      <c r="AG497" s="259"/>
      <c r="AH497" s="259"/>
      <c r="AI497" s="259"/>
      <c r="AJ497" s="259"/>
      <c r="AK497" s="259"/>
      <c r="AL497" s="259"/>
      <c r="AM497" s="259"/>
      <c r="AN497" s="259"/>
      <c r="AO497" s="259"/>
      <c r="AP497" s="259"/>
      <c r="AQ497" s="259"/>
      <c r="AR497" s="259"/>
      <c r="AS497" s="259"/>
      <c r="AT497" s="259"/>
      <c r="AU497" s="259"/>
      <c r="AV497" s="259"/>
      <c r="AW497" s="259"/>
      <c r="AX497" s="259"/>
      <c r="AY497" s="259"/>
      <c r="AZ497" s="259"/>
      <c r="BA497" s="259"/>
      <c r="BB497" s="259"/>
      <c r="BC497" s="259"/>
      <c r="BD497" s="259"/>
      <c r="BE497" s="259"/>
      <c r="BF497" s="259"/>
      <c r="BG497" s="259"/>
      <c r="BH497" s="259"/>
      <c r="BI497" s="259"/>
      <c r="BJ497" s="259"/>
      <c r="BK497" s="259"/>
      <c r="BL497" s="259"/>
      <c r="BM497" s="259"/>
      <c r="BN497" s="259"/>
      <c r="BO497" s="259"/>
      <c r="BP497" s="259"/>
      <c r="BQ497" s="259"/>
      <c r="BR497" s="259"/>
      <c r="BS497" s="259"/>
    </row>
    <row r="498" spans="1:71" ht="34.5" customHeight="1">
      <c r="A498" s="186" t="s">
        <v>485</v>
      </c>
      <c r="B498" s="1"/>
      <c r="C498" s="153"/>
      <c r="D498" s="380"/>
      <c r="E498" s="274" t="s">
        <v>468</v>
      </c>
      <c r="F498" s="275"/>
      <c r="G498" s="275"/>
      <c r="H498" s="276"/>
      <c r="I498" s="317"/>
      <c r="J498" s="93">
        <f t="shared" si="65"/>
        <v>0</v>
      </c>
      <c r="K498" s="152" t="str">
        <f t="shared" si="66"/>
        <v/>
      </c>
      <c r="L498" s="94">
        <v>0</v>
      </c>
      <c r="M498" s="259">
        <v>0</v>
      </c>
      <c r="N498" s="259">
        <v>0</v>
      </c>
      <c r="O498" s="259">
        <v>0</v>
      </c>
      <c r="P498" s="259">
        <v>0</v>
      </c>
      <c r="Q498" s="259"/>
      <c r="R498" s="259"/>
      <c r="S498" s="259"/>
      <c r="T498" s="259"/>
      <c r="U498" s="259"/>
      <c r="V498" s="259"/>
      <c r="W498" s="259"/>
      <c r="X498" s="259"/>
      <c r="Y498" s="259"/>
      <c r="Z498" s="259"/>
      <c r="AA498" s="259"/>
      <c r="AB498" s="259"/>
      <c r="AC498" s="259"/>
      <c r="AD498" s="259"/>
      <c r="AE498" s="259"/>
      <c r="AF498" s="259"/>
      <c r="AG498" s="259"/>
      <c r="AH498" s="259"/>
      <c r="AI498" s="259"/>
      <c r="AJ498" s="259"/>
      <c r="AK498" s="259"/>
      <c r="AL498" s="259"/>
      <c r="AM498" s="259"/>
      <c r="AN498" s="259"/>
      <c r="AO498" s="259"/>
      <c r="AP498" s="259"/>
      <c r="AQ498" s="259"/>
      <c r="AR498" s="259"/>
      <c r="AS498" s="259"/>
      <c r="AT498" s="259"/>
      <c r="AU498" s="259"/>
      <c r="AV498" s="259"/>
      <c r="AW498" s="259"/>
      <c r="AX498" s="259"/>
      <c r="AY498" s="259"/>
      <c r="AZ498" s="259"/>
      <c r="BA498" s="259"/>
      <c r="BB498" s="259"/>
      <c r="BC498" s="259"/>
      <c r="BD498" s="259"/>
      <c r="BE498" s="259"/>
      <c r="BF498" s="259"/>
      <c r="BG498" s="259"/>
      <c r="BH498" s="259"/>
      <c r="BI498" s="259"/>
      <c r="BJ498" s="259"/>
      <c r="BK498" s="259"/>
      <c r="BL498" s="259"/>
      <c r="BM498" s="259"/>
      <c r="BN498" s="259"/>
      <c r="BO498" s="259"/>
      <c r="BP498" s="259"/>
      <c r="BQ498" s="259"/>
      <c r="BR498" s="259"/>
      <c r="BS498" s="259"/>
    </row>
    <row r="499" spans="1:71" ht="34.5" customHeight="1">
      <c r="A499" s="186" t="s">
        <v>486</v>
      </c>
      <c r="B499" s="1"/>
      <c r="C499" s="153"/>
      <c r="D499" s="380"/>
      <c r="E499" s="274" t="s">
        <v>470</v>
      </c>
      <c r="F499" s="275"/>
      <c r="G499" s="275"/>
      <c r="H499" s="276"/>
      <c r="I499" s="317"/>
      <c r="J499" s="93" t="str">
        <f t="shared" si="65"/>
        <v>*</v>
      </c>
      <c r="K499" s="152" t="str">
        <f t="shared" si="66"/>
        <v>※</v>
      </c>
      <c r="L499" s="94" t="s">
        <v>382</v>
      </c>
      <c r="M499" s="259">
        <v>0</v>
      </c>
      <c r="N499" s="259">
        <v>0</v>
      </c>
      <c r="O499" s="259">
        <v>0</v>
      </c>
      <c r="P499" s="259">
        <v>0</v>
      </c>
      <c r="Q499" s="259"/>
      <c r="R499" s="259"/>
      <c r="S499" s="259"/>
      <c r="T499" s="259"/>
      <c r="U499" s="259"/>
      <c r="V499" s="259"/>
      <c r="W499" s="259"/>
      <c r="X499" s="259"/>
      <c r="Y499" s="259"/>
      <c r="Z499" s="259"/>
      <c r="AA499" s="259"/>
      <c r="AB499" s="259"/>
      <c r="AC499" s="259"/>
      <c r="AD499" s="259"/>
      <c r="AE499" s="259"/>
      <c r="AF499" s="259"/>
      <c r="AG499" s="259"/>
      <c r="AH499" s="259"/>
      <c r="AI499" s="259"/>
      <c r="AJ499" s="259"/>
      <c r="AK499" s="259"/>
      <c r="AL499" s="259"/>
      <c r="AM499" s="259"/>
      <c r="AN499" s="259"/>
      <c r="AO499" s="259"/>
      <c r="AP499" s="259"/>
      <c r="AQ499" s="259"/>
      <c r="AR499" s="259"/>
      <c r="AS499" s="259"/>
      <c r="AT499" s="259"/>
      <c r="AU499" s="259"/>
      <c r="AV499" s="259"/>
      <c r="AW499" s="259"/>
      <c r="AX499" s="259"/>
      <c r="AY499" s="259"/>
      <c r="AZ499" s="259"/>
      <c r="BA499" s="259"/>
      <c r="BB499" s="259"/>
      <c r="BC499" s="259"/>
      <c r="BD499" s="259"/>
      <c r="BE499" s="259"/>
      <c r="BF499" s="259"/>
      <c r="BG499" s="259"/>
      <c r="BH499" s="259"/>
      <c r="BI499" s="259"/>
      <c r="BJ499" s="259"/>
      <c r="BK499" s="259"/>
      <c r="BL499" s="259"/>
      <c r="BM499" s="259"/>
      <c r="BN499" s="259"/>
      <c r="BO499" s="259"/>
      <c r="BP499" s="259"/>
      <c r="BQ499" s="259"/>
      <c r="BR499" s="259"/>
      <c r="BS499" s="259"/>
    </row>
    <row r="500" spans="1:71" ht="34.5" customHeight="1">
      <c r="A500" s="186" t="s">
        <v>487</v>
      </c>
      <c r="B500" s="1"/>
      <c r="C500" s="153"/>
      <c r="D500" s="353"/>
      <c r="E500" s="274" t="s">
        <v>472</v>
      </c>
      <c r="F500" s="275"/>
      <c r="G500" s="275"/>
      <c r="H500" s="276"/>
      <c r="I500" s="318"/>
      <c r="J500" s="93">
        <f t="shared" si="65"/>
        <v>0</v>
      </c>
      <c r="K500" s="152" t="str">
        <f t="shared" si="66"/>
        <v/>
      </c>
      <c r="L500" s="94">
        <v>0</v>
      </c>
      <c r="M500" s="259">
        <v>0</v>
      </c>
      <c r="N500" s="259">
        <v>0</v>
      </c>
      <c r="O500" s="259">
        <v>0</v>
      </c>
      <c r="P500" s="259">
        <v>0</v>
      </c>
      <c r="Q500" s="259"/>
      <c r="R500" s="259"/>
      <c r="S500" s="259"/>
      <c r="T500" s="259"/>
      <c r="U500" s="259"/>
      <c r="V500" s="259"/>
      <c r="W500" s="259"/>
      <c r="X500" s="259"/>
      <c r="Y500" s="259"/>
      <c r="Z500" s="259"/>
      <c r="AA500" s="259"/>
      <c r="AB500" s="259"/>
      <c r="AC500" s="259"/>
      <c r="AD500" s="259"/>
      <c r="AE500" s="259"/>
      <c r="AF500" s="259"/>
      <c r="AG500" s="259"/>
      <c r="AH500" s="259"/>
      <c r="AI500" s="259"/>
      <c r="AJ500" s="259"/>
      <c r="AK500" s="259"/>
      <c r="AL500" s="259"/>
      <c r="AM500" s="259"/>
      <c r="AN500" s="259"/>
      <c r="AO500" s="259"/>
      <c r="AP500" s="259"/>
      <c r="AQ500" s="259"/>
      <c r="AR500" s="259"/>
      <c r="AS500" s="259"/>
      <c r="AT500" s="259"/>
      <c r="AU500" s="259"/>
      <c r="AV500" s="259"/>
      <c r="AW500" s="259"/>
      <c r="AX500" s="259"/>
      <c r="AY500" s="259"/>
      <c r="AZ500" s="259"/>
      <c r="BA500" s="259"/>
      <c r="BB500" s="259"/>
      <c r="BC500" s="259"/>
      <c r="BD500" s="259"/>
      <c r="BE500" s="259"/>
      <c r="BF500" s="259"/>
      <c r="BG500" s="259"/>
      <c r="BH500" s="259"/>
      <c r="BI500" s="259"/>
      <c r="BJ500" s="259"/>
      <c r="BK500" s="259"/>
      <c r="BL500" s="259"/>
      <c r="BM500" s="259"/>
      <c r="BN500" s="259"/>
      <c r="BO500" s="259"/>
      <c r="BP500" s="259"/>
      <c r="BQ500" s="259"/>
      <c r="BR500" s="259"/>
      <c r="BS500" s="259"/>
    </row>
    <row r="501" spans="1:71" ht="56.1" customHeight="1">
      <c r="A501" s="186" t="s">
        <v>488</v>
      </c>
      <c r="B501" s="118"/>
      <c r="C501" s="274" t="s">
        <v>489</v>
      </c>
      <c r="D501" s="275"/>
      <c r="E501" s="275"/>
      <c r="F501" s="275"/>
      <c r="G501" s="275"/>
      <c r="H501" s="276"/>
      <c r="I501" s="98" t="s">
        <v>490</v>
      </c>
      <c r="J501" s="93">
        <f t="shared" si="65"/>
        <v>0</v>
      </c>
      <c r="K501" s="152" t="str">
        <f t="shared" si="66"/>
        <v/>
      </c>
      <c r="L501" s="94">
        <v>0</v>
      </c>
      <c r="M501" s="259">
        <v>0</v>
      </c>
      <c r="N501" s="259">
        <v>0</v>
      </c>
      <c r="O501" s="259">
        <v>0</v>
      </c>
      <c r="P501" s="259">
        <v>0</v>
      </c>
      <c r="Q501" s="259"/>
      <c r="R501" s="259"/>
      <c r="S501" s="259"/>
      <c r="T501" s="259"/>
      <c r="U501" s="259"/>
      <c r="V501" s="259"/>
      <c r="W501" s="259"/>
      <c r="X501" s="259"/>
      <c r="Y501" s="259"/>
      <c r="Z501" s="259"/>
      <c r="AA501" s="259"/>
      <c r="AB501" s="259"/>
      <c r="AC501" s="259"/>
      <c r="AD501" s="259"/>
      <c r="AE501" s="259"/>
      <c r="AF501" s="259"/>
      <c r="AG501" s="259"/>
      <c r="AH501" s="259"/>
      <c r="AI501" s="259"/>
      <c r="AJ501" s="259"/>
      <c r="AK501" s="259"/>
      <c r="AL501" s="259"/>
      <c r="AM501" s="259"/>
      <c r="AN501" s="259"/>
      <c r="AO501" s="259"/>
      <c r="AP501" s="259"/>
      <c r="AQ501" s="259"/>
      <c r="AR501" s="259"/>
      <c r="AS501" s="259"/>
      <c r="AT501" s="259"/>
      <c r="AU501" s="259"/>
      <c r="AV501" s="259"/>
      <c r="AW501" s="259"/>
      <c r="AX501" s="259"/>
      <c r="AY501" s="259"/>
      <c r="AZ501" s="259"/>
      <c r="BA501" s="259"/>
      <c r="BB501" s="259"/>
      <c r="BC501" s="259"/>
      <c r="BD501" s="259"/>
      <c r="BE501" s="259"/>
      <c r="BF501" s="259"/>
      <c r="BG501" s="259"/>
      <c r="BH501" s="259"/>
      <c r="BI501" s="259"/>
      <c r="BJ501" s="259"/>
      <c r="BK501" s="259"/>
      <c r="BL501" s="259"/>
      <c r="BM501" s="259"/>
      <c r="BN501" s="259"/>
      <c r="BO501" s="259"/>
      <c r="BP501" s="259"/>
      <c r="BQ501" s="259"/>
      <c r="BR501" s="259"/>
      <c r="BS501" s="259"/>
    </row>
    <row r="502" spans="1:71" ht="70.150000000000006" customHeight="1">
      <c r="A502" s="186" t="s">
        <v>491</v>
      </c>
      <c r="B502" s="118"/>
      <c r="C502" s="274" t="s">
        <v>492</v>
      </c>
      <c r="D502" s="275"/>
      <c r="E502" s="275"/>
      <c r="F502" s="275"/>
      <c r="G502" s="275"/>
      <c r="H502" s="276"/>
      <c r="I502" s="98" t="s">
        <v>493</v>
      </c>
      <c r="J502" s="93">
        <f t="shared" si="65"/>
        <v>0</v>
      </c>
      <c r="K502" s="152" t="str">
        <f t="shared" si="66"/>
        <v/>
      </c>
      <c r="L502" s="94">
        <v>0</v>
      </c>
      <c r="M502" s="259">
        <v>0</v>
      </c>
      <c r="N502" s="259">
        <v>0</v>
      </c>
      <c r="O502" s="259">
        <v>0</v>
      </c>
      <c r="P502" s="259">
        <v>0</v>
      </c>
      <c r="Q502" s="259"/>
      <c r="R502" s="259"/>
      <c r="S502" s="259"/>
      <c r="T502" s="259"/>
      <c r="U502" s="259"/>
      <c r="V502" s="259"/>
      <c r="W502" s="259"/>
      <c r="X502" s="259"/>
      <c r="Y502" s="259"/>
      <c r="Z502" s="259"/>
      <c r="AA502" s="259"/>
      <c r="AB502" s="259"/>
      <c r="AC502" s="259"/>
      <c r="AD502" s="259"/>
      <c r="AE502" s="259"/>
      <c r="AF502" s="259"/>
      <c r="AG502" s="259"/>
      <c r="AH502" s="259"/>
      <c r="AI502" s="259"/>
      <c r="AJ502" s="259"/>
      <c r="AK502" s="259"/>
      <c r="AL502" s="259"/>
      <c r="AM502" s="259"/>
      <c r="AN502" s="259"/>
      <c r="AO502" s="259"/>
      <c r="AP502" s="259"/>
      <c r="AQ502" s="259"/>
      <c r="AR502" s="259"/>
      <c r="AS502" s="259"/>
      <c r="AT502" s="259"/>
      <c r="AU502" s="259"/>
      <c r="AV502" s="259"/>
      <c r="AW502" s="259"/>
      <c r="AX502" s="259"/>
      <c r="AY502" s="259"/>
      <c r="AZ502" s="259"/>
      <c r="BA502" s="259"/>
      <c r="BB502" s="259"/>
      <c r="BC502" s="259"/>
      <c r="BD502" s="259"/>
      <c r="BE502" s="259"/>
      <c r="BF502" s="259"/>
      <c r="BG502" s="259"/>
      <c r="BH502" s="259"/>
      <c r="BI502" s="259"/>
      <c r="BJ502" s="259"/>
      <c r="BK502" s="259"/>
      <c r="BL502" s="259"/>
      <c r="BM502" s="259"/>
      <c r="BN502" s="259"/>
      <c r="BO502" s="259"/>
      <c r="BP502" s="259"/>
      <c r="BQ502" s="259"/>
      <c r="BR502" s="259"/>
      <c r="BS502" s="259"/>
    </row>
    <row r="503" spans="1:71" ht="70.150000000000006" customHeight="1">
      <c r="A503" s="186" t="s">
        <v>494</v>
      </c>
      <c r="B503" s="118"/>
      <c r="C503" s="274" t="s">
        <v>495</v>
      </c>
      <c r="D503" s="275"/>
      <c r="E503" s="275"/>
      <c r="F503" s="275"/>
      <c r="G503" s="275"/>
      <c r="H503" s="276"/>
      <c r="I503" s="98" t="s">
        <v>496</v>
      </c>
      <c r="J503" s="93" t="str">
        <f t="shared" si="65"/>
        <v>*</v>
      </c>
      <c r="K503" s="152" t="str">
        <f t="shared" si="66"/>
        <v>※</v>
      </c>
      <c r="L503" s="94" t="s">
        <v>382</v>
      </c>
      <c r="M503" s="259">
        <v>0</v>
      </c>
      <c r="N503" s="259">
        <v>0</v>
      </c>
      <c r="O503" s="259">
        <v>0</v>
      </c>
      <c r="P503" s="259">
        <v>0</v>
      </c>
      <c r="Q503" s="259"/>
      <c r="R503" s="259"/>
      <c r="S503" s="259"/>
      <c r="T503" s="259"/>
      <c r="U503" s="259"/>
      <c r="V503" s="259"/>
      <c r="W503" s="259"/>
      <c r="X503" s="259"/>
      <c r="Y503" s="259"/>
      <c r="Z503" s="259"/>
      <c r="AA503" s="259"/>
      <c r="AB503" s="259"/>
      <c r="AC503" s="259"/>
      <c r="AD503" s="259"/>
      <c r="AE503" s="259"/>
      <c r="AF503" s="259"/>
      <c r="AG503" s="259"/>
      <c r="AH503" s="259"/>
      <c r="AI503" s="259"/>
      <c r="AJ503" s="259"/>
      <c r="AK503" s="259"/>
      <c r="AL503" s="259"/>
      <c r="AM503" s="259"/>
      <c r="AN503" s="259"/>
      <c r="AO503" s="259"/>
      <c r="AP503" s="259"/>
      <c r="AQ503" s="259"/>
      <c r="AR503" s="259"/>
      <c r="AS503" s="259"/>
      <c r="AT503" s="259"/>
      <c r="AU503" s="259"/>
      <c r="AV503" s="259"/>
      <c r="AW503" s="259"/>
      <c r="AX503" s="259"/>
      <c r="AY503" s="259"/>
      <c r="AZ503" s="259"/>
      <c r="BA503" s="259"/>
      <c r="BB503" s="259"/>
      <c r="BC503" s="259"/>
      <c r="BD503" s="259"/>
      <c r="BE503" s="259"/>
      <c r="BF503" s="259"/>
      <c r="BG503" s="259"/>
      <c r="BH503" s="259"/>
      <c r="BI503" s="259"/>
      <c r="BJ503" s="259"/>
      <c r="BK503" s="259"/>
      <c r="BL503" s="259"/>
      <c r="BM503" s="259"/>
      <c r="BN503" s="259"/>
      <c r="BO503" s="259"/>
      <c r="BP503" s="259"/>
      <c r="BQ503" s="259"/>
      <c r="BR503" s="259"/>
      <c r="BS503" s="259"/>
    </row>
    <row r="504" spans="1:71" s="74" customFormat="1" ht="17.25" customHeight="1">
      <c r="A504" s="178"/>
      <c r="B504" s="14"/>
      <c r="C504" s="14"/>
      <c r="D504" s="14"/>
      <c r="E504" s="14"/>
      <c r="F504" s="14"/>
      <c r="G504" s="14"/>
      <c r="H504" s="10"/>
      <c r="I504" s="10"/>
      <c r="J504" s="71"/>
      <c r="K504" s="72"/>
      <c r="L504" s="73"/>
      <c r="M504" s="73"/>
      <c r="N504" s="73"/>
      <c r="O504" s="73"/>
      <c r="P504" s="73"/>
      <c r="Q504" s="73"/>
    </row>
    <row r="505" spans="1:71" s="67" customFormat="1">
      <c r="A505" s="178"/>
      <c r="B505" s="68"/>
      <c r="C505" s="52"/>
      <c r="D505" s="52"/>
      <c r="E505" s="52"/>
      <c r="F505" s="52"/>
      <c r="G505" s="52"/>
      <c r="H505" s="75"/>
      <c r="I505" s="75"/>
      <c r="J505" s="71"/>
      <c r="K505" s="72"/>
      <c r="L505" s="73"/>
      <c r="M505" s="73"/>
      <c r="N505" s="73"/>
      <c r="O505" s="73"/>
      <c r="P505" s="73"/>
      <c r="Q505" s="73"/>
    </row>
    <row r="506" spans="1:71">
      <c r="A506" s="178"/>
      <c r="B506" s="154"/>
      <c r="C506" s="3"/>
      <c r="D506" s="3"/>
      <c r="F506" s="3"/>
      <c r="G506" s="3"/>
      <c r="H506" s="214"/>
      <c r="I506" s="214"/>
      <c r="J506" s="51"/>
      <c r="K506" s="24"/>
      <c r="L506" s="86"/>
      <c r="M506" s="86"/>
      <c r="N506" s="86"/>
      <c r="O506" s="86"/>
      <c r="P506" s="86"/>
      <c r="Q506" s="86"/>
      <c r="R506" s="8"/>
      <c r="S506" s="8"/>
      <c r="T506" s="8"/>
      <c r="U506" s="8"/>
      <c r="V506" s="8"/>
    </row>
    <row r="507" spans="1:71">
      <c r="A507" s="178"/>
      <c r="B507" s="14" t="s">
        <v>497</v>
      </c>
      <c r="C507" s="85"/>
      <c r="D507" s="85"/>
      <c r="E507" s="85"/>
      <c r="F507" s="85"/>
      <c r="G507" s="85"/>
      <c r="H507" s="10"/>
      <c r="I507" s="10"/>
      <c r="J507" s="51"/>
      <c r="K507" s="24"/>
      <c r="L507" s="86"/>
      <c r="M507" s="86"/>
      <c r="N507" s="86"/>
      <c r="O507" s="86"/>
      <c r="P507" s="86"/>
      <c r="Q507" s="86"/>
      <c r="R507" s="8"/>
      <c r="S507" s="8"/>
      <c r="T507" s="8"/>
      <c r="U507" s="8"/>
      <c r="V507" s="8"/>
    </row>
    <row r="508" spans="1:71">
      <c r="A508" s="178"/>
      <c r="B508" s="14"/>
      <c r="C508" s="14"/>
      <c r="D508" s="14"/>
      <c r="E508" s="14"/>
      <c r="F508" s="14"/>
      <c r="G508" s="14"/>
      <c r="H508" s="10"/>
      <c r="I508" s="10"/>
      <c r="L508" s="175"/>
      <c r="M508" s="175"/>
      <c r="N508" s="175"/>
      <c r="O508" s="175"/>
      <c r="P508" s="175"/>
      <c r="Q508" s="175"/>
      <c r="R508" s="8"/>
      <c r="S508" s="8"/>
      <c r="T508" s="8"/>
      <c r="U508" s="8"/>
      <c r="V508" s="8"/>
    </row>
    <row r="509" spans="1:71" s="240" customFormat="1" ht="34.5" customHeight="1">
      <c r="A509" s="178"/>
      <c r="B509" s="14"/>
      <c r="C509" s="14" t="s">
        <v>498</v>
      </c>
      <c r="D509" s="3"/>
      <c r="E509" s="3"/>
      <c r="F509" s="3"/>
      <c r="G509" s="3"/>
      <c r="H509" s="214"/>
      <c r="I509" s="214"/>
      <c r="J509" s="63" t="s">
        <v>81</v>
      </c>
      <c r="K509" s="136"/>
      <c r="L509" s="245" t="str">
        <f t="shared" ref="L509:AQ509" si="67">IF(ISBLANK(L$390),"",L$390)</f>
        <v>4階病棟</v>
      </c>
      <c r="M509" s="249" t="str">
        <f t="shared" si="67"/>
        <v>回復期リハビリテーション病棟</v>
      </c>
      <c r="N509" s="247" t="str">
        <f t="shared" si="67"/>
        <v>地域包括ケア病棟</v>
      </c>
      <c r="O509" s="247" t="str">
        <f t="shared" si="67"/>
        <v>特殊疾患病棟</v>
      </c>
      <c r="P509" s="247" t="str">
        <f t="shared" si="67"/>
        <v>療養病棟2階</v>
      </c>
      <c r="Q509" s="247" t="str">
        <f t="shared" si="67"/>
        <v/>
      </c>
      <c r="R509" s="247" t="str">
        <f t="shared" si="67"/>
        <v/>
      </c>
      <c r="S509" s="247" t="str">
        <f t="shared" si="67"/>
        <v/>
      </c>
      <c r="T509" s="247" t="str">
        <f t="shared" si="67"/>
        <v/>
      </c>
      <c r="U509" s="247" t="str">
        <f t="shared" si="67"/>
        <v/>
      </c>
      <c r="V509" s="247" t="str">
        <f t="shared" si="67"/>
        <v/>
      </c>
      <c r="W509" s="247" t="str">
        <f t="shared" si="67"/>
        <v/>
      </c>
      <c r="X509" s="247" t="str">
        <f t="shared" si="67"/>
        <v/>
      </c>
      <c r="Y509" s="247" t="str">
        <f t="shared" si="67"/>
        <v/>
      </c>
      <c r="Z509" s="247" t="str">
        <f t="shared" si="67"/>
        <v/>
      </c>
      <c r="AA509" s="247" t="str">
        <f t="shared" si="67"/>
        <v/>
      </c>
      <c r="AB509" s="247" t="str">
        <f t="shared" si="67"/>
        <v/>
      </c>
      <c r="AC509" s="247" t="str">
        <f t="shared" si="67"/>
        <v/>
      </c>
      <c r="AD509" s="247" t="str">
        <f t="shared" si="67"/>
        <v/>
      </c>
      <c r="AE509" s="247" t="str">
        <f t="shared" si="67"/>
        <v/>
      </c>
      <c r="AF509" s="247" t="str">
        <f t="shared" si="67"/>
        <v/>
      </c>
      <c r="AG509" s="247" t="str">
        <f t="shared" si="67"/>
        <v/>
      </c>
      <c r="AH509" s="247" t="str">
        <f t="shared" si="67"/>
        <v/>
      </c>
      <c r="AI509" s="247" t="str">
        <f t="shared" si="67"/>
        <v/>
      </c>
      <c r="AJ509" s="247" t="str">
        <f t="shared" si="67"/>
        <v/>
      </c>
      <c r="AK509" s="247" t="str">
        <f t="shared" si="67"/>
        <v/>
      </c>
      <c r="AL509" s="247" t="str">
        <f t="shared" si="67"/>
        <v/>
      </c>
      <c r="AM509" s="247" t="str">
        <f t="shared" si="67"/>
        <v/>
      </c>
      <c r="AN509" s="247" t="str">
        <f t="shared" si="67"/>
        <v/>
      </c>
      <c r="AO509" s="247" t="str">
        <f t="shared" si="67"/>
        <v/>
      </c>
      <c r="AP509" s="247" t="str">
        <f t="shared" si="67"/>
        <v/>
      </c>
      <c r="AQ509" s="247" t="str">
        <f t="shared" si="67"/>
        <v/>
      </c>
      <c r="AR509" s="247" t="str">
        <f t="shared" ref="AR509:BS509" si="68">IF(ISBLANK(AR$390),"",AR$390)</f>
        <v/>
      </c>
      <c r="AS509" s="247" t="str">
        <f t="shared" si="68"/>
        <v/>
      </c>
      <c r="AT509" s="247" t="str">
        <f t="shared" si="68"/>
        <v/>
      </c>
      <c r="AU509" s="247" t="str">
        <f t="shared" si="68"/>
        <v/>
      </c>
      <c r="AV509" s="247" t="str">
        <f t="shared" si="68"/>
        <v/>
      </c>
      <c r="AW509" s="247" t="str">
        <f t="shared" si="68"/>
        <v/>
      </c>
      <c r="AX509" s="247" t="str">
        <f t="shared" si="68"/>
        <v/>
      </c>
      <c r="AY509" s="247" t="str">
        <f t="shared" si="68"/>
        <v/>
      </c>
      <c r="AZ509" s="247" t="str">
        <f t="shared" si="68"/>
        <v/>
      </c>
      <c r="BA509" s="247" t="str">
        <f t="shared" si="68"/>
        <v/>
      </c>
      <c r="BB509" s="247" t="str">
        <f t="shared" si="68"/>
        <v/>
      </c>
      <c r="BC509" s="247" t="str">
        <f t="shared" si="68"/>
        <v/>
      </c>
      <c r="BD509" s="247" t="str">
        <f t="shared" si="68"/>
        <v/>
      </c>
      <c r="BE509" s="247" t="str">
        <f t="shared" si="68"/>
        <v/>
      </c>
      <c r="BF509" s="247" t="str">
        <f t="shared" si="68"/>
        <v/>
      </c>
      <c r="BG509" s="247" t="str">
        <f t="shared" si="68"/>
        <v/>
      </c>
      <c r="BH509" s="247" t="str">
        <f t="shared" si="68"/>
        <v/>
      </c>
      <c r="BI509" s="247" t="str">
        <f t="shared" si="68"/>
        <v/>
      </c>
      <c r="BJ509" s="247" t="str">
        <f t="shared" si="68"/>
        <v/>
      </c>
      <c r="BK509" s="247" t="str">
        <f t="shared" si="68"/>
        <v/>
      </c>
      <c r="BL509" s="247" t="str">
        <f t="shared" si="68"/>
        <v/>
      </c>
      <c r="BM509" s="247" t="str">
        <f t="shared" si="68"/>
        <v/>
      </c>
      <c r="BN509" s="247" t="str">
        <f t="shared" si="68"/>
        <v/>
      </c>
      <c r="BO509" s="247" t="str">
        <f t="shared" si="68"/>
        <v/>
      </c>
      <c r="BP509" s="247" t="str">
        <f t="shared" si="68"/>
        <v/>
      </c>
      <c r="BQ509" s="247" t="str">
        <f t="shared" si="68"/>
        <v/>
      </c>
      <c r="BR509" s="247" t="str">
        <f t="shared" si="68"/>
        <v/>
      </c>
      <c r="BS509" s="247" t="str">
        <f t="shared" si="68"/>
        <v/>
      </c>
    </row>
    <row r="510" spans="1:71" s="240" customFormat="1" ht="20.25" customHeight="1">
      <c r="A510" s="178"/>
      <c r="B510" s="1"/>
      <c r="C510" s="381"/>
      <c r="D510" s="382"/>
      <c r="E510" s="382"/>
      <c r="F510" s="382"/>
      <c r="G510" s="85"/>
      <c r="H510" s="214"/>
      <c r="I510" s="56" t="s">
        <v>82</v>
      </c>
      <c r="J510" s="57"/>
      <c r="K510" s="137"/>
      <c r="L510" s="59" t="str">
        <f t="shared" ref="L510:AQ510" si="69">IF(ISBLANK(L$391),"",L$391)</f>
        <v>-</v>
      </c>
      <c r="M510" s="250" t="str">
        <f t="shared" si="69"/>
        <v>-</v>
      </c>
      <c r="N510" s="59" t="str">
        <f t="shared" si="69"/>
        <v>-</v>
      </c>
      <c r="O510" s="59" t="str">
        <f t="shared" si="69"/>
        <v>-</v>
      </c>
      <c r="P510" s="59" t="str">
        <f t="shared" si="69"/>
        <v>-</v>
      </c>
      <c r="Q510" s="59" t="str">
        <f t="shared" si="69"/>
        <v/>
      </c>
      <c r="R510" s="59" t="str">
        <f t="shared" si="69"/>
        <v/>
      </c>
      <c r="S510" s="59" t="str">
        <f t="shared" si="69"/>
        <v/>
      </c>
      <c r="T510" s="59" t="str">
        <f t="shared" si="69"/>
        <v/>
      </c>
      <c r="U510" s="59" t="str">
        <f t="shared" si="69"/>
        <v/>
      </c>
      <c r="V510" s="59" t="str">
        <f t="shared" si="69"/>
        <v/>
      </c>
      <c r="W510" s="59" t="str">
        <f t="shared" si="69"/>
        <v/>
      </c>
      <c r="X510" s="59" t="str">
        <f t="shared" si="69"/>
        <v/>
      </c>
      <c r="Y510" s="59" t="str">
        <f t="shared" si="69"/>
        <v/>
      </c>
      <c r="Z510" s="59" t="str">
        <f t="shared" si="69"/>
        <v/>
      </c>
      <c r="AA510" s="59" t="str">
        <f t="shared" si="69"/>
        <v/>
      </c>
      <c r="AB510" s="59" t="str">
        <f t="shared" si="69"/>
        <v/>
      </c>
      <c r="AC510" s="59" t="str">
        <f t="shared" si="69"/>
        <v/>
      </c>
      <c r="AD510" s="59" t="str">
        <f t="shared" si="69"/>
        <v/>
      </c>
      <c r="AE510" s="59" t="str">
        <f t="shared" si="69"/>
        <v/>
      </c>
      <c r="AF510" s="59" t="str">
        <f t="shared" si="69"/>
        <v/>
      </c>
      <c r="AG510" s="59" t="str">
        <f t="shared" si="69"/>
        <v/>
      </c>
      <c r="AH510" s="59" t="str">
        <f t="shared" si="69"/>
        <v/>
      </c>
      <c r="AI510" s="59" t="str">
        <f t="shared" si="69"/>
        <v/>
      </c>
      <c r="AJ510" s="59" t="str">
        <f t="shared" si="69"/>
        <v/>
      </c>
      <c r="AK510" s="59" t="str">
        <f t="shared" si="69"/>
        <v/>
      </c>
      <c r="AL510" s="59" t="str">
        <f t="shared" si="69"/>
        <v/>
      </c>
      <c r="AM510" s="59" t="str">
        <f t="shared" si="69"/>
        <v/>
      </c>
      <c r="AN510" s="59" t="str">
        <f t="shared" si="69"/>
        <v/>
      </c>
      <c r="AO510" s="59" t="str">
        <f t="shared" si="69"/>
        <v/>
      </c>
      <c r="AP510" s="59" t="str">
        <f t="shared" si="69"/>
        <v/>
      </c>
      <c r="AQ510" s="59" t="str">
        <f t="shared" si="69"/>
        <v/>
      </c>
      <c r="AR510" s="59" t="str">
        <f t="shared" ref="AR510:BS510" si="70">IF(ISBLANK(AR$391),"",AR$391)</f>
        <v/>
      </c>
      <c r="AS510" s="59" t="str">
        <f t="shared" si="70"/>
        <v/>
      </c>
      <c r="AT510" s="59" t="str">
        <f t="shared" si="70"/>
        <v/>
      </c>
      <c r="AU510" s="59" t="str">
        <f t="shared" si="70"/>
        <v/>
      </c>
      <c r="AV510" s="59" t="str">
        <f t="shared" si="70"/>
        <v/>
      </c>
      <c r="AW510" s="59" t="str">
        <f t="shared" si="70"/>
        <v/>
      </c>
      <c r="AX510" s="59" t="str">
        <f t="shared" si="70"/>
        <v/>
      </c>
      <c r="AY510" s="59" t="str">
        <f t="shared" si="70"/>
        <v/>
      </c>
      <c r="AZ510" s="59" t="str">
        <f t="shared" si="70"/>
        <v/>
      </c>
      <c r="BA510" s="59" t="str">
        <f t="shared" si="70"/>
        <v/>
      </c>
      <c r="BB510" s="59" t="str">
        <f t="shared" si="70"/>
        <v/>
      </c>
      <c r="BC510" s="59" t="str">
        <f t="shared" si="70"/>
        <v/>
      </c>
      <c r="BD510" s="59" t="str">
        <f t="shared" si="70"/>
        <v/>
      </c>
      <c r="BE510" s="59" t="str">
        <f t="shared" si="70"/>
        <v/>
      </c>
      <c r="BF510" s="59" t="str">
        <f t="shared" si="70"/>
        <v/>
      </c>
      <c r="BG510" s="59" t="str">
        <f t="shared" si="70"/>
        <v/>
      </c>
      <c r="BH510" s="59" t="str">
        <f t="shared" si="70"/>
        <v/>
      </c>
      <c r="BI510" s="59" t="str">
        <f t="shared" si="70"/>
        <v/>
      </c>
      <c r="BJ510" s="59" t="str">
        <f t="shared" si="70"/>
        <v/>
      </c>
      <c r="BK510" s="59" t="str">
        <f t="shared" si="70"/>
        <v/>
      </c>
      <c r="BL510" s="59" t="str">
        <f t="shared" si="70"/>
        <v/>
      </c>
      <c r="BM510" s="59" t="str">
        <f t="shared" si="70"/>
        <v/>
      </c>
      <c r="BN510" s="59" t="str">
        <f t="shared" si="70"/>
        <v/>
      </c>
      <c r="BO510" s="59" t="str">
        <f t="shared" si="70"/>
        <v/>
      </c>
      <c r="BP510" s="59" t="str">
        <f t="shared" si="70"/>
        <v/>
      </c>
      <c r="BQ510" s="59" t="str">
        <f t="shared" si="70"/>
        <v/>
      </c>
      <c r="BR510" s="59" t="str">
        <f t="shared" si="70"/>
        <v/>
      </c>
      <c r="BS510" s="59" t="str">
        <f t="shared" si="70"/>
        <v/>
      </c>
    </row>
    <row r="511" spans="1:71" ht="42" customHeight="1">
      <c r="A511" s="186" t="s">
        <v>499</v>
      </c>
      <c r="B511" s="1"/>
      <c r="C511" s="274" t="s">
        <v>500</v>
      </c>
      <c r="D511" s="275"/>
      <c r="E511" s="275"/>
      <c r="F511" s="275"/>
      <c r="G511" s="275"/>
      <c r="H511" s="276"/>
      <c r="I511" s="100" t="s">
        <v>501</v>
      </c>
      <c r="J511" s="93" t="str">
        <f>IF(SUM(L511:BS511)=0,IF(COUNTIF(L511:BS511,"未確認")&gt;0,"未確認",IF(COUNTIF(L511:BS511,"~*")&gt;0,"*",SUM(L511:BS511))),SUM(L511:BS511))</f>
        <v>*</v>
      </c>
      <c r="K511" s="152" t="str">
        <f t="shared" ref="K511:K518" si="71">IF(OR(COUNTIF(L511:BS511,"未確認")&gt;0,COUNTIF(L511:BS511,"*")&gt;0),"※","")</f>
        <v>※</v>
      </c>
      <c r="L511" s="94" t="s">
        <v>382</v>
      </c>
      <c r="M511" s="259">
        <v>0</v>
      </c>
      <c r="N511" s="259">
        <v>0</v>
      </c>
      <c r="O511" s="259">
        <v>0</v>
      </c>
      <c r="P511" s="259">
        <v>0</v>
      </c>
      <c r="Q511" s="259"/>
      <c r="R511" s="259"/>
      <c r="S511" s="259"/>
      <c r="T511" s="259"/>
      <c r="U511" s="259"/>
      <c r="V511" s="259"/>
      <c r="W511" s="259"/>
      <c r="X511" s="259"/>
      <c r="Y511" s="259"/>
      <c r="Z511" s="259"/>
      <c r="AA511" s="259"/>
      <c r="AB511" s="259"/>
      <c r="AC511" s="259"/>
      <c r="AD511" s="259"/>
      <c r="AE511" s="259"/>
      <c r="AF511" s="259"/>
      <c r="AG511" s="259"/>
      <c r="AH511" s="259"/>
      <c r="AI511" s="259"/>
      <c r="AJ511" s="259"/>
      <c r="AK511" s="259"/>
      <c r="AL511" s="259"/>
      <c r="AM511" s="259"/>
      <c r="AN511" s="259"/>
      <c r="AO511" s="259"/>
      <c r="AP511" s="259"/>
      <c r="AQ511" s="259"/>
      <c r="AR511" s="259"/>
      <c r="AS511" s="259"/>
      <c r="AT511" s="259"/>
      <c r="AU511" s="259"/>
      <c r="AV511" s="259"/>
      <c r="AW511" s="259"/>
      <c r="AX511" s="259"/>
      <c r="AY511" s="259"/>
      <c r="AZ511" s="259"/>
      <c r="BA511" s="259"/>
      <c r="BB511" s="259"/>
      <c r="BC511" s="259"/>
      <c r="BD511" s="259"/>
      <c r="BE511" s="259"/>
      <c r="BF511" s="259"/>
      <c r="BG511" s="259"/>
      <c r="BH511" s="259"/>
      <c r="BI511" s="259"/>
      <c r="BJ511" s="259"/>
      <c r="BK511" s="259"/>
      <c r="BL511" s="259"/>
      <c r="BM511" s="259"/>
      <c r="BN511" s="259"/>
      <c r="BO511" s="259"/>
      <c r="BP511" s="259"/>
      <c r="BQ511" s="259"/>
      <c r="BR511" s="259"/>
      <c r="BS511" s="259"/>
    </row>
    <row r="512" spans="1:71" ht="84" customHeight="1">
      <c r="A512" s="186" t="s">
        <v>502</v>
      </c>
      <c r="B512" s="155"/>
      <c r="C512" s="274" t="s">
        <v>503</v>
      </c>
      <c r="D512" s="275"/>
      <c r="E512" s="275"/>
      <c r="F512" s="275"/>
      <c r="G512" s="275"/>
      <c r="H512" s="276"/>
      <c r="I512" s="98" t="s">
        <v>504</v>
      </c>
      <c r="J512" s="93" t="str">
        <f t="shared" ref="J512:J518" si="72">IF(SUM(L512:BS512)=0,IF(COUNTIF(L512:BS512,"未確認")&gt;0,"未確認",IF(COUNTIF(L512:BS512,"~*")&gt;0,"*",SUM(L512:BS512))),SUM(L512:BS512))</f>
        <v>*</v>
      </c>
      <c r="K512" s="152" t="str">
        <f t="shared" si="71"/>
        <v>※</v>
      </c>
      <c r="L512" s="94" t="s">
        <v>382</v>
      </c>
      <c r="M512" s="259">
        <v>0</v>
      </c>
      <c r="N512" s="259">
        <v>0</v>
      </c>
      <c r="O512" s="259">
        <v>0</v>
      </c>
      <c r="P512" s="259">
        <v>0</v>
      </c>
      <c r="Q512" s="259"/>
      <c r="R512" s="259"/>
      <c r="S512" s="259"/>
      <c r="T512" s="259"/>
      <c r="U512" s="259"/>
      <c r="V512" s="259"/>
      <c r="W512" s="259"/>
      <c r="X512" s="259"/>
      <c r="Y512" s="259"/>
      <c r="Z512" s="259"/>
      <c r="AA512" s="259"/>
      <c r="AB512" s="259"/>
      <c r="AC512" s="259"/>
      <c r="AD512" s="259"/>
      <c r="AE512" s="259"/>
      <c r="AF512" s="259"/>
      <c r="AG512" s="259"/>
      <c r="AH512" s="259"/>
      <c r="AI512" s="259"/>
      <c r="AJ512" s="259"/>
      <c r="AK512" s="259"/>
      <c r="AL512" s="259"/>
      <c r="AM512" s="259"/>
      <c r="AN512" s="259"/>
      <c r="AO512" s="259"/>
      <c r="AP512" s="259"/>
      <c r="AQ512" s="259"/>
      <c r="AR512" s="259"/>
      <c r="AS512" s="259"/>
      <c r="AT512" s="259"/>
      <c r="AU512" s="259"/>
      <c r="AV512" s="259"/>
      <c r="AW512" s="259"/>
      <c r="AX512" s="259"/>
      <c r="AY512" s="259"/>
      <c r="AZ512" s="259"/>
      <c r="BA512" s="259"/>
      <c r="BB512" s="259"/>
      <c r="BC512" s="259"/>
      <c r="BD512" s="259"/>
      <c r="BE512" s="259"/>
      <c r="BF512" s="259"/>
      <c r="BG512" s="259"/>
      <c r="BH512" s="259"/>
      <c r="BI512" s="259"/>
      <c r="BJ512" s="259"/>
      <c r="BK512" s="259"/>
      <c r="BL512" s="259"/>
      <c r="BM512" s="259"/>
      <c r="BN512" s="259"/>
      <c r="BO512" s="259"/>
      <c r="BP512" s="259"/>
      <c r="BQ512" s="259"/>
      <c r="BR512" s="259"/>
      <c r="BS512" s="259"/>
    </row>
    <row r="513" spans="1:71" ht="56.1" customHeight="1">
      <c r="A513" s="186" t="s">
        <v>505</v>
      </c>
      <c r="B513" s="155"/>
      <c r="C513" s="274" t="s">
        <v>506</v>
      </c>
      <c r="D513" s="275"/>
      <c r="E513" s="275"/>
      <c r="F513" s="275"/>
      <c r="G513" s="275"/>
      <c r="H513" s="276"/>
      <c r="I513" s="98" t="s">
        <v>507</v>
      </c>
      <c r="J513" s="93" t="str">
        <f t="shared" si="72"/>
        <v>*</v>
      </c>
      <c r="K513" s="152" t="str">
        <f t="shared" si="71"/>
        <v>※</v>
      </c>
      <c r="L513" s="94" t="s">
        <v>382</v>
      </c>
      <c r="M513" s="259">
        <v>0</v>
      </c>
      <c r="N513" s="259">
        <v>0</v>
      </c>
      <c r="O513" s="259">
        <v>0</v>
      </c>
      <c r="P513" s="259">
        <v>0</v>
      </c>
      <c r="Q513" s="259"/>
      <c r="R513" s="259"/>
      <c r="S513" s="259"/>
      <c r="T513" s="259"/>
      <c r="U513" s="259"/>
      <c r="V513" s="259"/>
      <c r="W513" s="259"/>
      <c r="X513" s="259"/>
      <c r="Y513" s="259"/>
      <c r="Z513" s="259"/>
      <c r="AA513" s="259"/>
      <c r="AB513" s="259"/>
      <c r="AC513" s="259"/>
      <c r="AD513" s="259"/>
      <c r="AE513" s="259"/>
      <c r="AF513" s="259"/>
      <c r="AG513" s="259"/>
      <c r="AH513" s="259"/>
      <c r="AI513" s="259"/>
      <c r="AJ513" s="259"/>
      <c r="AK513" s="259"/>
      <c r="AL513" s="259"/>
      <c r="AM513" s="259"/>
      <c r="AN513" s="259"/>
      <c r="AO513" s="259"/>
      <c r="AP513" s="259"/>
      <c r="AQ513" s="259"/>
      <c r="AR513" s="259"/>
      <c r="AS513" s="259"/>
      <c r="AT513" s="259"/>
      <c r="AU513" s="259"/>
      <c r="AV513" s="259"/>
      <c r="AW513" s="259"/>
      <c r="AX513" s="259"/>
      <c r="AY513" s="259"/>
      <c r="AZ513" s="259"/>
      <c r="BA513" s="259"/>
      <c r="BB513" s="259"/>
      <c r="BC513" s="259"/>
      <c r="BD513" s="259"/>
      <c r="BE513" s="259"/>
      <c r="BF513" s="259"/>
      <c r="BG513" s="259"/>
      <c r="BH513" s="259"/>
      <c r="BI513" s="259"/>
      <c r="BJ513" s="259"/>
      <c r="BK513" s="259"/>
      <c r="BL513" s="259"/>
      <c r="BM513" s="259"/>
      <c r="BN513" s="259"/>
      <c r="BO513" s="259"/>
      <c r="BP513" s="259"/>
      <c r="BQ513" s="259"/>
      <c r="BR513" s="259"/>
      <c r="BS513" s="259"/>
    </row>
    <row r="514" spans="1:71" ht="56.1" customHeight="1">
      <c r="A514" s="186" t="s">
        <v>508</v>
      </c>
      <c r="B514" s="155"/>
      <c r="C514" s="274" t="s">
        <v>509</v>
      </c>
      <c r="D514" s="275"/>
      <c r="E514" s="275"/>
      <c r="F514" s="275"/>
      <c r="G514" s="275"/>
      <c r="H514" s="276"/>
      <c r="I514" s="98" t="s">
        <v>510</v>
      </c>
      <c r="J514" s="93">
        <f t="shared" si="72"/>
        <v>0</v>
      </c>
      <c r="K514" s="152" t="str">
        <f t="shared" si="71"/>
        <v/>
      </c>
      <c r="L514" s="94">
        <v>0</v>
      </c>
      <c r="M514" s="259">
        <v>0</v>
      </c>
      <c r="N514" s="259">
        <v>0</v>
      </c>
      <c r="O514" s="259">
        <v>0</v>
      </c>
      <c r="P514" s="259">
        <v>0</v>
      </c>
      <c r="Q514" s="259"/>
      <c r="R514" s="259"/>
      <c r="S514" s="259"/>
      <c r="T514" s="259"/>
      <c r="U514" s="259"/>
      <c r="V514" s="259"/>
      <c r="W514" s="259"/>
      <c r="X514" s="259"/>
      <c r="Y514" s="259"/>
      <c r="Z514" s="259"/>
      <c r="AA514" s="259"/>
      <c r="AB514" s="259"/>
      <c r="AC514" s="259"/>
      <c r="AD514" s="259"/>
      <c r="AE514" s="259"/>
      <c r="AF514" s="259"/>
      <c r="AG514" s="259"/>
      <c r="AH514" s="259"/>
      <c r="AI514" s="259"/>
      <c r="AJ514" s="259"/>
      <c r="AK514" s="259"/>
      <c r="AL514" s="259"/>
      <c r="AM514" s="259"/>
      <c r="AN514" s="259"/>
      <c r="AO514" s="259"/>
      <c r="AP514" s="259"/>
      <c r="AQ514" s="259"/>
      <c r="AR514" s="259"/>
      <c r="AS514" s="259"/>
      <c r="AT514" s="259"/>
      <c r="AU514" s="259"/>
      <c r="AV514" s="259"/>
      <c r="AW514" s="259"/>
      <c r="AX514" s="259"/>
      <c r="AY514" s="259"/>
      <c r="AZ514" s="259"/>
      <c r="BA514" s="259"/>
      <c r="BB514" s="259"/>
      <c r="BC514" s="259"/>
      <c r="BD514" s="259"/>
      <c r="BE514" s="259"/>
      <c r="BF514" s="259"/>
      <c r="BG514" s="259"/>
      <c r="BH514" s="259"/>
      <c r="BI514" s="259"/>
      <c r="BJ514" s="259"/>
      <c r="BK514" s="259"/>
      <c r="BL514" s="259"/>
      <c r="BM514" s="259"/>
      <c r="BN514" s="259"/>
      <c r="BO514" s="259"/>
      <c r="BP514" s="259"/>
      <c r="BQ514" s="259"/>
      <c r="BR514" s="259"/>
      <c r="BS514" s="259"/>
    </row>
    <row r="515" spans="1:71" ht="71.25">
      <c r="A515" s="186" t="s">
        <v>511</v>
      </c>
      <c r="B515" s="155"/>
      <c r="C515" s="274" t="s">
        <v>512</v>
      </c>
      <c r="D515" s="275"/>
      <c r="E515" s="275"/>
      <c r="F515" s="275"/>
      <c r="G515" s="275"/>
      <c r="H515" s="276"/>
      <c r="I515" s="98" t="s">
        <v>513</v>
      </c>
      <c r="J515" s="93" t="str">
        <f t="shared" si="72"/>
        <v>*</v>
      </c>
      <c r="K515" s="152" t="str">
        <f t="shared" si="71"/>
        <v>※</v>
      </c>
      <c r="L515" s="94" t="s">
        <v>382</v>
      </c>
      <c r="M515" s="259" t="s">
        <v>382</v>
      </c>
      <c r="N515" s="259" t="s">
        <v>382</v>
      </c>
      <c r="O515" s="259">
        <v>0</v>
      </c>
      <c r="P515" s="259">
        <v>0</v>
      </c>
      <c r="Q515" s="259"/>
      <c r="R515" s="259"/>
      <c r="S515" s="259"/>
      <c r="T515" s="259"/>
      <c r="U515" s="259"/>
      <c r="V515" s="259"/>
      <c r="W515" s="259"/>
      <c r="X515" s="259"/>
      <c r="Y515" s="259"/>
      <c r="Z515" s="259"/>
      <c r="AA515" s="259"/>
      <c r="AB515" s="259"/>
      <c r="AC515" s="259"/>
      <c r="AD515" s="259"/>
      <c r="AE515" s="259"/>
      <c r="AF515" s="259"/>
      <c r="AG515" s="259"/>
      <c r="AH515" s="259"/>
      <c r="AI515" s="259"/>
      <c r="AJ515" s="259"/>
      <c r="AK515" s="259"/>
      <c r="AL515" s="259"/>
      <c r="AM515" s="259"/>
      <c r="AN515" s="259"/>
      <c r="AO515" s="259"/>
      <c r="AP515" s="259"/>
      <c r="AQ515" s="259"/>
      <c r="AR515" s="259"/>
      <c r="AS515" s="259"/>
      <c r="AT515" s="259"/>
      <c r="AU515" s="259"/>
      <c r="AV515" s="259"/>
      <c r="AW515" s="259"/>
      <c r="AX515" s="259"/>
      <c r="AY515" s="259"/>
      <c r="AZ515" s="259"/>
      <c r="BA515" s="259"/>
      <c r="BB515" s="259"/>
      <c r="BC515" s="259"/>
      <c r="BD515" s="259"/>
      <c r="BE515" s="259"/>
      <c r="BF515" s="259"/>
      <c r="BG515" s="259"/>
      <c r="BH515" s="259"/>
      <c r="BI515" s="259"/>
      <c r="BJ515" s="259"/>
      <c r="BK515" s="259"/>
      <c r="BL515" s="259"/>
      <c r="BM515" s="259"/>
      <c r="BN515" s="259"/>
      <c r="BO515" s="259"/>
      <c r="BP515" s="259"/>
      <c r="BQ515" s="259"/>
      <c r="BR515" s="259"/>
      <c r="BS515" s="259"/>
    </row>
    <row r="516" spans="1:71" s="95" customFormat="1" ht="84" customHeight="1">
      <c r="A516" s="186" t="s">
        <v>514</v>
      </c>
      <c r="B516" s="155"/>
      <c r="C516" s="301" t="s">
        <v>515</v>
      </c>
      <c r="D516" s="302"/>
      <c r="E516" s="302"/>
      <c r="F516" s="302"/>
      <c r="G516" s="302"/>
      <c r="H516" s="303"/>
      <c r="I516" s="98" t="s">
        <v>516</v>
      </c>
      <c r="J516" s="93">
        <f t="shared" si="72"/>
        <v>0</v>
      </c>
      <c r="K516" s="152" t="str">
        <f t="shared" si="71"/>
        <v/>
      </c>
      <c r="L516" s="94">
        <v>0</v>
      </c>
      <c r="M516" s="259">
        <v>0</v>
      </c>
      <c r="N516" s="259">
        <v>0</v>
      </c>
      <c r="O516" s="259">
        <v>0</v>
      </c>
      <c r="P516" s="259">
        <v>0</v>
      </c>
      <c r="Q516" s="259"/>
      <c r="R516" s="259"/>
      <c r="S516" s="259"/>
      <c r="T516" s="259"/>
      <c r="U516" s="259"/>
      <c r="V516" s="259"/>
      <c r="W516" s="259"/>
      <c r="X516" s="259"/>
      <c r="Y516" s="259"/>
      <c r="Z516" s="259"/>
      <c r="AA516" s="259"/>
      <c r="AB516" s="259"/>
      <c r="AC516" s="259"/>
      <c r="AD516" s="259"/>
      <c r="AE516" s="259"/>
      <c r="AF516" s="259"/>
      <c r="AG516" s="259"/>
      <c r="AH516" s="259"/>
      <c r="AI516" s="259"/>
      <c r="AJ516" s="259"/>
      <c r="AK516" s="259"/>
      <c r="AL516" s="259"/>
      <c r="AM516" s="259"/>
      <c r="AN516" s="259"/>
      <c r="AO516" s="259"/>
      <c r="AP516" s="259"/>
      <c r="AQ516" s="259"/>
      <c r="AR516" s="259"/>
      <c r="AS516" s="259"/>
      <c r="AT516" s="259"/>
      <c r="AU516" s="259"/>
      <c r="AV516" s="259"/>
      <c r="AW516" s="259"/>
      <c r="AX516" s="259"/>
      <c r="AY516" s="259"/>
      <c r="AZ516" s="259"/>
      <c r="BA516" s="259"/>
      <c r="BB516" s="259"/>
      <c r="BC516" s="259"/>
      <c r="BD516" s="259"/>
      <c r="BE516" s="259"/>
      <c r="BF516" s="259"/>
      <c r="BG516" s="259"/>
      <c r="BH516" s="259"/>
      <c r="BI516" s="259"/>
      <c r="BJ516" s="259"/>
      <c r="BK516" s="259"/>
      <c r="BL516" s="259"/>
      <c r="BM516" s="259"/>
      <c r="BN516" s="259"/>
      <c r="BO516" s="259"/>
      <c r="BP516" s="259"/>
      <c r="BQ516" s="259"/>
      <c r="BR516" s="259"/>
      <c r="BS516" s="259"/>
    </row>
    <row r="517" spans="1:71" s="95" customFormat="1" ht="70.150000000000006" customHeight="1">
      <c r="A517" s="186" t="s">
        <v>517</v>
      </c>
      <c r="B517" s="155"/>
      <c r="C517" s="274" t="s">
        <v>518</v>
      </c>
      <c r="D517" s="275"/>
      <c r="E517" s="275"/>
      <c r="F517" s="275"/>
      <c r="G517" s="275"/>
      <c r="H517" s="276"/>
      <c r="I517" s="98" t="s">
        <v>519</v>
      </c>
      <c r="J517" s="93" t="str">
        <f t="shared" si="72"/>
        <v>*</v>
      </c>
      <c r="K517" s="152" t="str">
        <f t="shared" si="71"/>
        <v>※</v>
      </c>
      <c r="L517" s="94" t="s">
        <v>382</v>
      </c>
      <c r="M517" s="259">
        <v>0</v>
      </c>
      <c r="N517" s="259">
        <v>0</v>
      </c>
      <c r="O517" s="259">
        <v>0</v>
      </c>
      <c r="P517" s="259">
        <v>0</v>
      </c>
      <c r="Q517" s="259"/>
      <c r="R517" s="259"/>
      <c r="S517" s="259"/>
      <c r="T517" s="259"/>
      <c r="U517" s="259"/>
      <c r="V517" s="259"/>
      <c r="W517" s="259"/>
      <c r="X517" s="259"/>
      <c r="Y517" s="259"/>
      <c r="Z517" s="259"/>
      <c r="AA517" s="259"/>
      <c r="AB517" s="259"/>
      <c r="AC517" s="259"/>
      <c r="AD517" s="259"/>
      <c r="AE517" s="259"/>
      <c r="AF517" s="259"/>
      <c r="AG517" s="259"/>
      <c r="AH517" s="259"/>
      <c r="AI517" s="259"/>
      <c r="AJ517" s="259"/>
      <c r="AK517" s="259"/>
      <c r="AL517" s="259"/>
      <c r="AM517" s="259"/>
      <c r="AN517" s="259"/>
      <c r="AO517" s="259"/>
      <c r="AP517" s="259"/>
      <c r="AQ517" s="259"/>
      <c r="AR517" s="259"/>
      <c r="AS517" s="259"/>
      <c r="AT517" s="259"/>
      <c r="AU517" s="259"/>
      <c r="AV517" s="259"/>
      <c r="AW517" s="259"/>
      <c r="AX517" s="259"/>
      <c r="AY517" s="259"/>
      <c r="AZ517" s="259"/>
      <c r="BA517" s="259"/>
      <c r="BB517" s="259"/>
      <c r="BC517" s="259"/>
      <c r="BD517" s="259"/>
      <c r="BE517" s="259"/>
      <c r="BF517" s="259"/>
      <c r="BG517" s="259"/>
      <c r="BH517" s="259"/>
      <c r="BI517" s="259"/>
      <c r="BJ517" s="259"/>
      <c r="BK517" s="259"/>
      <c r="BL517" s="259"/>
      <c r="BM517" s="259"/>
      <c r="BN517" s="259"/>
      <c r="BO517" s="259"/>
      <c r="BP517" s="259"/>
      <c r="BQ517" s="259"/>
      <c r="BR517" s="259"/>
      <c r="BS517" s="259"/>
    </row>
    <row r="518" spans="1:71" s="95" customFormat="1" ht="84" customHeight="1">
      <c r="A518" s="186" t="s">
        <v>520</v>
      </c>
      <c r="B518" s="155"/>
      <c r="C518" s="274" t="s">
        <v>521</v>
      </c>
      <c r="D518" s="275"/>
      <c r="E518" s="275"/>
      <c r="F518" s="275"/>
      <c r="G518" s="275"/>
      <c r="H518" s="276"/>
      <c r="I518" s="98" t="s">
        <v>522</v>
      </c>
      <c r="J518" s="93">
        <f t="shared" si="72"/>
        <v>0</v>
      </c>
      <c r="K518" s="152" t="str">
        <f t="shared" si="71"/>
        <v/>
      </c>
      <c r="L518" s="94">
        <v>0</v>
      </c>
      <c r="M518" s="259">
        <v>0</v>
      </c>
      <c r="N518" s="259">
        <v>0</v>
      </c>
      <c r="O518" s="259">
        <v>0</v>
      </c>
      <c r="P518" s="259">
        <v>0</v>
      </c>
      <c r="Q518" s="259"/>
      <c r="R518" s="259"/>
      <c r="S518" s="259"/>
      <c r="T518" s="259"/>
      <c r="U518" s="259"/>
      <c r="V518" s="259"/>
      <c r="W518" s="259"/>
      <c r="X518" s="259"/>
      <c r="Y518" s="259"/>
      <c r="Z518" s="259"/>
      <c r="AA518" s="259"/>
      <c r="AB518" s="259"/>
      <c r="AC518" s="259"/>
      <c r="AD518" s="259"/>
      <c r="AE518" s="259"/>
      <c r="AF518" s="259"/>
      <c r="AG518" s="259"/>
      <c r="AH518" s="259"/>
      <c r="AI518" s="259"/>
      <c r="AJ518" s="259"/>
      <c r="AK518" s="259"/>
      <c r="AL518" s="259"/>
      <c r="AM518" s="259"/>
      <c r="AN518" s="259"/>
      <c r="AO518" s="259"/>
      <c r="AP518" s="259"/>
      <c r="AQ518" s="259"/>
      <c r="AR518" s="259"/>
      <c r="AS518" s="259"/>
      <c r="AT518" s="259"/>
      <c r="AU518" s="259"/>
      <c r="AV518" s="259"/>
      <c r="AW518" s="259"/>
      <c r="AX518" s="259"/>
      <c r="AY518" s="259"/>
      <c r="AZ518" s="259"/>
      <c r="BA518" s="259"/>
      <c r="BB518" s="259"/>
      <c r="BC518" s="259"/>
      <c r="BD518" s="259"/>
      <c r="BE518" s="259"/>
      <c r="BF518" s="259"/>
      <c r="BG518" s="259"/>
      <c r="BH518" s="259"/>
      <c r="BI518" s="259"/>
      <c r="BJ518" s="259"/>
      <c r="BK518" s="259"/>
      <c r="BL518" s="259"/>
      <c r="BM518" s="259"/>
      <c r="BN518" s="259"/>
      <c r="BO518" s="259"/>
      <c r="BP518" s="259"/>
      <c r="BQ518" s="259"/>
      <c r="BR518" s="259"/>
      <c r="BS518" s="259"/>
    </row>
    <row r="519" spans="1:71" s="74" customFormat="1">
      <c r="A519" s="178"/>
      <c r="B519" s="14"/>
      <c r="C519" s="14"/>
      <c r="D519" s="14"/>
      <c r="E519" s="14"/>
      <c r="F519" s="14"/>
      <c r="G519" s="14"/>
      <c r="H519" s="10"/>
      <c r="I519" s="10"/>
      <c r="J519" s="71"/>
      <c r="K519" s="72"/>
      <c r="L519" s="73"/>
      <c r="M519" s="73"/>
      <c r="N519" s="73"/>
      <c r="O519" s="73"/>
      <c r="P519" s="73"/>
      <c r="Q519" s="73"/>
    </row>
    <row r="520" spans="1:71">
      <c r="A520" s="178"/>
      <c r="B520" s="14"/>
      <c r="C520" s="14"/>
      <c r="D520" s="14"/>
      <c r="E520" s="14"/>
      <c r="F520" s="14"/>
      <c r="G520" s="14"/>
      <c r="H520" s="10"/>
      <c r="I520" s="10"/>
      <c r="L520" s="62"/>
      <c r="M520" s="62"/>
      <c r="N520" s="62"/>
      <c r="O520" s="62"/>
      <c r="P520" s="62"/>
      <c r="Q520" s="62"/>
      <c r="R520" s="8"/>
      <c r="S520" s="8"/>
      <c r="T520" s="8"/>
      <c r="U520" s="8"/>
      <c r="V520" s="8"/>
    </row>
    <row r="521" spans="1:71" s="240" customFormat="1" ht="34.5" customHeight="1">
      <c r="A521" s="178"/>
      <c r="B521" s="14"/>
      <c r="C521" s="14" t="s">
        <v>523</v>
      </c>
      <c r="D521" s="3"/>
      <c r="E521" s="3"/>
      <c r="F521" s="3"/>
      <c r="G521" s="3"/>
      <c r="H521" s="214"/>
      <c r="I521" s="214"/>
      <c r="J521" s="63" t="s">
        <v>81</v>
      </c>
      <c r="K521" s="136"/>
      <c r="L521" s="245" t="str">
        <f t="shared" ref="L521:AQ521" si="73">IF(ISBLANK(L$390),"",L$390)</f>
        <v>4階病棟</v>
      </c>
      <c r="M521" s="249" t="str">
        <f t="shared" si="73"/>
        <v>回復期リハビリテーション病棟</v>
      </c>
      <c r="N521" s="247" t="str">
        <f t="shared" si="73"/>
        <v>地域包括ケア病棟</v>
      </c>
      <c r="O521" s="247" t="str">
        <f t="shared" si="73"/>
        <v>特殊疾患病棟</v>
      </c>
      <c r="P521" s="247" t="str">
        <f t="shared" si="73"/>
        <v>療養病棟2階</v>
      </c>
      <c r="Q521" s="247" t="str">
        <f t="shared" si="73"/>
        <v/>
      </c>
      <c r="R521" s="247" t="str">
        <f t="shared" si="73"/>
        <v/>
      </c>
      <c r="S521" s="247" t="str">
        <f t="shared" si="73"/>
        <v/>
      </c>
      <c r="T521" s="247" t="str">
        <f t="shared" si="73"/>
        <v/>
      </c>
      <c r="U521" s="247" t="str">
        <f t="shared" si="73"/>
        <v/>
      </c>
      <c r="V521" s="247" t="str">
        <f t="shared" si="73"/>
        <v/>
      </c>
      <c r="W521" s="247" t="str">
        <f t="shared" si="73"/>
        <v/>
      </c>
      <c r="X521" s="247" t="str">
        <f t="shared" si="73"/>
        <v/>
      </c>
      <c r="Y521" s="247" t="str">
        <f t="shared" si="73"/>
        <v/>
      </c>
      <c r="Z521" s="247" t="str">
        <f t="shared" si="73"/>
        <v/>
      </c>
      <c r="AA521" s="247" t="str">
        <f t="shared" si="73"/>
        <v/>
      </c>
      <c r="AB521" s="247" t="str">
        <f t="shared" si="73"/>
        <v/>
      </c>
      <c r="AC521" s="247" t="str">
        <f t="shared" si="73"/>
        <v/>
      </c>
      <c r="AD521" s="247" t="str">
        <f t="shared" si="73"/>
        <v/>
      </c>
      <c r="AE521" s="247" t="str">
        <f t="shared" si="73"/>
        <v/>
      </c>
      <c r="AF521" s="247" t="str">
        <f t="shared" si="73"/>
        <v/>
      </c>
      <c r="AG521" s="247" t="str">
        <f t="shared" si="73"/>
        <v/>
      </c>
      <c r="AH521" s="247" t="str">
        <f t="shared" si="73"/>
        <v/>
      </c>
      <c r="AI521" s="247" t="str">
        <f t="shared" si="73"/>
        <v/>
      </c>
      <c r="AJ521" s="247" t="str">
        <f t="shared" si="73"/>
        <v/>
      </c>
      <c r="AK521" s="247" t="str">
        <f t="shared" si="73"/>
        <v/>
      </c>
      <c r="AL521" s="247" t="str">
        <f t="shared" si="73"/>
        <v/>
      </c>
      <c r="AM521" s="247" t="str">
        <f t="shared" si="73"/>
        <v/>
      </c>
      <c r="AN521" s="247" t="str">
        <f t="shared" si="73"/>
        <v/>
      </c>
      <c r="AO521" s="247" t="str">
        <f t="shared" si="73"/>
        <v/>
      </c>
      <c r="AP521" s="247" t="str">
        <f t="shared" si="73"/>
        <v/>
      </c>
      <c r="AQ521" s="247" t="str">
        <f t="shared" si="73"/>
        <v/>
      </c>
      <c r="AR521" s="247" t="str">
        <f t="shared" ref="AR521:BS521" si="74">IF(ISBLANK(AR$390),"",AR$390)</f>
        <v/>
      </c>
      <c r="AS521" s="247" t="str">
        <f t="shared" si="74"/>
        <v/>
      </c>
      <c r="AT521" s="247" t="str">
        <f t="shared" si="74"/>
        <v/>
      </c>
      <c r="AU521" s="247" t="str">
        <f t="shared" si="74"/>
        <v/>
      </c>
      <c r="AV521" s="247" t="str">
        <f t="shared" si="74"/>
        <v/>
      </c>
      <c r="AW521" s="247" t="str">
        <f t="shared" si="74"/>
        <v/>
      </c>
      <c r="AX521" s="247" t="str">
        <f t="shared" si="74"/>
        <v/>
      </c>
      <c r="AY521" s="247" t="str">
        <f t="shared" si="74"/>
        <v/>
      </c>
      <c r="AZ521" s="247" t="str">
        <f t="shared" si="74"/>
        <v/>
      </c>
      <c r="BA521" s="247" t="str">
        <f t="shared" si="74"/>
        <v/>
      </c>
      <c r="BB521" s="247" t="str">
        <f t="shared" si="74"/>
        <v/>
      </c>
      <c r="BC521" s="247" t="str">
        <f t="shared" si="74"/>
        <v/>
      </c>
      <c r="BD521" s="247" t="str">
        <f t="shared" si="74"/>
        <v/>
      </c>
      <c r="BE521" s="247" t="str">
        <f t="shared" si="74"/>
        <v/>
      </c>
      <c r="BF521" s="247" t="str">
        <f t="shared" si="74"/>
        <v/>
      </c>
      <c r="BG521" s="247" t="str">
        <f t="shared" si="74"/>
        <v/>
      </c>
      <c r="BH521" s="247" t="str">
        <f t="shared" si="74"/>
        <v/>
      </c>
      <c r="BI521" s="247" t="str">
        <f t="shared" si="74"/>
        <v/>
      </c>
      <c r="BJ521" s="247" t="str">
        <f t="shared" si="74"/>
        <v/>
      </c>
      <c r="BK521" s="247" t="str">
        <f t="shared" si="74"/>
        <v/>
      </c>
      <c r="BL521" s="247" t="str">
        <f t="shared" si="74"/>
        <v/>
      </c>
      <c r="BM521" s="247" t="str">
        <f t="shared" si="74"/>
        <v/>
      </c>
      <c r="BN521" s="247" t="str">
        <f t="shared" si="74"/>
        <v/>
      </c>
      <c r="BO521" s="247" t="str">
        <f t="shared" si="74"/>
        <v/>
      </c>
      <c r="BP521" s="247" t="str">
        <f t="shared" si="74"/>
        <v/>
      </c>
      <c r="BQ521" s="247" t="str">
        <f t="shared" si="74"/>
        <v/>
      </c>
      <c r="BR521" s="247" t="str">
        <f t="shared" si="74"/>
        <v/>
      </c>
      <c r="BS521" s="247" t="str">
        <f t="shared" si="74"/>
        <v/>
      </c>
    </row>
    <row r="522" spans="1:71" s="240" customFormat="1" ht="20.25" customHeight="1">
      <c r="A522" s="178"/>
      <c r="B522" s="1"/>
      <c r="C522" s="381"/>
      <c r="D522" s="382"/>
      <c r="E522" s="382"/>
      <c r="F522" s="382"/>
      <c r="G522" s="85"/>
      <c r="H522" s="214"/>
      <c r="I522" s="56" t="s">
        <v>82</v>
      </c>
      <c r="J522" s="57"/>
      <c r="K522" s="137"/>
      <c r="L522" s="59" t="str">
        <f t="shared" ref="L522:AQ522" si="75">IF(ISBLANK(L$391),"",L$391)</f>
        <v>-</v>
      </c>
      <c r="M522" s="250" t="str">
        <f t="shared" si="75"/>
        <v>-</v>
      </c>
      <c r="N522" s="59" t="str">
        <f t="shared" si="75"/>
        <v>-</v>
      </c>
      <c r="O522" s="59" t="str">
        <f t="shared" si="75"/>
        <v>-</v>
      </c>
      <c r="P522" s="59" t="str">
        <f t="shared" si="75"/>
        <v>-</v>
      </c>
      <c r="Q522" s="59" t="str">
        <f t="shared" si="75"/>
        <v/>
      </c>
      <c r="R522" s="59" t="str">
        <f t="shared" si="75"/>
        <v/>
      </c>
      <c r="S522" s="59" t="str">
        <f t="shared" si="75"/>
        <v/>
      </c>
      <c r="T522" s="59" t="str">
        <f t="shared" si="75"/>
        <v/>
      </c>
      <c r="U522" s="59" t="str">
        <f t="shared" si="75"/>
        <v/>
      </c>
      <c r="V522" s="59" t="str">
        <f t="shared" si="75"/>
        <v/>
      </c>
      <c r="W522" s="59" t="str">
        <f t="shared" si="75"/>
        <v/>
      </c>
      <c r="X522" s="59" t="str">
        <f t="shared" si="75"/>
        <v/>
      </c>
      <c r="Y522" s="59" t="str">
        <f t="shared" si="75"/>
        <v/>
      </c>
      <c r="Z522" s="59" t="str">
        <f t="shared" si="75"/>
        <v/>
      </c>
      <c r="AA522" s="59" t="str">
        <f t="shared" si="75"/>
        <v/>
      </c>
      <c r="AB522" s="59" t="str">
        <f t="shared" si="75"/>
        <v/>
      </c>
      <c r="AC522" s="59" t="str">
        <f t="shared" si="75"/>
        <v/>
      </c>
      <c r="AD522" s="59" t="str">
        <f t="shared" si="75"/>
        <v/>
      </c>
      <c r="AE522" s="59" t="str">
        <f t="shared" si="75"/>
        <v/>
      </c>
      <c r="AF522" s="59" t="str">
        <f t="shared" si="75"/>
        <v/>
      </c>
      <c r="AG522" s="59" t="str">
        <f t="shared" si="75"/>
        <v/>
      </c>
      <c r="AH522" s="59" t="str">
        <f t="shared" si="75"/>
        <v/>
      </c>
      <c r="AI522" s="59" t="str">
        <f t="shared" si="75"/>
        <v/>
      </c>
      <c r="AJ522" s="59" t="str">
        <f t="shared" si="75"/>
        <v/>
      </c>
      <c r="AK522" s="59" t="str">
        <f t="shared" si="75"/>
        <v/>
      </c>
      <c r="AL522" s="59" t="str">
        <f t="shared" si="75"/>
        <v/>
      </c>
      <c r="AM522" s="59" t="str">
        <f t="shared" si="75"/>
        <v/>
      </c>
      <c r="AN522" s="59" t="str">
        <f t="shared" si="75"/>
        <v/>
      </c>
      <c r="AO522" s="59" t="str">
        <f t="shared" si="75"/>
        <v/>
      </c>
      <c r="AP522" s="59" t="str">
        <f t="shared" si="75"/>
        <v/>
      </c>
      <c r="AQ522" s="59" t="str">
        <f t="shared" si="75"/>
        <v/>
      </c>
      <c r="AR522" s="59" t="str">
        <f t="shared" ref="AR522:BS522" si="76">IF(ISBLANK(AR$391),"",AR$391)</f>
        <v/>
      </c>
      <c r="AS522" s="59" t="str">
        <f t="shared" si="76"/>
        <v/>
      </c>
      <c r="AT522" s="59" t="str">
        <f t="shared" si="76"/>
        <v/>
      </c>
      <c r="AU522" s="59" t="str">
        <f t="shared" si="76"/>
        <v/>
      </c>
      <c r="AV522" s="59" t="str">
        <f t="shared" si="76"/>
        <v/>
      </c>
      <c r="AW522" s="59" t="str">
        <f t="shared" si="76"/>
        <v/>
      </c>
      <c r="AX522" s="59" t="str">
        <f t="shared" si="76"/>
        <v/>
      </c>
      <c r="AY522" s="59" t="str">
        <f t="shared" si="76"/>
        <v/>
      </c>
      <c r="AZ522" s="59" t="str">
        <f t="shared" si="76"/>
        <v/>
      </c>
      <c r="BA522" s="59" t="str">
        <f t="shared" si="76"/>
        <v/>
      </c>
      <c r="BB522" s="59" t="str">
        <f t="shared" si="76"/>
        <v/>
      </c>
      <c r="BC522" s="59" t="str">
        <f t="shared" si="76"/>
        <v/>
      </c>
      <c r="BD522" s="59" t="str">
        <f t="shared" si="76"/>
        <v/>
      </c>
      <c r="BE522" s="59" t="str">
        <f t="shared" si="76"/>
        <v/>
      </c>
      <c r="BF522" s="59" t="str">
        <f t="shared" si="76"/>
        <v/>
      </c>
      <c r="BG522" s="59" t="str">
        <f t="shared" si="76"/>
        <v/>
      </c>
      <c r="BH522" s="59" t="str">
        <f t="shared" si="76"/>
        <v/>
      </c>
      <c r="BI522" s="59" t="str">
        <f t="shared" si="76"/>
        <v/>
      </c>
      <c r="BJ522" s="59" t="str">
        <f t="shared" si="76"/>
        <v/>
      </c>
      <c r="BK522" s="59" t="str">
        <f t="shared" si="76"/>
        <v/>
      </c>
      <c r="BL522" s="59" t="str">
        <f t="shared" si="76"/>
        <v/>
      </c>
      <c r="BM522" s="59" t="str">
        <f t="shared" si="76"/>
        <v/>
      </c>
      <c r="BN522" s="59" t="str">
        <f t="shared" si="76"/>
        <v/>
      </c>
      <c r="BO522" s="59" t="str">
        <f t="shared" si="76"/>
        <v/>
      </c>
      <c r="BP522" s="59" t="str">
        <f t="shared" si="76"/>
        <v/>
      </c>
      <c r="BQ522" s="59" t="str">
        <f t="shared" si="76"/>
        <v/>
      </c>
      <c r="BR522" s="59" t="str">
        <f t="shared" si="76"/>
        <v/>
      </c>
      <c r="BS522" s="59" t="str">
        <f t="shared" si="76"/>
        <v/>
      </c>
    </row>
    <row r="523" spans="1:71" s="92" customFormat="1" ht="57">
      <c r="A523" s="186" t="s">
        <v>524</v>
      </c>
      <c r="B523" s="155"/>
      <c r="C523" s="383" t="s">
        <v>525</v>
      </c>
      <c r="D523" s="384"/>
      <c r="E523" s="384"/>
      <c r="F523" s="384"/>
      <c r="G523" s="384"/>
      <c r="H523" s="385"/>
      <c r="I523" s="98" t="s">
        <v>526</v>
      </c>
      <c r="J523" s="156">
        <f>IF(SUM(L523:BS523)=0,IF(COUNTIF(L523:BS523,"未確認")&gt;0,"未確認",IF(COUNTIF(L523:BS523,"~*")&gt;0,"*",SUM(L523:BS523))),SUM(L523:BS523))</f>
        <v>0</v>
      </c>
      <c r="K523" s="152" t="str">
        <f>IF(OR(COUNTIF(L523:BS523,"未確認")&gt;0,COUNTIF(L523:BS523,"*")&gt;0),"※","")</f>
        <v/>
      </c>
      <c r="L523" s="94">
        <v>0</v>
      </c>
      <c r="M523" s="259">
        <v>0</v>
      </c>
      <c r="N523" s="259">
        <v>0</v>
      </c>
      <c r="O523" s="259">
        <v>0</v>
      </c>
      <c r="P523" s="259">
        <v>0</v>
      </c>
      <c r="Q523" s="259"/>
      <c r="R523" s="259"/>
      <c r="S523" s="259"/>
      <c r="T523" s="259"/>
      <c r="U523" s="259"/>
      <c r="V523" s="259"/>
      <c r="W523" s="259"/>
      <c r="X523" s="259"/>
      <c r="Y523" s="259"/>
      <c r="Z523" s="259"/>
      <c r="AA523" s="259"/>
      <c r="AB523" s="259"/>
      <c r="AC523" s="259"/>
      <c r="AD523" s="259"/>
      <c r="AE523" s="259"/>
      <c r="AF523" s="259"/>
      <c r="AG523" s="259"/>
      <c r="AH523" s="259"/>
      <c r="AI523" s="259"/>
      <c r="AJ523" s="259"/>
      <c r="AK523" s="259"/>
      <c r="AL523" s="259"/>
      <c r="AM523" s="259"/>
      <c r="AN523" s="259"/>
      <c r="AO523" s="259"/>
      <c r="AP523" s="259"/>
      <c r="AQ523" s="259"/>
      <c r="AR523" s="259"/>
      <c r="AS523" s="259"/>
      <c r="AT523" s="259"/>
      <c r="AU523" s="259"/>
      <c r="AV523" s="259"/>
      <c r="AW523" s="259"/>
      <c r="AX523" s="259"/>
      <c r="AY523" s="259"/>
      <c r="AZ523" s="259"/>
      <c r="BA523" s="259"/>
      <c r="BB523" s="259"/>
      <c r="BC523" s="259"/>
      <c r="BD523" s="259"/>
      <c r="BE523" s="259"/>
      <c r="BF523" s="259"/>
      <c r="BG523" s="259"/>
      <c r="BH523" s="259"/>
      <c r="BI523" s="259"/>
      <c r="BJ523" s="259"/>
      <c r="BK523" s="259"/>
      <c r="BL523" s="259"/>
      <c r="BM523" s="259"/>
      <c r="BN523" s="259"/>
      <c r="BO523" s="259"/>
      <c r="BP523" s="259"/>
      <c r="BQ523" s="259"/>
      <c r="BR523" s="259"/>
      <c r="BS523" s="259"/>
    </row>
    <row r="524" spans="1:71" s="92" customFormat="1" ht="42.75">
      <c r="A524" s="186"/>
      <c r="B524" s="155"/>
      <c r="C524" s="383" t="s">
        <v>527</v>
      </c>
      <c r="D524" s="384"/>
      <c r="E524" s="384"/>
      <c r="F524" s="384"/>
      <c r="G524" s="384"/>
      <c r="H524" s="385"/>
      <c r="I524" s="98" t="s">
        <v>528</v>
      </c>
      <c r="J524" s="156">
        <f>IF(SUM(L524:BS524)=0,IF(COUNTIF(L524:BS524,"未確認")&gt;0,"未確認",IF(COUNTIF(L524:BS524,"~*")&gt;0,"*",SUM(L524:BS524))),SUM(L524:BS524))</f>
        <v>0</v>
      </c>
      <c r="K524" s="152" t="str">
        <f>IF(OR(COUNTIF(L524:BS524,"未確認")&gt;0,COUNTIF(L524:BS524,"*")&gt;0),"※","")</f>
        <v/>
      </c>
      <c r="L524" s="94">
        <v>0</v>
      </c>
      <c r="M524" s="259">
        <v>0</v>
      </c>
      <c r="N524" s="259">
        <v>0</v>
      </c>
      <c r="O524" s="259">
        <v>0</v>
      </c>
      <c r="P524" s="259">
        <v>0</v>
      </c>
      <c r="Q524" s="259"/>
      <c r="R524" s="259"/>
      <c r="S524" s="259"/>
      <c r="T524" s="259"/>
      <c r="U524" s="259"/>
      <c r="V524" s="259"/>
      <c r="W524" s="259"/>
      <c r="X524" s="259"/>
      <c r="Y524" s="259"/>
      <c r="Z524" s="259"/>
      <c r="AA524" s="259"/>
      <c r="AB524" s="259"/>
      <c r="AC524" s="259"/>
      <c r="AD524" s="259"/>
      <c r="AE524" s="259"/>
      <c r="AF524" s="259"/>
      <c r="AG524" s="259"/>
      <c r="AH524" s="259"/>
      <c r="AI524" s="259"/>
      <c r="AJ524" s="259"/>
      <c r="AK524" s="259"/>
      <c r="AL524" s="259"/>
      <c r="AM524" s="259"/>
      <c r="AN524" s="259"/>
      <c r="AO524" s="259"/>
      <c r="AP524" s="259"/>
      <c r="AQ524" s="259"/>
      <c r="AR524" s="259"/>
      <c r="AS524" s="259"/>
      <c r="AT524" s="259"/>
      <c r="AU524" s="259"/>
      <c r="AV524" s="259"/>
      <c r="AW524" s="259"/>
      <c r="AX524" s="259"/>
      <c r="AY524" s="259"/>
      <c r="AZ524" s="259"/>
      <c r="BA524" s="259"/>
      <c r="BB524" s="259"/>
      <c r="BC524" s="259"/>
      <c r="BD524" s="259"/>
      <c r="BE524" s="259"/>
      <c r="BF524" s="259"/>
      <c r="BG524" s="259"/>
      <c r="BH524" s="259"/>
      <c r="BI524" s="259"/>
      <c r="BJ524" s="259"/>
      <c r="BK524" s="259"/>
      <c r="BL524" s="259"/>
      <c r="BM524" s="259"/>
      <c r="BN524" s="259"/>
      <c r="BO524" s="259"/>
      <c r="BP524" s="259"/>
      <c r="BQ524" s="259"/>
      <c r="BR524" s="259"/>
      <c r="BS524" s="259"/>
    </row>
    <row r="525" spans="1:71" s="92" customFormat="1" ht="71.25">
      <c r="A525" s="186" t="s">
        <v>529</v>
      </c>
      <c r="B525" s="155"/>
      <c r="C525" s="383" t="s">
        <v>530</v>
      </c>
      <c r="D525" s="384"/>
      <c r="E525" s="384"/>
      <c r="F525" s="384"/>
      <c r="G525" s="384"/>
      <c r="H525" s="385"/>
      <c r="I525" s="98" t="s">
        <v>531</v>
      </c>
      <c r="J525" s="156">
        <f>IF(SUM(L525:BS525)=0,IF(COUNTIF(L525:BS525,"未確認")&gt;0,"未確認",IF(COUNTIF(L525:BS525,"~*")&gt;0,"*",SUM(L525:BS525))),SUM(L525:BS525))</f>
        <v>0</v>
      </c>
      <c r="K525" s="152" t="str">
        <f>IF(OR(COUNTIF(L525:BS525,"未確認")&gt;0,COUNTIF(L525:BS525,"*")&gt;0),"※","")</f>
        <v/>
      </c>
      <c r="L525" s="94">
        <v>0</v>
      </c>
      <c r="M525" s="259">
        <v>0</v>
      </c>
      <c r="N525" s="259">
        <v>0</v>
      </c>
      <c r="O525" s="259">
        <v>0</v>
      </c>
      <c r="P525" s="259">
        <v>0</v>
      </c>
      <c r="Q525" s="259"/>
      <c r="R525" s="259"/>
      <c r="S525" s="259"/>
      <c r="T525" s="259"/>
      <c r="U525" s="259"/>
      <c r="V525" s="259"/>
      <c r="W525" s="259"/>
      <c r="X525" s="259"/>
      <c r="Y525" s="259"/>
      <c r="Z525" s="259"/>
      <c r="AA525" s="259"/>
      <c r="AB525" s="259"/>
      <c r="AC525" s="259"/>
      <c r="AD525" s="259"/>
      <c r="AE525" s="259"/>
      <c r="AF525" s="259"/>
      <c r="AG525" s="259"/>
      <c r="AH525" s="259"/>
      <c r="AI525" s="259"/>
      <c r="AJ525" s="259"/>
      <c r="AK525" s="259"/>
      <c r="AL525" s="259"/>
      <c r="AM525" s="259"/>
      <c r="AN525" s="259"/>
      <c r="AO525" s="259"/>
      <c r="AP525" s="259"/>
      <c r="AQ525" s="259"/>
      <c r="AR525" s="259"/>
      <c r="AS525" s="259"/>
      <c r="AT525" s="259"/>
      <c r="AU525" s="259"/>
      <c r="AV525" s="259"/>
      <c r="AW525" s="259"/>
      <c r="AX525" s="259"/>
      <c r="AY525" s="259"/>
      <c r="AZ525" s="259"/>
      <c r="BA525" s="259"/>
      <c r="BB525" s="259"/>
      <c r="BC525" s="259"/>
      <c r="BD525" s="259"/>
      <c r="BE525" s="259"/>
      <c r="BF525" s="259"/>
      <c r="BG525" s="259"/>
      <c r="BH525" s="259"/>
      <c r="BI525" s="259"/>
      <c r="BJ525" s="259"/>
      <c r="BK525" s="259"/>
      <c r="BL525" s="259"/>
      <c r="BM525" s="259"/>
      <c r="BN525" s="259"/>
      <c r="BO525" s="259"/>
      <c r="BP525" s="259"/>
      <c r="BQ525" s="259"/>
      <c r="BR525" s="259"/>
      <c r="BS525" s="259"/>
    </row>
    <row r="526" spans="1:71" s="74" customFormat="1">
      <c r="A526" s="178"/>
      <c r="B526" s="14"/>
      <c r="C526" s="14"/>
      <c r="D526" s="14"/>
      <c r="E526" s="14"/>
      <c r="F526" s="14"/>
      <c r="G526" s="14"/>
      <c r="H526" s="10"/>
      <c r="I526" s="10"/>
      <c r="J526" s="71"/>
      <c r="K526" s="72"/>
      <c r="L526" s="62"/>
      <c r="M526" s="62"/>
      <c r="N526" s="62"/>
      <c r="O526" s="62"/>
      <c r="P526" s="62"/>
      <c r="Q526" s="62"/>
    </row>
    <row r="527" spans="1:71">
      <c r="A527" s="178"/>
      <c r="B527" s="14"/>
      <c r="C527" s="14"/>
      <c r="D527" s="14"/>
      <c r="E527" s="14"/>
      <c r="F527" s="14"/>
      <c r="G527" s="14"/>
      <c r="H527" s="10"/>
      <c r="I527" s="10"/>
      <c r="L527" s="62"/>
      <c r="M527" s="62"/>
      <c r="N527" s="62"/>
      <c r="O527" s="62"/>
      <c r="P527" s="62"/>
      <c r="Q527" s="62"/>
      <c r="R527" s="8"/>
      <c r="S527" s="8"/>
      <c r="T527" s="8"/>
      <c r="U527" s="8"/>
      <c r="V527" s="8"/>
    </row>
    <row r="528" spans="1:71" s="240" customFormat="1" ht="34.5" customHeight="1">
      <c r="A528" s="178"/>
      <c r="B528" s="14"/>
      <c r="C528" s="14" t="s">
        <v>532</v>
      </c>
      <c r="D528" s="3"/>
      <c r="E528" s="3"/>
      <c r="F528" s="3"/>
      <c r="G528" s="3"/>
      <c r="H528" s="214"/>
      <c r="I528" s="214"/>
      <c r="J528" s="63" t="s">
        <v>81</v>
      </c>
      <c r="K528" s="136"/>
      <c r="L528" s="245" t="str">
        <f t="shared" ref="L528:AQ528" si="77">IF(ISBLANK(L$390),"",L$390)</f>
        <v>4階病棟</v>
      </c>
      <c r="M528" s="249" t="str">
        <f t="shared" si="77"/>
        <v>回復期リハビリテーション病棟</v>
      </c>
      <c r="N528" s="247" t="str">
        <f t="shared" si="77"/>
        <v>地域包括ケア病棟</v>
      </c>
      <c r="O528" s="247" t="str">
        <f t="shared" si="77"/>
        <v>特殊疾患病棟</v>
      </c>
      <c r="P528" s="247" t="str">
        <f t="shared" si="77"/>
        <v>療養病棟2階</v>
      </c>
      <c r="Q528" s="247" t="str">
        <f t="shared" si="77"/>
        <v/>
      </c>
      <c r="R528" s="247" t="str">
        <f t="shared" si="77"/>
        <v/>
      </c>
      <c r="S528" s="247" t="str">
        <f t="shared" si="77"/>
        <v/>
      </c>
      <c r="T528" s="247" t="str">
        <f t="shared" si="77"/>
        <v/>
      </c>
      <c r="U528" s="247" t="str">
        <f t="shared" si="77"/>
        <v/>
      </c>
      <c r="V528" s="247" t="str">
        <f t="shared" si="77"/>
        <v/>
      </c>
      <c r="W528" s="247" t="str">
        <f t="shared" si="77"/>
        <v/>
      </c>
      <c r="X528" s="247" t="str">
        <f t="shared" si="77"/>
        <v/>
      </c>
      <c r="Y528" s="247" t="str">
        <f t="shared" si="77"/>
        <v/>
      </c>
      <c r="Z528" s="247" t="str">
        <f t="shared" si="77"/>
        <v/>
      </c>
      <c r="AA528" s="247" t="str">
        <f t="shared" si="77"/>
        <v/>
      </c>
      <c r="AB528" s="247" t="str">
        <f t="shared" si="77"/>
        <v/>
      </c>
      <c r="AC528" s="247" t="str">
        <f t="shared" si="77"/>
        <v/>
      </c>
      <c r="AD528" s="247" t="str">
        <f t="shared" si="77"/>
        <v/>
      </c>
      <c r="AE528" s="247" t="str">
        <f t="shared" si="77"/>
        <v/>
      </c>
      <c r="AF528" s="247" t="str">
        <f t="shared" si="77"/>
        <v/>
      </c>
      <c r="AG528" s="247" t="str">
        <f t="shared" si="77"/>
        <v/>
      </c>
      <c r="AH528" s="247" t="str">
        <f t="shared" si="77"/>
        <v/>
      </c>
      <c r="AI528" s="247" t="str">
        <f t="shared" si="77"/>
        <v/>
      </c>
      <c r="AJ528" s="247" t="str">
        <f t="shared" si="77"/>
        <v/>
      </c>
      <c r="AK528" s="247" t="str">
        <f t="shared" si="77"/>
        <v/>
      </c>
      <c r="AL528" s="247" t="str">
        <f t="shared" si="77"/>
        <v/>
      </c>
      <c r="AM528" s="247" t="str">
        <f t="shared" si="77"/>
        <v/>
      </c>
      <c r="AN528" s="247" t="str">
        <f t="shared" si="77"/>
        <v/>
      </c>
      <c r="AO528" s="247" t="str">
        <f t="shared" si="77"/>
        <v/>
      </c>
      <c r="AP528" s="247" t="str">
        <f t="shared" si="77"/>
        <v/>
      </c>
      <c r="AQ528" s="247" t="str">
        <f t="shared" si="77"/>
        <v/>
      </c>
      <c r="AR528" s="247" t="str">
        <f t="shared" ref="AR528:BS528" si="78">IF(ISBLANK(AR$390),"",AR$390)</f>
        <v/>
      </c>
      <c r="AS528" s="247" t="str">
        <f t="shared" si="78"/>
        <v/>
      </c>
      <c r="AT528" s="247" t="str">
        <f t="shared" si="78"/>
        <v/>
      </c>
      <c r="AU528" s="247" t="str">
        <f t="shared" si="78"/>
        <v/>
      </c>
      <c r="AV528" s="247" t="str">
        <f t="shared" si="78"/>
        <v/>
      </c>
      <c r="AW528" s="247" t="str">
        <f t="shared" si="78"/>
        <v/>
      </c>
      <c r="AX528" s="247" t="str">
        <f t="shared" si="78"/>
        <v/>
      </c>
      <c r="AY528" s="247" t="str">
        <f t="shared" si="78"/>
        <v/>
      </c>
      <c r="AZ528" s="247" t="str">
        <f t="shared" si="78"/>
        <v/>
      </c>
      <c r="BA528" s="247" t="str">
        <f t="shared" si="78"/>
        <v/>
      </c>
      <c r="BB528" s="247" t="str">
        <f t="shared" si="78"/>
        <v/>
      </c>
      <c r="BC528" s="247" t="str">
        <f t="shared" si="78"/>
        <v/>
      </c>
      <c r="BD528" s="247" t="str">
        <f t="shared" si="78"/>
        <v/>
      </c>
      <c r="BE528" s="247" t="str">
        <f t="shared" si="78"/>
        <v/>
      </c>
      <c r="BF528" s="247" t="str">
        <f t="shared" si="78"/>
        <v/>
      </c>
      <c r="BG528" s="247" t="str">
        <f t="shared" si="78"/>
        <v/>
      </c>
      <c r="BH528" s="247" t="str">
        <f t="shared" si="78"/>
        <v/>
      </c>
      <c r="BI528" s="247" t="str">
        <f t="shared" si="78"/>
        <v/>
      </c>
      <c r="BJ528" s="247" t="str">
        <f t="shared" si="78"/>
        <v/>
      </c>
      <c r="BK528" s="247" t="str">
        <f t="shared" si="78"/>
        <v/>
      </c>
      <c r="BL528" s="247" t="str">
        <f t="shared" si="78"/>
        <v/>
      </c>
      <c r="BM528" s="247" t="str">
        <f t="shared" si="78"/>
        <v/>
      </c>
      <c r="BN528" s="247" t="str">
        <f t="shared" si="78"/>
        <v/>
      </c>
      <c r="BO528" s="247" t="str">
        <f t="shared" si="78"/>
        <v/>
      </c>
      <c r="BP528" s="247" t="str">
        <f t="shared" si="78"/>
        <v/>
      </c>
      <c r="BQ528" s="247" t="str">
        <f t="shared" si="78"/>
        <v/>
      </c>
      <c r="BR528" s="247" t="str">
        <f t="shared" si="78"/>
        <v/>
      </c>
      <c r="BS528" s="247" t="str">
        <f t="shared" si="78"/>
        <v/>
      </c>
    </row>
    <row r="529" spans="1:71" s="240" customFormat="1" ht="20.25" customHeight="1">
      <c r="A529" s="178"/>
      <c r="B529" s="1"/>
      <c r="C529" s="386"/>
      <c r="D529" s="386"/>
      <c r="E529" s="386"/>
      <c r="F529" s="386"/>
      <c r="G529" s="85"/>
      <c r="H529" s="214"/>
      <c r="I529" s="56" t="s">
        <v>82</v>
      </c>
      <c r="J529" s="57"/>
      <c r="K529" s="137"/>
      <c r="L529" s="59" t="str">
        <f t="shared" ref="L529:AQ529" si="79">IF(ISBLANK(L$391),"",L$391)</f>
        <v>-</v>
      </c>
      <c r="M529" s="250" t="str">
        <f t="shared" si="79"/>
        <v>-</v>
      </c>
      <c r="N529" s="59" t="str">
        <f t="shared" si="79"/>
        <v>-</v>
      </c>
      <c r="O529" s="59" t="str">
        <f t="shared" si="79"/>
        <v>-</v>
      </c>
      <c r="P529" s="59" t="str">
        <f t="shared" si="79"/>
        <v>-</v>
      </c>
      <c r="Q529" s="59" t="str">
        <f t="shared" si="79"/>
        <v/>
      </c>
      <c r="R529" s="59" t="str">
        <f t="shared" si="79"/>
        <v/>
      </c>
      <c r="S529" s="59" t="str">
        <f t="shared" si="79"/>
        <v/>
      </c>
      <c r="T529" s="59" t="str">
        <f t="shared" si="79"/>
        <v/>
      </c>
      <c r="U529" s="59" t="str">
        <f t="shared" si="79"/>
        <v/>
      </c>
      <c r="V529" s="59" t="str">
        <f t="shared" si="79"/>
        <v/>
      </c>
      <c r="W529" s="59" t="str">
        <f t="shared" si="79"/>
        <v/>
      </c>
      <c r="X529" s="59" t="str">
        <f t="shared" si="79"/>
        <v/>
      </c>
      <c r="Y529" s="59" t="str">
        <f t="shared" si="79"/>
        <v/>
      </c>
      <c r="Z529" s="59" t="str">
        <f t="shared" si="79"/>
        <v/>
      </c>
      <c r="AA529" s="59" t="str">
        <f t="shared" si="79"/>
        <v/>
      </c>
      <c r="AB529" s="59" t="str">
        <f t="shared" si="79"/>
        <v/>
      </c>
      <c r="AC529" s="59" t="str">
        <f t="shared" si="79"/>
        <v/>
      </c>
      <c r="AD529" s="59" t="str">
        <f t="shared" si="79"/>
        <v/>
      </c>
      <c r="AE529" s="59" t="str">
        <f t="shared" si="79"/>
        <v/>
      </c>
      <c r="AF529" s="59" t="str">
        <f t="shared" si="79"/>
        <v/>
      </c>
      <c r="AG529" s="59" t="str">
        <f t="shared" si="79"/>
        <v/>
      </c>
      <c r="AH529" s="59" t="str">
        <f t="shared" si="79"/>
        <v/>
      </c>
      <c r="AI529" s="59" t="str">
        <f t="shared" si="79"/>
        <v/>
      </c>
      <c r="AJ529" s="59" t="str">
        <f t="shared" si="79"/>
        <v/>
      </c>
      <c r="AK529" s="59" t="str">
        <f t="shared" si="79"/>
        <v/>
      </c>
      <c r="AL529" s="59" t="str">
        <f t="shared" si="79"/>
        <v/>
      </c>
      <c r="AM529" s="59" t="str">
        <f t="shared" si="79"/>
        <v/>
      </c>
      <c r="AN529" s="59" t="str">
        <f t="shared" si="79"/>
        <v/>
      </c>
      <c r="AO529" s="59" t="str">
        <f t="shared" si="79"/>
        <v/>
      </c>
      <c r="AP529" s="59" t="str">
        <f t="shared" si="79"/>
        <v/>
      </c>
      <c r="AQ529" s="59" t="str">
        <f t="shared" si="79"/>
        <v/>
      </c>
      <c r="AR529" s="59" t="str">
        <f t="shared" ref="AR529:BS529" si="80">IF(ISBLANK(AR$391),"",AR$391)</f>
        <v/>
      </c>
      <c r="AS529" s="59" t="str">
        <f t="shared" si="80"/>
        <v/>
      </c>
      <c r="AT529" s="59" t="str">
        <f t="shared" si="80"/>
        <v/>
      </c>
      <c r="AU529" s="59" t="str">
        <f t="shared" si="80"/>
        <v/>
      </c>
      <c r="AV529" s="59" t="str">
        <f t="shared" si="80"/>
        <v/>
      </c>
      <c r="AW529" s="59" t="str">
        <f t="shared" si="80"/>
        <v/>
      </c>
      <c r="AX529" s="59" t="str">
        <f t="shared" si="80"/>
        <v/>
      </c>
      <c r="AY529" s="59" t="str">
        <f t="shared" si="80"/>
        <v/>
      </c>
      <c r="AZ529" s="59" t="str">
        <f t="shared" si="80"/>
        <v/>
      </c>
      <c r="BA529" s="59" t="str">
        <f t="shared" si="80"/>
        <v/>
      </c>
      <c r="BB529" s="59" t="str">
        <f t="shared" si="80"/>
        <v/>
      </c>
      <c r="BC529" s="59" t="str">
        <f t="shared" si="80"/>
        <v/>
      </c>
      <c r="BD529" s="59" t="str">
        <f t="shared" si="80"/>
        <v/>
      </c>
      <c r="BE529" s="59" t="str">
        <f t="shared" si="80"/>
        <v/>
      </c>
      <c r="BF529" s="59" t="str">
        <f t="shared" si="80"/>
        <v/>
      </c>
      <c r="BG529" s="59" t="str">
        <f t="shared" si="80"/>
        <v/>
      </c>
      <c r="BH529" s="59" t="str">
        <f t="shared" si="80"/>
        <v/>
      </c>
      <c r="BI529" s="59" t="str">
        <f t="shared" si="80"/>
        <v/>
      </c>
      <c r="BJ529" s="59" t="str">
        <f t="shared" si="80"/>
        <v/>
      </c>
      <c r="BK529" s="59" t="str">
        <f t="shared" si="80"/>
        <v/>
      </c>
      <c r="BL529" s="59" t="str">
        <f t="shared" si="80"/>
        <v/>
      </c>
      <c r="BM529" s="59" t="str">
        <f t="shared" si="80"/>
        <v/>
      </c>
      <c r="BN529" s="59" t="str">
        <f t="shared" si="80"/>
        <v/>
      </c>
      <c r="BO529" s="59" t="str">
        <f t="shared" si="80"/>
        <v/>
      </c>
      <c r="BP529" s="59" t="str">
        <f t="shared" si="80"/>
        <v/>
      </c>
      <c r="BQ529" s="59" t="str">
        <f t="shared" si="80"/>
        <v/>
      </c>
      <c r="BR529" s="59" t="str">
        <f t="shared" si="80"/>
        <v/>
      </c>
      <c r="BS529" s="59" t="str">
        <f t="shared" si="80"/>
        <v/>
      </c>
    </row>
    <row r="530" spans="1:71" s="92" customFormat="1" ht="71.25">
      <c r="A530" s="186" t="s">
        <v>533</v>
      </c>
      <c r="B530" s="155"/>
      <c r="C530" s="383" t="s">
        <v>534</v>
      </c>
      <c r="D530" s="384"/>
      <c r="E530" s="384"/>
      <c r="F530" s="384"/>
      <c r="G530" s="384"/>
      <c r="H530" s="385"/>
      <c r="I530" s="98" t="s">
        <v>535</v>
      </c>
      <c r="J530" s="156">
        <f>IF(SUM(L530:BS530)=0,IF(COUNTIF(L530:BS530,"未確認")&gt;0,"未確認",IF(COUNTIF(L530:BS530,"~*")&gt;0,"*",SUM(L530:BS530))),SUM(L530:BS530))</f>
        <v>0</v>
      </c>
      <c r="K530" s="152" t="str">
        <f>IF(OR(COUNTIF(L530:BS530,"未確認")&gt;0,COUNTIF(L530:BS530,"*")&gt;0),"※","")</f>
        <v/>
      </c>
      <c r="L530" s="94">
        <v>0</v>
      </c>
      <c r="M530" s="259">
        <v>0</v>
      </c>
      <c r="N530" s="259">
        <v>0</v>
      </c>
      <c r="O530" s="259">
        <v>0</v>
      </c>
      <c r="P530" s="259">
        <v>0</v>
      </c>
      <c r="Q530" s="259"/>
      <c r="R530" s="259"/>
      <c r="S530" s="259"/>
      <c r="T530" s="259"/>
      <c r="U530" s="259"/>
      <c r="V530" s="259"/>
      <c r="W530" s="259"/>
      <c r="X530" s="259"/>
      <c r="Y530" s="259"/>
      <c r="Z530" s="259"/>
      <c r="AA530" s="259"/>
      <c r="AB530" s="259"/>
      <c r="AC530" s="259"/>
      <c r="AD530" s="259"/>
      <c r="AE530" s="259"/>
      <c r="AF530" s="259"/>
      <c r="AG530" s="259"/>
      <c r="AH530" s="259"/>
      <c r="AI530" s="259"/>
      <c r="AJ530" s="259"/>
      <c r="AK530" s="259"/>
      <c r="AL530" s="259"/>
      <c r="AM530" s="259"/>
      <c r="AN530" s="259"/>
      <c r="AO530" s="259"/>
      <c r="AP530" s="259"/>
      <c r="AQ530" s="259"/>
      <c r="AR530" s="259"/>
      <c r="AS530" s="259"/>
      <c r="AT530" s="259"/>
      <c r="AU530" s="259"/>
      <c r="AV530" s="259"/>
      <c r="AW530" s="259"/>
      <c r="AX530" s="259"/>
      <c r="AY530" s="259"/>
      <c r="AZ530" s="259"/>
      <c r="BA530" s="259"/>
      <c r="BB530" s="259"/>
      <c r="BC530" s="259"/>
      <c r="BD530" s="259"/>
      <c r="BE530" s="259"/>
      <c r="BF530" s="259"/>
      <c r="BG530" s="259"/>
      <c r="BH530" s="259"/>
      <c r="BI530" s="259"/>
      <c r="BJ530" s="259"/>
      <c r="BK530" s="259"/>
      <c r="BL530" s="259"/>
      <c r="BM530" s="259"/>
      <c r="BN530" s="259"/>
      <c r="BO530" s="259"/>
      <c r="BP530" s="259"/>
      <c r="BQ530" s="259"/>
      <c r="BR530" s="259"/>
      <c r="BS530" s="259"/>
    </row>
    <row r="531" spans="1:71" s="74" customFormat="1">
      <c r="A531" s="178"/>
      <c r="B531" s="14"/>
      <c r="C531" s="14"/>
      <c r="D531" s="14"/>
      <c r="E531" s="14"/>
      <c r="F531" s="14"/>
      <c r="G531" s="14"/>
      <c r="H531" s="10"/>
      <c r="I531" s="10"/>
      <c r="J531" s="71"/>
      <c r="K531" s="72"/>
      <c r="L531" s="73"/>
      <c r="M531" s="73"/>
      <c r="N531" s="73"/>
      <c r="O531" s="73"/>
      <c r="P531" s="73"/>
      <c r="Q531" s="73"/>
    </row>
    <row r="532" spans="1:71">
      <c r="A532" s="178"/>
      <c r="B532" s="14"/>
      <c r="C532" s="14"/>
      <c r="D532" s="14"/>
      <c r="E532" s="14"/>
      <c r="F532" s="14"/>
      <c r="G532" s="14"/>
      <c r="H532" s="10"/>
      <c r="I532" s="10"/>
      <c r="L532" s="62"/>
      <c r="M532" s="62"/>
      <c r="N532" s="62"/>
      <c r="O532" s="62"/>
      <c r="P532" s="62"/>
      <c r="Q532" s="62"/>
      <c r="R532" s="8"/>
      <c r="S532" s="8"/>
      <c r="T532" s="8"/>
      <c r="U532" s="8"/>
      <c r="V532" s="8"/>
    </row>
    <row r="533" spans="1:71" s="240" customFormat="1" ht="34.5" customHeight="1">
      <c r="A533" s="178"/>
      <c r="B533" s="14"/>
      <c r="C533" s="14" t="s">
        <v>536</v>
      </c>
      <c r="D533" s="3"/>
      <c r="E533" s="3"/>
      <c r="F533" s="3"/>
      <c r="G533" s="3"/>
      <c r="H533" s="214"/>
      <c r="I533" s="214"/>
      <c r="J533" s="63" t="s">
        <v>81</v>
      </c>
      <c r="K533" s="136"/>
      <c r="L533" s="245" t="str">
        <f t="shared" ref="L533:AQ533" si="81">IF(ISBLANK(L$9),"",L$9)</f>
        <v>4階病棟</v>
      </c>
      <c r="M533" s="249" t="str">
        <f t="shared" si="81"/>
        <v>回復期リハビリテーション病棟</v>
      </c>
      <c r="N533" s="247" t="str">
        <f t="shared" si="81"/>
        <v>地域包括ケア病棟</v>
      </c>
      <c r="O533" s="247" t="str">
        <f t="shared" si="81"/>
        <v>地域包括ケア病棟サテライト</v>
      </c>
      <c r="P533" s="247" t="str">
        <f t="shared" si="81"/>
        <v>特殊疾患病棟</v>
      </c>
      <c r="Q533" s="247" t="str">
        <f t="shared" si="81"/>
        <v>療養病棟2階</v>
      </c>
      <c r="R533" s="247" t="str">
        <f t="shared" si="81"/>
        <v/>
      </c>
      <c r="S533" s="247" t="str">
        <f t="shared" si="81"/>
        <v/>
      </c>
      <c r="T533" s="247" t="str">
        <f t="shared" si="81"/>
        <v/>
      </c>
      <c r="U533" s="247" t="str">
        <f t="shared" si="81"/>
        <v/>
      </c>
      <c r="V533" s="247" t="str">
        <f t="shared" si="81"/>
        <v/>
      </c>
      <c r="W533" s="247" t="str">
        <f t="shared" si="81"/>
        <v/>
      </c>
      <c r="X533" s="247" t="str">
        <f t="shared" si="81"/>
        <v/>
      </c>
      <c r="Y533" s="247" t="str">
        <f t="shared" si="81"/>
        <v/>
      </c>
      <c r="Z533" s="247" t="str">
        <f t="shared" si="81"/>
        <v/>
      </c>
      <c r="AA533" s="247" t="str">
        <f t="shared" si="81"/>
        <v/>
      </c>
      <c r="AB533" s="247" t="str">
        <f t="shared" si="81"/>
        <v/>
      </c>
      <c r="AC533" s="247" t="str">
        <f t="shared" si="81"/>
        <v/>
      </c>
      <c r="AD533" s="247" t="str">
        <f t="shared" si="81"/>
        <v/>
      </c>
      <c r="AE533" s="247" t="str">
        <f t="shared" si="81"/>
        <v/>
      </c>
      <c r="AF533" s="247" t="str">
        <f t="shared" si="81"/>
        <v/>
      </c>
      <c r="AG533" s="247" t="str">
        <f t="shared" si="81"/>
        <v/>
      </c>
      <c r="AH533" s="247" t="str">
        <f t="shared" si="81"/>
        <v/>
      </c>
      <c r="AI533" s="247" t="str">
        <f t="shared" si="81"/>
        <v/>
      </c>
      <c r="AJ533" s="247" t="str">
        <f t="shared" si="81"/>
        <v/>
      </c>
      <c r="AK533" s="247" t="str">
        <f t="shared" si="81"/>
        <v/>
      </c>
      <c r="AL533" s="247" t="str">
        <f t="shared" si="81"/>
        <v/>
      </c>
      <c r="AM533" s="247" t="str">
        <f t="shared" si="81"/>
        <v/>
      </c>
      <c r="AN533" s="247" t="str">
        <f t="shared" si="81"/>
        <v/>
      </c>
      <c r="AO533" s="247" t="str">
        <f t="shared" si="81"/>
        <v/>
      </c>
      <c r="AP533" s="247" t="str">
        <f t="shared" si="81"/>
        <v/>
      </c>
      <c r="AQ533" s="247" t="str">
        <f t="shared" si="81"/>
        <v/>
      </c>
      <c r="AR533" s="247" t="str">
        <f t="shared" ref="AR533:BS533" si="82">IF(ISBLANK(AR$9),"",AR$9)</f>
        <v/>
      </c>
      <c r="AS533" s="247" t="str">
        <f t="shared" si="82"/>
        <v/>
      </c>
      <c r="AT533" s="247" t="str">
        <f t="shared" si="82"/>
        <v/>
      </c>
      <c r="AU533" s="247" t="str">
        <f t="shared" si="82"/>
        <v/>
      </c>
      <c r="AV533" s="247" t="str">
        <f t="shared" si="82"/>
        <v/>
      </c>
      <c r="AW533" s="247" t="str">
        <f t="shared" si="82"/>
        <v/>
      </c>
      <c r="AX533" s="247" t="str">
        <f t="shared" si="82"/>
        <v/>
      </c>
      <c r="AY533" s="247" t="str">
        <f t="shared" si="82"/>
        <v/>
      </c>
      <c r="AZ533" s="247" t="str">
        <f t="shared" si="82"/>
        <v/>
      </c>
      <c r="BA533" s="247" t="str">
        <f t="shared" si="82"/>
        <v/>
      </c>
      <c r="BB533" s="247" t="str">
        <f t="shared" si="82"/>
        <v/>
      </c>
      <c r="BC533" s="247" t="str">
        <f t="shared" si="82"/>
        <v/>
      </c>
      <c r="BD533" s="247" t="str">
        <f t="shared" si="82"/>
        <v/>
      </c>
      <c r="BE533" s="247" t="str">
        <f t="shared" si="82"/>
        <v/>
      </c>
      <c r="BF533" s="247" t="str">
        <f t="shared" si="82"/>
        <v/>
      </c>
      <c r="BG533" s="247" t="str">
        <f t="shared" si="82"/>
        <v/>
      </c>
      <c r="BH533" s="247" t="str">
        <f t="shared" si="82"/>
        <v/>
      </c>
      <c r="BI533" s="247" t="str">
        <f t="shared" si="82"/>
        <v/>
      </c>
      <c r="BJ533" s="247" t="str">
        <f t="shared" si="82"/>
        <v/>
      </c>
      <c r="BK533" s="247" t="str">
        <f t="shared" si="82"/>
        <v/>
      </c>
      <c r="BL533" s="247" t="str">
        <f t="shared" si="82"/>
        <v/>
      </c>
      <c r="BM533" s="247" t="str">
        <f t="shared" si="82"/>
        <v/>
      </c>
      <c r="BN533" s="247" t="str">
        <f t="shared" si="82"/>
        <v/>
      </c>
      <c r="BO533" s="247" t="str">
        <f t="shared" si="82"/>
        <v/>
      </c>
      <c r="BP533" s="247" t="str">
        <f t="shared" si="82"/>
        <v/>
      </c>
      <c r="BQ533" s="247" t="str">
        <f t="shared" si="82"/>
        <v/>
      </c>
      <c r="BR533" s="247" t="str">
        <f t="shared" si="82"/>
        <v/>
      </c>
      <c r="BS533" s="247" t="str">
        <f t="shared" si="82"/>
        <v/>
      </c>
    </row>
    <row r="534" spans="1:71" s="240" customFormat="1" ht="20.25" customHeight="1">
      <c r="A534" s="178"/>
      <c r="B534" s="1"/>
      <c r="C534" s="386"/>
      <c r="D534" s="387"/>
      <c r="E534" s="387"/>
      <c r="F534" s="387"/>
      <c r="G534" s="85"/>
      <c r="H534" s="214"/>
      <c r="I534" s="56" t="s">
        <v>82</v>
      </c>
      <c r="J534" s="57"/>
      <c r="K534" s="137"/>
      <c r="L534" s="59" t="str">
        <f t="shared" ref="L534:AQ534" si="83">IF(ISBLANK(L$95),"",L$95)</f>
        <v>急性期</v>
      </c>
      <c r="M534" s="250" t="str">
        <f t="shared" si="83"/>
        <v>回復期</v>
      </c>
      <c r="N534" s="59" t="str">
        <f t="shared" si="83"/>
        <v>回復期</v>
      </c>
      <c r="O534" s="59" t="str">
        <f t="shared" si="83"/>
        <v>休棟中（今後廃止する予定）</v>
      </c>
      <c r="P534" s="59" t="str">
        <f t="shared" si="83"/>
        <v>慢性期</v>
      </c>
      <c r="Q534" s="59" t="str">
        <f t="shared" si="83"/>
        <v>慢性期</v>
      </c>
      <c r="R534" s="59" t="str">
        <f t="shared" si="83"/>
        <v/>
      </c>
      <c r="S534" s="59" t="str">
        <f t="shared" si="83"/>
        <v/>
      </c>
      <c r="T534" s="59" t="str">
        <f t="shared" si="83"/>
        <v/>
      </c>
      <c r="U534" s="59" t="str">
        <f t="shared" si="83"/>
        <v/>
      </c>
      <c r="V534" s="59" t="str">
        <f t="shared" si="83"/>
        <v/>
      </c>
      <c r="W534" s="59" t="str">
        <f t="shared" si="83"/>
        <v/>
      </c>
      <c r="X534" s="59" t="str">
        <f t="shared" si="83"/>
        <v/>
      </c>
      <c r="Y534" s="59" t="str">
        <f t="shared" si="83"/>
        <v/>
      </c>
      <c r="Z534" s="59" t="str">
        <f t="shared" si="83"/>
        <v/>
      </c>
      <c r="AA534" s="59" t="str">
        <f t="shared" si="83"/>
        <v/>
      </c>
      <c r="AB534" s="59" t="str">
        <f t="shared" si="83"/>
        <v/>
      </c>
      <c r="AC534" s="59" t="str">
        <f t="shared" si="83"/>
        <v/>
      </c>
      <c r="AD534" s="59" t="str">
        <f t="shared" si="83"/>
        <v/>
      </c>
      <c r="AE534" s="59" t="str">
        <f t="shared" si="83"/>
        <v/>
      </c>
      <c r="AF534" s="59" t="str">
        <f t="shared" si="83"/>
        <v/>
      </c>
      <c r="AG534" s="59" t="str">
        <f t="shared" si="83"/>
        <v/>
      </c>
      <c r="AH534" s="59" t="str">
        <f t="shared" si="83"/>
        <v/>
      </c>
      <c r="AI534" s="59" t="str">
        <f t="shared" si="83"/>
        <v/>
      </c>
      <c r="AJ534" s="59" t="str">
        <f t="shared" si="83"/>
        <v/>
      </c>
      <c r="AK534" s="59" t="str">
        <f t="shared" si="83"/>
        <v/>
      </c>
      <c r="AL534" s="59" t="str">
        <f t="shared" si="83"/>
        <v/>
      </c>
      <c r="AM534" s="59" t="str">
        <f t="shared" si="83"/>
        <v/>
      </c>
      <c r="AN534" s="59" t="str">
        <f t="shared" si="83"/>
        <v/>
      </c>
      <c r="AO534" s="59" t="str">
        <f t="shared" si="83"/>
        <v/>
      </c>
      <c r="AP534" s="59" t="str">
        <f t="shared" si="83"/>
        <v/>
      </c>
      <c r="AQ534" s="59" t="str">
        <f t="shared" si="83"/>
        <v/>
      </c>
      <c r="AR534" s="59" t="str">
        <f t="shared" ref="AR534:BS534" si="84">IF(ISBLANK(AR$95),"",AR$95)</f>
        <v/>
      </c>
      <c r="AS534" s="59" t="str">
        <f t="shared" si="84"/>
        <v/>
      </c>
      <c r="AT534" s="59" t="str">
        <f t="shared" si="84"/>
        <v/>
      </c>
      <c r="AU534" s="59" t="str">
        <f t="shared" si="84"/>
        <v/>
      </c>
      <c r="AV534" s="59" t="str">
        <f t="shared" si="84"/>
        <v/>
      </c>
      <c r="AW534" s="59" t="str">
        <f t="shared" si="84"/>
        <v/>
      </c>
      <c r="AX534" s="59" t="str">
        <f t="shared" si="84"/>
        <v/>
      </c>
      <c r="AY534" s="59" t="str">
        <f t="shared" si="84"/>
        <v/>
      </c>
      <c r="AZ534" s="59" t="str">
        <f t="shared" si="84"/>
        <v/>
      </c>
      <c r="BA534" s="59" t="str">
        <f t="shared" si="84"/>
        <v/>
      </c>
      <c r="BB534" s="59" t="str">
        <f t="shared" si="84"/>
        <v/>
      </c>
      <c r="BC534" s="59" t="str">
        <f t="shared" si="84"/>
        <v/>
      </c>
      <c r="BD534" s="59" t="str">
        <f t="shared" si="84"/>
        <v/>
      </c>
      <c r="BE534" s="59" t="str">
        <f t="shared" si="84"/>
        <v/>
      </c>
      <c r="BF534" s="59" t="str">
        <f t="shared" si="84"/>
        <v/>
      </c>
      <c r="BG534" s="59" t="str">
        <f t="shared" si="84"/>
        <v/>
      </c>
      <c r="BH534" s="59" t="str">
        <f t="shared" si="84"/>
        <v/>
      </c>
      <c r="BI534" s="59" t="str">
        <f t="shared" si="84"/>
        <v/>
      </c>
      <c r="BJ534" s="59" t="str">
        <f t="shared" si="84"/>
        <v/>
      </c>
      <c r="BK534" s="59" t="str">
        <f t="shared" si="84"/>
        <v/>
      </c>
      <c r="BL534" s="59" t="str">
        <f t="shared" si="84"/>
        <v/>
      </c>
      <c r="BM534" s="59" t="str">
        <f t="shared" si="84"/>
        <v/>
      </c>
      <c r="BN534" s="59" t="str">
        <f t="shared" si="84"/>
        <v/>
      </c>
      <c r="BO534" s="59" t="str">
        <f t="shared" si="84"/>
        <v/>
      </c>
      <c r="BP534" s="59" t="str">
        <f t="shared" si="84"/>
        <v/>
      </c>
      <c r="BQ534" s="59" t="str">
        <f t="shared" si="84"/>
        <v/>
      </c>
      <c r="BR534" s="59" t="str">
        <f t="shared" si="84"/>
        <v/>
      </c>
      <c r="BS534" s="59" t="str">
        <f t="shared" si="84"/>
        <v/>
      </c>
    </row>
    <row r="535" spans="1:71" s="74" customFormat="1" ht="34.5" customHeight="1">
      <c r="A535" s="185" t="s">
        <v>537</v>
      </c>
      <c r="B535" s="155"/>
      <c r="C535" s="274" t="s">
        <v>538</v>
      </c>
      <c r="D535" s="275"/>
      <c r="E535" s="275"/>
      <c r="F535" s="275"/>
      <c r="G535" s="275"/>
      <c r="H535" s="276"/>
      <c r="I535" s="98" t="s">
        <v>539</v>
      </c>
      <c r="J535" s="93">
        <f>IF(SUM(L535:BS535)=0,IF(COUNTIF(L535:BS535,"未確認")&gt;0,"未確認",IF(COUNTIF(L535:BS535,"~*")&gt;0,"*",SUM(L535:BS535))),SUM(L535:BS535))</f>
        <v>0</v>
      </c>
      <c r="K535" s="152" t="str">
        <f>IF(OR(COUNTIF(L535:BS535,"未確認")&gt;0,COUNTIF(L535:BS535,"*")&gt;0),"※","")</f>
        <v/>
      </c>
      <c r="L535" s="94">
        <v>0</v>
      </c>
      <c r="M535" s="259">
        <v>0</v>
      </c>
      <c r="N535" s="259">
        <v>0</v>
      </c>
      <c r="O535" s="259">
        <v>0</v>
      </c>
      <c r="P535" s="259">
        <v>0</v>
      </c>
      <c r="Q535" s="259">
        <v>0</v>
      </c>
      <c r="R535" s="259"/>
      <c r="S535" s="259"/>
      <c r="T535" s="259"/>
      <c r="U535" s="259"/>
      <c r="V535" s="259"/>
      <c r="W535" s="259"/>
      <c r="X535" s="259"/>
      <c r="Y535" s="259"/>
      <c r="Z535" s="259"/>
      <c r="AA535" s="259"/>
      <c r="AB535" s="259"/>
      <c r="AC535" s="259"/>
      <c r="AD535" s="259"/>
      <c r="AE535" s="259"/>
      <c r="AF535" s="259"/>
      <c r="AG535" s="259"/>
      <c r="AH535" s="259"/>
      <c r="AI535" s="259"/>
      <c r="AJ535" s="259"/>
      <c r="AK535" s="259"/>
      <c r="AL535" s="259"/>
      <c r="AM535" s="259"/>
      <c r="AN535" s="259"/>
      <c r="AO535" s="259"/>
      <c r="AP535" s="259"/>
      <c r="AQ535" s="259"/>
      <c r="AR535" s="259"/>
      <c r="AS535" s="259"/>
      <c r="AT535" s="259"/>
      <c r="AU535" s="259"/>
      <c r="AV535" s="259"/>
      <c r="AW535" s="259"/>
      <c r="AX535" s="259"/>
      <c r="AY535" s="259"/>
      <c r="AZ535" s="259"/>
      <c r="BA535" s="259"/>
      <c r="BB535" s="259"/>
      <c r="BC535" s="259"/>
      <c r="BD535" s="259"/>
      <c r="BE535" s="259"/>
      <c r="BF535" s="259"/>
      <c r="BG535" s="259"/>
      <c r="BH535" s="259"/>
      <c r="BI535" s="259"/>
      <c r="BJ535" s="259"/>
      <c r="BK535" s="259"/>
      <c r="BL535" s="259"/>
      <c r="BM535" s="259"/>
      <c r="BN535" s="259"/>
      <c r="BO535" s="259"/>
      <c r="BP535" s="259"/>
      <c r="BQ535" s="259"/>
      <c r="BR535" s="259"/>
      <c r="BS535" s="259"/>
    </row>
    <row r="536" spans="1:71" s="74" customFormat="1">
      <c r="A536" s="178"/>
      <c r="B536" s="14"/>
      <c r="C536" s="14"/>
      <c r="D536" s="14"/>
      <c r="E536" s="14"/>
      <c r="F536" s="14"/>
      <c r="G536" s="14"/>
      <c r="H536" s="10"/>
      <c r="I536" s="10"/>
      <c r="J536" s="71"/>
      <c r="K536" s="72"/>
      <c r="L536" s="73"/>
      <c r="M536" s="73"/>
      <c r="N536" s="73"/>
      <c r="O536" s="73"/>
      <c r="P536" s="73"/>
      <c r="Q536" s="73"/>
    </row>
    <row r="537" spans="1:71">
      <c r="A537" s="178"/>
      <c r="B537" s="14"/>
      <c r="C537" s="14"/>
      <c r="D537" s="14"/>
      <c r="E537" s="14"/>
      <c r="F537" s="14"/>
      <c r="G537" s="14"/>
      <c r="H537" s="10"/>
      <c r="I537" s="10"/>
      <c r="J537" s="53"/>
      <c r="K537" s="24"/>
      <c r="L537" s="62"/>
      <c r="M537" s="62"/>
      <c r="N537" s="62"/>
      <c r="O537" s="62"/>
      <c r="P537" s="62"/>
      <c r="Q537" s="62"/>
      <c r="R537" s="8"/>
      <c r="S537" s="8"/>
      <c r="T537" s="8"/>
      <c r="U537" s="8"/>
      <c r="V537" s="8"/>
    </row>
    <row r="538" spans="1:71" s="240" customFormat="1" ht="34.5" customHeight="1">
      <c r="A538" s="178"/>
      <c r="B538" s="14"/>
      <c r="C538" s="14" t="s">
        <v>540</v>
      </c>
      <c r="D538" s="3"/>
      <c r="E538" s="3"/>
      <c r="F538" s="3"/>
      <c r="G538" s="3"/>
      <c r="H538" s="214"/>
      <c r="I538" s="214"/>
      <c r="J538" s="63" t="s">
        <v>81</v>
      </c>
      <c r="K538" s="136"/>
      <c r="L538" s="245" t="str">
        <f t="shared" ref="L538:AQ538" si="85">IF(ISBLANK(L$390),"",L$390)</f>
        <v>4階病棟</v>
      </c>
      <c r="M538" s="249" t="str">
        <f t="shared" si="85"/>
        <v>回復期リハビリテーション病棟</v>
      </c>
      <c r="N538" s="247" t="str">
        <f t="shared" si="85"/>
        <v>地域包括ケア病棟</v>
      </c>
      <c r="O538" s="247" t="str">
        <f t="shared" si="85"/>
        <v>特殊疾患病棟</v>
      </c>
      <c r="P538" s="247" t="str">
        <f t="shared" si="85"/>
        <v>療養病棟2階</v>
      </c>
      <c r="Q538" s="247" t="str">
        <f t="shared" si="85"/>
        <v/>
      </c>
      <c r="R538" s="247" t="str">
        <f t="shared" si="85"/>
        <v/>
      </c>
      <c r="S538" s="247" t="str">
        <f t="shared" si="85"/>
        <v/>
      </c>
      <c r="T538" s="247" t="str">
        <f t="shared" si="85"/>
        <v/>
      </c>
      <c r="U538" s="247" t="str">
        <f t="shared" si="85"/>
        <v/>
      </c>
      <c r="V538" s="247" t="str">
        <f t="shared" si="85"/>
        <v/>
      </c>
      <c r="W538" s="247" t="str">
        <f t="shared" si="85"/>
        <v/>
      </c>
      <c r="X538" s="247" t="str">
        <f t="shared" si="85"/>
        <v/>
      </c>
      <c r="Y538" s="247" t="str">
        <f t="shared" si="85"/>
        <v/>
      </c>
      <c r="Z538" s="247" t="str">
        <f t="shared" si="85"/>
        <v/>
      </c>
      <c r="AA538" s="247" t="str">
        <f t="shared" si="85"/>
        <v/>
      </c>
      <c r="AB538" s="247" t="str">
        <f t="shared" si="85"/>
        <v/>
      </c>
      <c r="AC538" s="247" t="str">
        <f t="shared" si="85"/>
        <v/>
      </c>
      <c r="AD538" s="247" t="str">
        <f t="shared" si="85"/>
        <v/>
      </c>
      <c r="AE538" s="247" t="str">
        <f t="shared" si="85"/>
        <v/>
      </c>
      <c r="AF538" s="247" t="str">
        <f t="shared" si="85"/>
        <v/>
      </c>
      <c r="AG538" s="247" t="str">
        <f t="shared" si="85"/>
        <v/>
      </c>
      <c r="AH538" s="247" t="str">
        <f t="shared" si="85"/>
        <v/>
      </c>
      <c r="AI538" s="247" t="str">
        <f t="shared" si="85"/>
        <v/>
      </c>
      <c r="AJ538" s="247" t="str">
        <f t="shared" si="85"/>
        <v/>
      </c>
      <c r="AK538" s="247" t="str">
        <f t="shared" si="85"/>
        <v/>
      </c>
      <c r="AL538" s="247" t="str">
        <f t="shared" si="85"/>
        <v/>
      </c>
      <c r="AM538" s="247" t="str">
        <f t="shared" si="85"/>
        <v/>
      </c>
      <c r="AN538" s="247" t="str">
        <f t="shared" si="85"/>
        <v/>
      </c>
      <c r="AO538" s="247" t="str">
        <f t="shared" si="85"/>
        <v/>
      </c>
      <c r="AP538" s="247" t="str">
        <f t="shared" si="85"/>
        <v/>
      </c>
      <c r="AQ538" s="247" t="str">
        <f t="shared" si="85"/>
        <v/>
      </c>
      <c r="AR538" s="247" t="str">
        <f t="shared" ref="AR538:BS538" si="86">IF(ISBLANK(AR$390),"",AR$390)</f>
        <v/>
      </c>
      <c r="AS538" s="247" t="str">
        <f t="shared" si="86"/>
        <v/>
      </c>
      <c r="AT538" s="247" t="str">
        <f t="shared" si="86"/>
        <v/>
      </c>
      <c r="AU538" s="247" t="str">
        <f t="shared" si="86"/>
        <v/>
      </c>
      <c r="AV538" s="247" t="str">
        <f t="shared" si="86"/>
        <v/>
      </c>
      <c r="AW538" s="247" t="str">
        <f t="shared" si="86"/>
        <v/>
      </c>
      <c r="AX538" s="247" t="str">
        <f t="shared" si="86"/>
        <v/>
      </c>
      <c r="AY538" s="247" t="str">
        <f t="shared" si="86"/>
        <v/>
      </c>
      <c r="AZ538" s="247" t="str">
        <f t="shared" si="86"/>
        <v/>
      </c>
      <c r="BA538" s="247" t="str">
        <f t="shared" si="86"/>
        <v/>
      </c>
      <c r="BB538" s="247" t="str">
        <f t="shared" si="86"/>
        <v/>
      </c>
      <c r="BC538" s="247" t="str">
        <f t="shared" si="86"/>
        <v/>
      </c>
      <c r="BD538" s="247" t="str">
        <f t="shared" si="86"/>
        <v/>
      </c>
      <c r="BE538" s="247" t="str">
        <f t="shared" si="86"/>
        <v/>
      </c>
      <c r="BF538" s="247" t="str">
        <f t="shared" si="86"/>
        <v/>
      </c>
      <c r="BG538" s="247" t="str">
        <f t="shared" si="86"/>
        <v/>
      </c>
      <c r="BH538" s="247" t="str">
        <f t="shared" si="86"/>
        <v/>
      </c>
      <c r="BI538" s="247" t="str">
        <f t="shared" si="86"/>
        <v/>
      </c>
      <c r="BJ538" s="247" t="str">
        <f t="shared" si="86"/>
        <v/>
      </c>
      <c r="BK538" s="247" t="str">
        <f t="shared" si="86"/>
        <v/>
      </c>
      <c r="BL538" s="247" t="str">
        <f t="shared" si="86"/>
        <v/>
      </c>
      <c r="BM538" s="247" t="str">
        <f t="shared" si="86"/>
        <v/>
      </c>
      <c r="BN538" s="247" t="str">
        <f t="shared" si="86"/>
        <v/>
      </c>
      <c r="BO538" s="247" t="str">
        <f t="shared" si="86"/>
        <v/>
      </c>
      <c r="BP538" s="247" t="str">
        <f t="shared" si="86"/>
        <v/>
      </c>
      <c r="BQ538" s="247" t="str">
        <f t="shared" si="86"/>
        <v/>
      </c>
      <c r="BR538" s="247" t="str">
        <f t="shared" si="86"/>
        <v/>
      </c>
      <c r="BS538" s="247" t="str">
        <f t="shared" si="86"/>
        <v/>
      </c>
    </row>
    <row r="539" spans="1:71" s="240" customFormat="1" ht="20.25" customHeight="1">
      <c r="A539" s="178"/>
      <c r="B539" s="1"/>
      <c r="C539" s="381"/>
      <c r="D539" s="382"/>
      <c r="E539" s="382"/>
      <c r="F539" s="382"/>
      <c r="G539" s="85"/>
      <c r="H539" s="214"/>
      <c r="I539" s="56" t="s">
        <v>82</v>
      </c>
      <c r="J539" s="57"/>
      <c r="K539" s="137"/>
      <c r="L539" s="59" t="str">
        <f t="shared" ref="L539:AQ539" si="87">IF(ISBLANK(L$391),"",L$391)</f>
        <v>-</v>
      </c>
      <c r="M539" s="250" t="str">
        <f t="shared" si="87"/>
        <v>-</v>
      </c>
      <c r="N539" s="59" t="str">
        <f t="shared" si="87"/>
        <v>-</v>
      </c>
      <c r="O539" s="59" t="str">
        <f t="shared" si="87"/>
        <v>-</v>
      </c>
      <c r="P539" s="59" t="str">
        <f t="shared" si="87"/>
        <v>-</v>
      </c>
      <c r="Q539" s="59" t="str">
        <f t="shared" si="87"/>
        <v/>
      </c>
      <c r="R539" s="59" t="str">
        <f t="shared" si="87"/>
        <v/>
      </c>
      <c r="S539" s="59" t="str">
        <f t="shared" si="87"/>
        <v/>
      </c>
      <c r="T539" s="59" t="str">
        <f t="shared" si="87"/>
        <v/>
      </c>
      <c r="U539" s="59" t="str">
        <f t="shared" si="87"/>
        <v/>
      </c>
      <c r="V539" s="59" t="str">
        <f t="shared" si="87"/>
        <v/>
      </c>
      <c r="W539" s="59" t="str">
        <f t="shared" si="87"/>
        <v/>
      </c>
      <c r="X539" s="59" t="str">
        <f t="shared" si="87"/>
        <v/>
      </c>
      <c r="Y539" s="59" t="str">
        <f t="shared" si="87"/>
        <v/>
      </c>
      <c r="Z539" s="59" t="str">
        <f t="shared" si="87"/>
        <v/>
      </c>
      <c r="AA539" s="59" t="str">
        <f t="shared" si="87"/>
        <v/>
      </c>
      <c r="AB539" s="59" t="str">
        <f t="shared" si="87"/>
        <v/>
      </c>
      <c r="AC539" s="59" t="str">
        <f t="shared" si="87"/>
        <v/>
      </c>
      <c r="AD539" s="59" t="str">
        <f t="shared" si="87"/>
        <v/>
      </c>
      <c r="AE539" s="59" t="str">
        <f t="shared" si="87"/>
        <v/>
      </c>
      <c r="AF539" s="59" t="str">
        <f t="shared" si="87"/>
        <v/>
      </c>
      <c r="AG539" s="59" t="str">
        <f t="shared" si="87"/>
        <v/>
      </c>
      <c r="AH539" s="59" t="str">
        <f t="shared" si="87"/>
        <v/>
      </c>
      <c r="AI539" s="59" t="str">
        <f t="shared" si="87"/>
        <v/>
      </c>
      <c r="AJ539" s="59" t="str">
        <f t="shared" si="87"/>
        <v/>
      </c>
      <c r="AK539" s="59" t="str">
        <f t="shared" si="87"/>
        <v/>
      </c>
      <c r="AL539" s="59" t="str">
        <f t="shared" si="87"/>
        <v/>
      </c>
      <c r="AM539" s="59" t="str">
        <f t="shared" si="87"/>
        <v/>
      </c>
      <c r="AN539" s="59" t="str">
        <f t="shared" si="87"/>
        <v/>
      </c>
      <c r="AO539" s="59" t="str">
        <f t="shared" si="87"/>
        <v/>
      </c>
      <c r="AP539" s="59" t="str">
        <f t="shared" si="87"/>
        <v/>
      </c>
      <c r="AQ539" s="59" t="str">
        <f t="shared" si="87"/>
        <v/>
      </c>
      <c r="AR539" s="59" t="str">
        <f t="shared" ref="AR539:BS539" si="88">IF(ISBLANK(AR$391),"",AR$391)</f>
        <v/>
      </c>
      <c r="AS539" s="59" t="str">
        <f t="shared" si="88"/>
        <v/>
      </c>
      <c r="AT539" s="59" t="str">
        <f t="shared" si="88"/>
        <v/>
      </c>
      <c r="AU539" s="59" t="str">
        <f t="shared" si="88"/>
        <v/>
      </c>
      <c r="AV539" s="59" t="str">
        <f t="shared" si="88"/>
        <v/>
      </c>
      <c r="AW539" s="59" t="str">
        <f t="shared" si="88"/>
        <v/>
      </c>
      <c r="AX539" s="59" t="str">
        <f t="shared" si="88"/>
        <v/>
      </c>
      <c r="AY539" s="59" t="str">
        <f t="shared" si="88"/>
        <v/>
      </c>
      <c r="AZ539" s="59" t="str">
        <f t="shared" si="88"/>
        <v/>
      </c>
      <c r="BA539" s="59" t="str">
        <f t="shared" si="88"/>
        <v/>
      </c>
      <c r="BB539" s="59" t="str">
        <f t="shared" si="88"/>
        <v/>
      </c>
      <c r="BC539" s="59" t="str">
        <f t="shared" si="88"/>
        <v/>
      </c>
      <c r="BD539" s="59" t="str">
        <f t="shared" si="88"/>
        <v/>
      </c>
      <c r="BE539" s="59" t="str">
        <f t="shared" si="88"/>
        <v/>
      </c>
      <c r="BF539" s="59" t="str">
        <f t="shared" si="88"/>
        <v/>
      </c>
      <c r="BG539" s="59" t="str">
        <f t="shared" si="88"/>
        <v/>
      </c>
      <c r="BH539" s="59" t="str">
        <f t="shared" si="88"/>
        <v/>
      </c>
      <c r="BI539" s="59" t="str">
        <f t="shared" si="88"/>
        <v/>
      </c>
      <c r="BJ539" s="59" t="str">
        <f t="shared" si="88"/>
        <v/>
      </c>
      <c r="BK539" s="59" t="str">
        <f t="shared" si="88"/>
        <v/>
      </c>
      <c r="BL539" s="59" t="str">
        <f t="shared" si="88"/>
        <v/>
      </c>
      <c r="BM539" s="59" t="str">
        <f t="shared" si="88"/>
        <v/>
      </c>
      <c r="BN539" s="59" t="str">
        <f t="shared" si="88"/>
        <v/>
      </c>
      <c r="BO539" s="59" t="str">
        <f t="shared" si="88"/>
        <v/>
      </c>
      <c r="BP539" s="59" t="str">
        <f t="shared" si="88"/>
        <v/>
      </c>
      <c r="BQ539" s="59" t="str">
        <f t="shared" si="88"/>
        <v/>
      </c>
      <c r="BR539" s="59" t="str">
        <f t="shared" si="88"/>
        <v/>
      </c>
      <c r="BS539" s="59" t="str">
        <f t="shared" si="88"/>
        <v/>
      </c>
    </row>
    <row r="540" spans="1:71" s="92" customFormat="1" ht="56.1" customHeight="1">
      <c r="A540" s="186" t="s">
        <v>541</v>
      </c>
      <c r="B540" s="155"/>
      <c r="C540" s="274" t="s">
        <v>542</v>
      </c>
      <c r="D540" s="275"/>
      <c r="E540" s="275"/>
      <c r="F540" s="275"/>
      <c r="G540" s="275"/>
      <c r="H540" s="276"/>
      <c r="I540" s="98" t="s">
        <v>543</v>
      </c>
      <c r="J540" s="93">
        <f>IF(SUM(L540:BS540)=0,IF(COUNTIF(L540:BS540,"未確認")&gt;0,"未確認",IF(COUNTIF(L540:BS540,"~*")&gt;0,"*",SUM(L540:BS540))),SUM(L540:BS540))</f>
        <v>0</v>
      </c>
      <c r="K540" s="152" t="str">
        <f t="shared" ref="K540:K546" si="89">IF(OR(COUNTIF(L540:BS540,"未確認")&gt;0,COUNTIF(L540:BS540,"*")&gt;0),"※","")</f>
        <v/>
      </c>
      <c r="L540" s="94">
        <v>0</v>
      </c>
      <c r="M540" s="259">
        <v>0</v>
      </c>
      <c r="N540" s="259">
        <v>0</v>
      </c>
      <c r="O540" s="259">
        <v>0</v>
      </c>
      <c r="P540" s="259">
        <v>0</v>
      </c>
      <c r="Q540" s="259"/>
      <c r="R540" s="259"/>
      <c r="S540" s="259"/>
      <c r="T540" s="259"/>
      <c r="U540" s="259"/>
      <c r="V540" s="259"/>
      <c r="W540" s="259"/>
      <c r="X540" s="259"/>
      <c r="Y540" s="259"/>
      <c r="Z540" s="259"/>
      <c r="AA540" s="259"/>
      <c r="AB540" s="259"/>
      <c r="AC540" s="259"/>
      <c r="AD540" s="259"/>
      <c r="AE540" s="259"/>
      <c r="AF540" s="259"/>
      <c r="AG540" s="259"/>
      <c r="AH540" s="259"/>
      <c r="AI540" s="259"/>
      <c r="AJ540" s="259"/>
      <c r="AK540" s="259"/>
      <c r="AL540" s="259"/>
      <c r="AM540" s="259"/>
      <c r="AN540" s="259"/>
      <c r="AO540" s="259"/>
      <c r="AP540" s="259"/>
      <c r="AQ540" s="259"/>
      <c r="AR540" s="259"/>
      <c r="AS540" s="259"/>
      <c r="AT540" s="259"/>
      <c r="AU540" s="259"/>
      <c r="AV540" s="259"/>
      <c r="AW540" s="259"/>
      <c r="AX540" s="259"/>
      <c r="AY540" s="259"/>
      <c r="AZ540" s="259"/>
      <c r="BA540" s="259"/>
      <c r="BB540" s="259"/>
      <c r="BC540" s="259"/>
      <c r="BD540" s="259"/>
      <c r="BE540" s="259"/>
      <c r="BF540" s="259"/>
      <c r="BG540" s="259"/>
      <c r="BH540" s="259"/>
      <c r="BI540" s="259"/>
      <c r="BJ540" s="259"/>
      <c r="BK540" s="259"/>
      <c r="BL540" s="259"/>
      <c r="BM540" s="259"/>
      <c r="BN540" s="259"/>
      <c r="BO540" s="259"/>
      <c r="BP540" s="259"/>
      <c r="BQ540" s="259"/>
      <c r="BR540" s="259"/>
      <c r="BS540" s="259"/>
    </row>
    <row r="541" spans="1:71" s="92" customFormat="1" ht="70.150000000000006" customHeight="1">
      <c r="A541" s="186" t="s">
        <v>544</v>
      </c>
      <c r="B541" s="155"/>
      <c r="C541" s="274" t="s">
        <v>545</v>
      </c>
      <c r="D541" s="275"/>
      <c r="E541" s="275"/>
      <c r="F541" s="275"/>
      <c r="G541" s="275"/>
      <c r="H541" s="276"/>
      <c r="I541" s="98" t="s">
        <v>546</v>
      </c>
      <c r="J541" s="93">
        <f t="shared" ref="J541:J546" si="90">IF(SUM(L541:BS541)=0,IF(COUNTIF(L541:BS541,"未確認")&gt;0,"未確認",IF(COUNTIF(L541:BS541,"~*")&gt;0,"*",SUM(L541:BS541))),SUM(L541:BS541))</f>
        <v>0</v>
      </c>
      <c r="K541" s="152" t="str">
        <f t="shared" si="89"/>
        <v/>
      </c>
      <c r="L541" s="94">
        <v>0</v>
      </c>
      <c r="M541" s="259">
        <v>0</v>
      </c>
      <c r="N541" s="259">
        <v>0</v>
      </c>
      <c r="O541" s="259">
        <v>0</v>
      </c>
      <c r="P541" s="259">
        <v>0</v>
      </c>
      <c r="Q541" s="259"/>
      <c r="R541" s="259"/>
      <c r="S541" s="259"/>
      <c r="T541" s="259"/>
      <c r="U541" s="259"/>
      <c r="V541" s="259"/>
      <c r="W541" s="259"/>
      <c r="X541" s="259"/>
      <c r="Y541" s="259"/>
      <c r="Z541" s="259"/>
      <c r="AA541" s="259"/>
      <c r="AB541" s="259"/>
      <c r="AC541" s="259"/>
      <c r="AD541" s="259"/>
      <c r="AE541" s="259"/>
      <c r="AF541" s="259"/>
      <c r="AG541" s="259"/>
      <c r="AH541" s="259"/>
      <c r="AI541" s="259"/>
      <c r="AJ541" s="259"/>
      <c r="AK541" s="259"/>
      <c r="AL541" s="259"/>
      <c r="AM541" s="259"/>
      <c r="AN541" s="259"/>
      <c r="AO541" s="259"/>
      <c r="AP541" s="259"/>
      <c r="AQ541" s="259"/>
      <c r="AR541" s="259"/>
      <c r="AS541" s="259"/>
      <c r="AT541" s="259"/>
      <c r="AU541" s="259"/>
      <c r="AV541" s="259"/>
      <c r="AW541" s="259"/>
      <c r="AX541" s="259"/>
      <c r="AY541" s="259"/>
      <c r="AZ541" s="259"/>
      <c r="BA541" s="259"/>
      <c r="BB541" s="259"/>
      <c r="BC541" s="259"/>
      <c r="BD541" s="259"/>
      <c r="BE541" s="259"/>
      <c r="BF541" s="259"/>
      <c r="BG541" s="259"/>
      <c r="BH541" s="259"/>
      <c r="BI541" s="259"/>
      <c r="BJ541" s="259"/>
      <c r="BK541" s="259"/>
      <c r="BL541" s="259"/>
      <c r="BM541" s="259"/>
      <c r="BN541" s="259"/>
      <c r="BO541" s="259"/>
      <c r="BP541" s="259"/>
      <c r="BQ541" s="259"/>
      <c r="BR541" s="259"/>
      <c r="BS541" s="259"/>
    </row>
    <row r="542" spans="1:71" s="92" customFormat="1" ht="42.75" customHeight="1">
      <c r="A542" s="186" t="s">
        <v>547</v>
      </c>
      <c r="B542" s="155"/>
      <c r="C542" s="274" t="s">
        <v>548</v>
      </c>
      <c r="D542" s="275"/>
      <c r="E542" s="275"/>
      <c r="F542" s="275"/>
      <c r="G542" s="275"/>
      <c r="H542" s="276"/>
      <c r="I542" s="313" t="s">
        <v>549</v>
      </c>
      <c r="J542" s="93">
        <f t="shared" si="90"/>
        <v>0</v>
      </c>
      <c r="K542" s="152" t="str">
        <f t="shared" si="89"/>
        <v/>
      </c>
      <c r="L542" s="94">
        <v>0</v>
      </c>
      <c r="M542" s="259">
        <v>0</v>
      </c>
      <c r="N542" s="259">
        <v>0</v>
      </c>
      <c r="O542" s="259">
        <v>0</v>
      </c>
      <c r="P542" s="259">
        <v>0</v>
      </c>
      <c r="Q542" s="259"/>
      <c r="R542" s="259"/>
      <c r="S542" s="259"/>
      <c r="T542" s="259"/>
      <c r="U542" s="259"/>
      <c r="V542" s="259"/>
      <c r="W542" s="259"/>
      <c r="X542" s="259"/>
      <c r="Y542" s="259"/>
      <c r="Z542" s="259"/>
      <c r="AA542" s="259"/>
      <c r="AB542" s="259"/>
      <c r="AC542" s="259"/>
      <c r="AD542" s="259"/>
      <c r="AE542" s="259"/>
      <c r="AF542" s="259"/>
      <c r="AG542" s="259"/>
      <c r="AH542" s="259"/>
      <c r="AI542" s="259"/>
      <c r="AJ542" s="259"/>
      <c r="AK542" s="259"/>
      <c r="AL542" s="259"/>
      <c r="AM542" s="259"/>
      <c r="AN542" s="259"/>
      <c r="AO542" s="259"/>
      <c r="AP542" s="259"/>
      <c r="AQ542" s="259"/>
      <c r="AR542" s="259"/>
      <c r="AS542" s="259"/>
      <c r="AT542" s="259"/>
      <c r="AU542" s="259"/>
      <c r="AV542" s="259"/>
      <c r="AW542" s="259"/>
      <c r="AX542" s="259"/>
      <c r="AY542" s="259"/>
      <c r="AZ542" s="259"/>
      <c r="BA542" s="259"/>
      <c r="BB542" s="259"/>
      <c r="BC542" s="259"/>
      <c r="BD542" s="259"/>
      <c r="BE542" s="259"/>
      <c r="BF542" s="259"/>
      <c r="BG542" s="259"/>
      <c r="BH542" s="259"/>
      <c r="BI542" s="259"/>
      <c r="BJ542" s="259"/>
      <c r="BK542" s="259"/>
      <c r="BL542" s="259"/>
      <c r="BM542" s="259"/>
      <c r="BN542" s="259"/>
      <c r="BO542" s="259"/>
      <c r="BP542" s="259"/>
      <c r="BQ542" s="259"/>
      <c r="BR542" s="259"/>
      <c r="BS542" s="259"/>
    </row>
    <row r="543" spans="1:71" s="92" customFormat="1" ht="42.75" customHeight="1">
      <c r="A543" s="186" t="s">
        <v>550</v>
      </c>
      <c r="B543" s="155"/>
      <c r="C543" s="274" t="s">
        <v>551</v>
      </c>
      <c r="D543" s="275"/>
      <c r="E543" s="275"/>
      <c r="F543" s="275"/>
      <c r="G543" s="275"/>
      <c r="H543" s="276"/>
      <c r="I543" s="314"/>
      <c r="J543" s="93">
        <f t="shared" si="90"/>
        <v>0</v>
      </c>
      <c r="K543" s="152" t="str">
        <f t="shared" si="89"/>
        <v/>
      </c>
      <c r="L543" s="94">
        <v>0</v>
      </c>
      <c r="M543" s="259">
        <v>0</v>
      </c>
      <c r="N543" s="259">
        <v>0</v>
      </c>
      <c r="O543" s="259">
        <v>0</v>
      </c>
      <c r="P543" s="259">
        <v>0</v>
      </c>
      <c r="Q543" s="259"/>
      <c r="R543" s="259"/>
      <c r="S543" s="259"/>
      <c r="T543" s="259"/>
      <c r="U543" s="259"/>
      <c r="V543" s="259"/>
      <c r="W543" s="259"/>
      <c r="X543" s="259"/>
      <c r="Y543" s="259"/>
      <c r="Z543" s="259"/>
      <c r="AA543" s="259"/>
      <c r="AB543" s="259"/>
      <c r="AC543" s="259"/>
      <c r="AD543" s="259"/>
      <c r="AE543" s="259"/>
      <c r="AF543" s="259"/>
      <c r="AG543" s="259"/>
      <c r="AH543" s="259"/>
      <c r="AI543" s="259"/>
      <c r="AJ543" s="259"/>
      <c r="AK543" s="259"/>
      <c r="AL543" s="259"/>
      <c r="AM543" s="259"/>
      <c r="AN543" s="259"/>
      <c r="AO543" s="259"/>
      <c r="AP543" s="259"/>
      <c r="AQ543" s="259"/>
      <c r="AR543" s="259"/>
      <c r="AS543" s="259"/>
      <c r="AT543" s="259"/>
      <c r="AU543" s="259"/>
      <c r="AV543" s="259"/>
      <c r="AW543" s="259"/>
      <c r="AX543" s="259"/>
      <c r="AY543" s="259"/>
      <c r="AZ543" s="259"/>
      <c r="BA543" s="259"/>
      <c r="BB543" s="259"/>
      <c r="BC543" s="259"/>
      <c r="BD543" s="259"/>
      <c r="BE543" s="259"/>
      <c r="BF543" s="259"/>
      <c r="BG543" s="259"/>
      <c r="BH543" s="259"/>
      <c r="BI543" s="259"/>
      <c r="BJ543" s="259"/>
      <c r="BK543" s="259"/>
      <c r="BL543" s="259"/>
      <c r="BM543" s="259"/>
      <c r="BN543" s="259"/>
      <c r="BO543" s="259"/>
      <c r="BP543" s="259"/>
      <c r="BQ543" s="259"/>
      <c r="BR543" s="259"/>
      <c r="BS543" s="259"/>
    </row>
    <row r="544" spans="1:71" s="92" customFormat="1" ht="42.75" customHeight="1">
      <c r="A544" s="186"/>
      <c r="B544" s="155"/>
      <c r="C544" s="274" t="s">
        <v>552</v>
      </c>
      <c r="D544" s="275"/>
      <c r="E544" s="275"/>
      <c r="F544" s="275"/>
      <c r="G544" s="275"/>
      <c r="H544" s="276"/>
      <c r="I544" s="315"/>
      <c r="J544" s="93">
        <f>IF(SUM(L544:BS544)=0,IF(COUNTIF(L544:BS544,"未確認")&gt;0,"未確認",IF(COUNTIF(L544:BS544,"~*")&gt;0,"*",SUM(L544:BS544))),SUM(L544:BS544))</f>
        <v>177</v>
      </c>
      <c r="K544" s="152" t="str">
        <f>IF(OR(COUNTIF(L544:BS544,"未確認")&gt;0,COUNTIF(L544:BS544,"*")&gt;0),"※","")</f>
        <v>※</v>
      </c>
      <c r="L544" s="94" t="s">
        <v>382</v>
      </c>
      <c r="M544" s="259" t="s">
        <v>382</v>
      </c>
      <c r="N544" s="259">
        <v>177</v>
      </c>
      <c r="O544" s="259" t="s">
        <v>382</v>
      </c>
      <c r="P544" s="259" t="s">
        <v>382</v>
      </c>
      <c r="Q544" s="259"/>
      <c r="R544" s="259"/>
      <c r="S544" s="259"/>
      <c r="T544" s="259"/>
      <c r="U544" s="259"/>
      <c r="V544" s="259"/>
      <c r="W544" s="259"/>
      <c r="X544" s="259"/>
      <c r="Y544" s="259"/>
      <c r="Z544" s="259"/>
      <c r="AA544" s="259"/>
      <c r="AB544" s="259"/>
      <c r="AC544" s="259"/>
      <c r="AD544" s="259"/>
      <c r="AE544" s="259"/>
      <c r="AF544" s="259"/>
      <c r="AG544" s="259"/>
      <c r="AH544" s="259"/>
      <c r="AI544" s="259"/>
      <c r="AJ544" s="259"/>
      <c r="AK544" s="259"/>
      <c r="AL544" s="259"/>
      <c r="AM544" s="259"/>
      <c r="AN544" s="259"/>
      <c r="AO544" s="259"/>
      <c r="AP544" s="259"/>
      <c r="AQ544" s="259"/>
      <c r="AR544" s="259"/>
      <c r="AS544" s="259"/>
      <c r="AT544" s="259"/>
      <c r="AU544" s="259"/>
      <c r="AV544" s="259"/>
      <c r="AW544" s="259"/>
      <c r="AX544" s="259"/>
      <c r="AY544" s="259"/>
      <c r="AZ544" s="259"/>
      <c r="BA544" s="259"/>
      <c r="BB544" s="259"/>
      <c r="BC544" s="259"/>
      <c r="BD544" s="259"/>
      <c r="BE544" s="259"/>
      <c r="BF544" s="259"/>
      <c r="BG544" s="259"/>
      <c r="BH544" s="259"/>
      <c r="BI544" s="259"/>
      <c r="BJ544" s="259"/>
      <c r="BK544" s="259"/>
      <c r="BL544" s="259"/>
      <c r="BM544" s="259"/>
      <c r="BN544" s="259"/>
      <c r="BO544" s="259"/>
      <c r="BP544" s="259"/>
      <c r="BQ544" s="259"/>
      <c r="BR544" s="259"/>
      <c r="BS544" s="259"/>
    </row>
    <row r="545" spans="1:71" s="92" customFormat="1" ht="70.150000000000006" customHeight="1">
      <c r="A545" s="186" t="s">
        <v>553</v>
      </c>
      <c r="B545" s="155"/>
      <c r="C545" s="274" t="s">
        <v>554</v>
      </c>
      <c r="D545" s="275"/>
      <c r="E545" s="275"/>
      <c r="F545" s="275"/>
      <c r="G545" s="275"/>
      <c r="H545" s="276"/>
      <c r="I545" s="98" t="s">
        <v>555</v>
      </c>
      <c r="J545" s="93" t="str">
        <f t="shared" si="90"/>
        <v>*</v>
      </c>
      <c r="K545" s="152" t="str">
        <f t="shared" si="89"/>
        <v>※</v>
      </c>
      <c r="L545" s="94" t="s">
        <v>382</v>
      </c>
      <c r="M545" s="259">
        <v>0</v>
      </c>
      <c r="N545" s="259">
        <v>0</v>
      </c>
      <c r="O545" s="259">
        <v>0</v>
      </c>
      <c r="P545" s="259">
        <v>0</v>
      </c>
      <c r="Q545" s="259"/>
      <c r="R545" s="259"/>
      <c r="S545" s="259"/>
      <c r="T545" s="259"/>
      <c r="U545" s="259"/>
      <c r="V545" s="259"/>
      <c r="W545" s="259"/>
      <c r="X545" s="259"/>
      <c r="Y545" s="259"/>
      <c r="Z545" s="259"/>
      <c r="AA545" s="259"/>
      <c r="AB545" s="259"/>
      <c r="AC545" s="259"/>
      <c r="AD545" s="259"/>
      <c r="AE545" s="259"/>
      <c r="AF545" s="259"/>
      <c r="AG545" s="259"/>
      <c r="AH545" s="259"/>
      <c r="AI545" s="259"/>
      <c r="AJ545" s="259"/>
      <c r="AK545" s="259"/>
      <c r="AL545" s="259"/>
      <c r="AM545" s="259"/>
      <c r="AN545" s="259"/>
      <c r="AO545" s="259"/>
      <c r="AP545" s="259"/>
      <c r="AQ545" s="259"/>
      <c r="AR545" s="259"/>
      <c r="AS545" s="259"/>
      <c r="AT545" s="259"/>
      <c r="AU545" s="259"/>
      <c r="AV545" s="259"/>
      <c r="AW545" s="259"/>
      <c r="AX545" s="259"/>
      <c r="AY545" s="259"/>
      <c r="AZ545" s="259"/>
      <c r="BA545" s="259"/>
      <c r="BB545" s="259"/>
      <c r="BC545" s="259"/>
      <c r="BD545" s="259"/>
      <c r="BE545" s="259"/>
      <c r="BF545" s="259"/>
      <c r="BG545" s="259"/>
      <c r="BH545" s="259"/>
      <c r="BI545" s="259"/>
      <c r="BJ545" s="259"/>
      <c r="BK545" s="259"/>
      <c r="BL545" s="259"/>
      <c r="BM545" s="259"/>
      <c r="BN545" s="259"/>
      <c r="BO545" s="259"/>
      <c r="BP545" s="259"/>
      <c r="BQ545" s="259"/>
      <c r="BR545" s="259"/>
      <c r="BS545" s="259"/>
    </row>
    <row r="546" spans="1:71" s="92" customFormat="1" ht="56.1" customHeight="1">
      <c r="A546" s="186" t="s">
        <v>556</v>
      </c>
      <c r="B546" s="155"/>
      <c r="C546" s="274" t="s">
        <v>557</v>
      </c>
      <c r="D546" s="275"/>
      <c r="E546" s="275"/>
      <c r="F546" s="275"/>
      <c r="G546" s="275"/>
      <c r="H546" s="276"/>
      <c r="I546" s="98" t="s">
        <v>558</v>
      </c>
      <c r="J546" s="93">
        <f t="shared" si="90"/>
        <v>0</v>
      </c>
      <c r="K546" s="152" t="str">
        <f t="shared" si="89"/>
        <v/>
      </c>
      <c r="L546" s="94">
        <v>0</v>
      </c>
      <c r="M546" s="259">
        <v>0</v>
      </c>
      <c r="N546" s="259">
        <v>0</v>
      </c>
      <c r="O546" s="259">
        <v>0</v>
      </c>
      <c r="P546" s="259">
        <v>0</v>
      </c>
      <c r="Q546" s="259"/>
      <c r="R546" s="259"/>
      <c r="S546" s="259"/>
      <c r="T546" s="259"/>
      <c r="U546" s="259"/>
      <c r="V546" s="259"/>
      <c r="W546" s="259"/>
      <c r="X546" s="259"/>
      <c r="Y546" s="259"/>
      <c r="Z546" s="259"/>
      <c r="AA546" s="259"/>
      <c r="AB546" s="259"/>
      <c r="AC546" s="259"/>
      <c r="AD546" s="259"/>
      <c r="AE546" s="259"/>
      <c r="AF546" s="259"/>
      <c r="AG546" s="259"/>
      <c r="AH546" s="259"/>
      <c r="AI546" s="259"/>
      <c r="AJ546" s="259"/>
      <c r="AK546" s="259"/>
      <c r="AL546" s="259"/>
      <c r="AM546" s="259"/>
      <c r="AN546" s="259"/>
      <c r="AO546" s="259"/>
      <c r="AP546" s="259"/>
      <c r="AQ546" s="259"/>
      <c r="AR546" s="259"/>
      <c r="AS546" s="259"/>
      <c r="AT546" s="259"/>
      <c r="AU546" s="259"/>
      <c r="AV546" s="259"/>
      <c r="AW546" s="259"/>
      <c r="AX546" s="259"/>
      <c r="AY546" s="259"/>
      <c r="AZ546" s="259"/>
      <c r="BA546" s="259"/>
      <c r="BB546" s="259"/>
      <c r="BC546" s="259"/>
      <c r="BD546" s="259"/>
      <c r="BE546" s="259"/>
      <c r="BF546" s="259"/>
      <c r="BG546" s="259"/>
      <c r="BH546" s="259"/>
      <c r="BI546" s="259"/>
      <c r="BJ546" s="259"/>
      <c r="BK546" s="259"/>
      <c r="BL546" s="259"/>
      <c r="BM546" s="259"/>
      <c r="BN546" s="259"/>
      <c r="BO546" s="259"/>
      <c r="BP546" s="259"/>
      <c r="BQ546" s="259"/>
      <c r="BR546" s="259"/>
      <c r="BS546" s="259"/>
    </row>
    <row r="547" spans="1:71" s="74" customFormat="1">
      <c r="A547" s="178"/>
      <c r="B547" s="14"/>
      <c r="C547" s="14"/>
      <c r="D547" s="14"/>
      <c r="E547" s="14"/>
      <c r="F547" s="14"/>
      <c r="G547" s="14"/>
      <c r="H547" s="10"/>
      <c r="I547" s="10"/>
      <c r="J547" s="71"/>
      <c r="K547" s="72"/>
      <c r="L547" s="73"/>
      <c r="M547" s="73"/>
      <c r="N547" s="73"/>
      <c r="O547" s="73"/>
      <c r="P547" s="73"/>
      <c r="Q547" s="73"/>
    </row>
    <row r="548" spans="1:71" s="67" customFormat="1">
      <c r="A548" s="178"/>
      <c r="B548" s="68"/>
      <c r="C548" s="52"/>
      <c r="D548" s="52"/>
      <c r="E548" s="52"/>
      <c r="F548" s="52"/>
      <c r="G548" s="52"/>
      <c r="H548" s="75"/>
      <c r="I548" s="75"/>
      <c r="J548" s="71"/>
      <c r="K548" s="72"/>
      <c r="L548" s="73"/>
      <c r="M548" s="73"/>
      <c r="N548" s="73"/>
      <c r="O548" s="73"/>
      <c r="P548" s="73"/>
      <c r="Q548" s="73"/>
    </row>
    <row r="549" spans="1:71" s="92" customFormat="1">
      <c r="A549" s="178"/>
      <c r="B549" s="155"/>
      <c r="C549" s="3"/>
      <c r="D549" s="3"/>
      <c r="E549" s="3"/>
      <c r="F549" s="3"/>
      <c r="G549" s="3"/>
      <c r="H549" s="214"/>
      <c r="I549" s="214"/>
      <c r="J549" s="51"/>
      <c r="K549" s="24"/>
      <c r="L549" s="86"/>
      <c r="M549" s="86"/>
      <c r="N549" s="86"/>
      <c r="O549" s="86"/>
      <c r="P549" s="86"/>
      <c r="Q549" s="86"/>
    </row>
    <row r="550" spans="1:71" s="92" customFormat="1">
      <c r="A550" s="178"/>
      <c r="B550" s="14" t="s">
        <v>559</v>
      </c>
      <c r="C550" s="14"/>
      <c r="D550" s="14"/>
      <c r="E550" s="14"/>
      <c r="F550" s="14"/>
      <c r="G550" s="14"/>
      <c r="H550" s="10"/>
      <c r="I550" s="10"/>
      <c r="J550" s="51"/>
      <c r="K550" s="24"/>
      <c r="L550" s="86"/>
      <c r="M550" s="86"/>
      <c r="N550" s="86"/>
      <c r="O550" s="86"/>
      <c r="P550" s="86"/>
      <c r="Q550" s="86"/>
    </row>
    <row r="551" spans="1:71">
      <c r="A551" s="178"/>
      <c r="B551" s="14"/>
      <c r="C551" s="14"/>
      <c r="D551" s="14"/>
      <c r="E551" s="14"/>
      <c r="F551" s="14"/>
      <c r="G551" s="14"/>
      <c r="H551" s="10"/>
      <c r="I551" s="10"/>
      <c r="L551" s="62"/>
      <c r="M551" s="62"/>
      <c r="N551" s="62"/>
      <c r="O551" s="62"/>
      <c r="P551" s="62"/>
      <c r="Q551" s="62"/>
      <c r="R551" s="8"/>
      <c r="S551" s="8"/>
      <c r="T551" s="8"/>
      <c r="U551" s="8"/>
      <c r="V551" s="8"/>
    </row>
    <row r="552" spans="1:71" s="243" customFormat="1" ht="34.5" customHeight="1">
      <c r="A552" s="178"/>
      <c r="B552" s="14"/>
      <c r="C552" s="3"/>
      <c r="D552" s="3"/>
      <c r="E552" s="3"/>
      <c r="F552" s="3"/>
      <c r="G552" s="3"/>
      <c r="H552" s="214"/>
      <c r="I552" s="214"/>
      <c r="J552" s="63" t="s">
        <v>81</v>
      </c>
      <c r="K552" s="136"/>
      <c r="L552" s="245" t="str">
        <f t="shared" ref="L552:AQ552" si="91">IF(ISBLANK(L$390),"",L$390)</f>
        <v>4階病棟</v>
      </c>
      <c r="M552" s="249" t="str">
        <f t="shared" si="91"/>
        <v>回復期リハビリテーション病棟</v>
      </c>
      <c r="N552" s="247" t="str">
        <f t="shared" si="91"/>
        <v>地域包括ケア病棟</v>
      </c>
      <c r="O552" s="247" t="str">
        <f t="shared" si="91"/>
        <v>特殊疾患病棟</v>
      </c>
      <c r="P552" s="247" t="str">
        <f t="shared" si="91"/>
        <v>療養病棟2階</v>
      </c>
      <c r="Q552" s="247" t="str">
        <f t="shared" si="91"/>
        <v/>
      </c>
      <c r="R552" s="247" t="str">
        <f t="shared" si="91"/>
        <v/>
      </c>
      <c r="S552" s="247" t="str">
        <f t="shared" si="91"/>
        <v/>
      </c>
      <c r="T552" s="247" t="str">
        <f t="shared" si="91"/>
        <v/>
      </c>
      <c r="U552" s="247" t="str">
        <f t="shared" si="91"/>
        <v/>
      </c>
      <c r="V552" s="247" t="str">
        <f t="shared" si="91"/>
        <v/>
      </c>
      <c r="W552" s="247" t="str">
        <f t="shared" si="91"/>
        <v/>
      </c>
      <c r="X552" s="247" t="str">
        <f t="shared" si="91"/>
        <v/>
      </c>
      <c r="Y552" s="247" t="str">
        <f t="shared" si="91"/>
        <v/>
      </c>
      <c r="Z552" s="247" t="str">
        <f t="shared" si="91"/>
        <v/>
      </c>
      <c r="AA552" s="247" t="str">
        <f t="shared" si="91"/>
        <v/>
      </c>
      <c r="AB552" s="247" t="str">
        <f t="shared" si="91"/>
        <v/>
      </c>
      <c r="AC552" s="247" t="str">
        <f t="shared" si="91"/>
        <v/>
      </c>
      <c r="AD552" s="247" t="str">
        <f t="shared" si="91"/>
        <v/>
      </c>
      <c r="AE552" s="247" t="str">
        <f t="shared" si="91"/>
        <v/>
      </c>
      <c r="AF552" s="247" t="str">
        <f t="shared" si="91"/>
        <v/>
      </c>
      <c r="AG552" s="247" t="str">
        <f t="shared" si="91"/>
        <v/>
      </c>
      <c r="AH552" s="247" t="str">
        <f t="shared" si="91"/>
        <v/>
      </c>
      <c r="AI552" s="247" t="str">
        <f t="shared" si="91"/>
        <v/>
      </c>
      <c r="AJ552" s="247" t="str">
        <f t="shared" si="91"/>
        <v/>
      </c>
      <c r="AK552" s="247" t="str">
        <f t="shared" si="91"/>
        <v/>
      </c>
      <c r="AL552" s="247" t="str">
        <f t="shared" si="91"/>
        <v/>
      </c>
      <c r="AM552" s="247" t="str">
        <f t="shared" si="91"/>
        <v/>
      </c>
      <c r="AN552" s="247" t="str">
        <f t="shared" si="91"/>
        <v/>
      </c>
      <c r="AO552" s="247" t="str">
        <f t="shared" si="91"/>
        <v/>
      </c>
      <c r="AP552" s="247" t="str">
        <f t="shared" si="91"/>
        <v/>
      </c>
      <c r="AQ552" s="247" t="str">
        <f t="shared" si="91"/>
        <v/>
      </c>
      <c r="AR552" s="247" t="str">
        <f t="shared" ref="AR552:BS552" si="92">IF(ISBLANK(AR$390),"",AR$390)</f>
        <v/>
      </c>
      <c r="AS552" s="247" t="str">
        <f t="shared" si="92"/>
        <v/>
      </c>
      <c r="AT552" s="247" t="str">
        <f t="shared" si="92"/>
        <v/>
      </c>
      <c r="AU552" s="247" t="str">
        <f t="shared" si="92"/>
        <v/>
      </c>
      <c r="AV552" s="247" t="str">
        <f t="shared" si="92"/>
        <v/>
      </c>
      <c r="AW552" s="247" t="str">
        <f t="shared" si="92"/>
        <v/>
      </c>
      <c r="AX552" s="247" t="str">
        <f t="shared" si="92"/>
        <v/>
      </c>
      <c r="AY552" s="247" t="str">
        <f t="shared" si="92"/>
        <v/>
      </c>
      <c r="AZ552" s="247" t="str">
        <f t="shared" si="92"/>
        <v/>
      </c>
      <c r="BA552" s="247" t="str">
        <f t="shared" si="92"/>
        <v/>
      </c>
      <c r="BB552" s="247" t="str">
        <f t="shared" si="92"/>
        <v/>
      </c>
      <c r="BC552" s="247" t="str">
        <f t="shared" si="92"/>
        <v/>
      </c>
      <c r="BD552" s="247" t="str">
        <f t="shared" si="92"/>
        <v/>
      </c>
      <c r="BE552" s="247" t="str">
        <f t="shared" si="92"/>
        <v/>
      </c>
      <c r="BF552" s="247" t="str">
        <f t="shared" si="92"/>
        <v/>
      </c>
      <c r="BG552" s="247" t="str">
        <f t="shared" si="92"/>
        <v/>
      </c>
      <c r="BH552" s="247" t="str">
        <f t="shared" si="92"/>
        <v/>
      </c>
      <c r="BI552" s="247" t="str">
        <f t="shared" si="92"/>
        <v/>
      </c>
      <c r="BJ552" s="247" t="str">
        <f t="shared" si="92"/>
        <v/>
      </c>
      <c r="BK552" s="247" t="str">
        <f t="shared" si="92"/>
        <v/>
      </c>
      <c r="BL552" s="247" t="str">
        <f t="shared" si="92"/>
        <v/>
      </c>
      <c r="BM552" s="247" t="str">
        <f t="shared" si="92"/>
        <v/>
      </c>
      <c r="BN552" s="247" t="str">
        <f t="shared" si="92"/>
        <v/>
      </c>
      <c r="BO552" s="247" t="str">
        <f t="shared" si="92"/>
        <v/>
      </c>
      <c r="BP552" s="247" t="str">
        <f t="shared" si="92"/>
        <v/>
      </c>
      <c r="BQ552" s="247" t="str">
        <f t="shared" si="92"/>
        <v/>
      </c>
      <c r="BR552" s="247" t="str">
        <f t="shared" si="92"/>
        <v/>
      </c>
      <c r="BS552" s="247" t="str">
        <f t="shared" si="92"/>
        <v/>
      </c>
    </row>
    <row r="553" spans="1:71" s="243" customFormat="1" ht="20.25" customHeight="1">
      <c r="A553" s="178"/>
      <c r="B553" s="1"/>
      <c r="C553" s="52"/>
      <c r="D553" s="3"/>
      <c r="E553" s="3"/>
      <c r="F553" s="3"/>
      <c r="G553" s="3"/>
      <c r="H553" s="214"/>
      <c r="I553" s="56" t="s">
        <v>82</v>
      </c>
      <c r="J553" s="57"/>
      <c r="K553" s="137"/>
      <c r="L553" s="59" t="str">
        <f t="shared" ref="L553:AQ553" si="93">IF(ISBLANK(L$391),"",L$391)</f>
        <v>-</v>
      </c>
      <c r="M553" s="250" t="str">
        <f t="shared" si="93"/>
        <v>-</v>
      </c>
      <c r="N553" s="59" t="str">
        <f t="shared" si="93"/>
        <v>-</v>
      </c>
      <c r="O553" s="59" t="str">
        <f t="shared" si="93"/>
        <v>-</v>
      </c>
      <c r="P553" s="59" t="str">
        <f t="shared" si="93"/>
        <v>-</v>
      </c>
      <c r="Q553" s="59" t="str">
        <f t="shared" si="93"/>
        <v/>
      </c>
      <c r="R553" s="59" t="str">
        <f t="shared" si="93"/>
        <v/>
      </c>
      <c r="S553" s="59" t="str">
        <f t="shared" si="93"/>
        <v/>
      </c>
      <c r="T553" s="59" t="str">
        <f t="shared" si="93"/>
        <v/>
      </c>
      <c r="U553" s="59" t="str">
        <f t="shared" si="93"/>
        <v/>
      </c>
      <c r="V553" s="59" t="str">
        <f t="shared" si="93"/>
        <v/>
      </c>
      <c r="W553" s="59" t="str">
        <f t="shared" si="93"/>
        <v/>
      </c>
      <c r="X553" s="59" t="str">
        <f t="shared" si="93"/>
        <v/>
      </c>
      <c r="Y553" s="59" t="str">
        <f t="shared" si="93"/>
        <v/>
      </c>
      <c r="Z553" s="59" t="str">
        <f t="shared" si="93"/>
        <v/>
      </c>
      <c r="AA553" s="59" t="str">
        <f t="shared" si="93"/>
        <v/>
      </c>
      <c r="AB553" s="59" t="str">
        <f t="shared" si="93"/>
        <v/>
      </c>
      <c r="AC553" s="59" t="str">
        <f t="shared" si="93"/>
        <v/>
      </c>
      <c r="AD553" s="59" t="str">
        <f t="shared" si="93"/>
        <v/>
      </c>
      <c r="AE553" s="59" t="str">
        <f t="shared" si="93"/>
        <v/>
      </c>
      <c r="AF553" s="59" t="str">
        <f t="shared" si="93"/>
        <v/>
      </c>
      <c r="AG553" s="59" t="str">
        <f t="shared" si="93"/>
        <v/>
      </c>
      <c r="AH553" s="59" t="str">
        <f t="shared" si="93"/>
        <v/>
      </c>
      <c r="AI553" s="59" t="str">
        <f t="shared" si="93"/>
        <v/>
      </c>
      <c r="AJ553" s="59" t="str">
        <f t="shared" si="93"/>
        <v/>
      </c>
      <c r="AK553" s="59" t="str">
        <f t="shared" si="93"/>
        <v/>
      </c>
      <c r="AL553" s="59" t="str">
        <f t="shared" si="93"/>
        <v/>
      </c>
      <c r="AM553" s="59" t="str">
        <f t="shared" si="93"/>
        <v/>
      </c>
      <c r="AN553" s="59" t="str">
        <f t="shared" si="93"/>
        <v/>
      </c>
      <c r="AO553" s="59" t="str">
        <f t="shared" si="93"/>
        <v/>
      </c>
      <c r="AP553" s="59" t="str">
        <f t="shared" si="93"/>
        <v/>
      </c>
      <c r="AQ553" s="59" t="str">
        <f t="shared" si="93"/>
        <v/>
      </c>
      <c r="AR553" s="59" t="str">
        <f t="shared" ref="AR553:BS553" si="94">IF(ISBLANK(AR$391),"",AR$391)</f>
        <v/>
      </c>
      <c r="AS553" s="59" t="str">
        <f t="shared" si="94"/>
        <v/>
      </c>
      <c r="AT553" s="59" t="str">
        <f t="shared" si="94"/>
        <v/>
      </c>
      <c r="AU553" s="59" t="str">
        <f t="shared" si="94"/>
        <v/>
      </c>
      <c r="AV553" s="59" t="str">
        <f t="shared" si="94"/>
        <v/>
      </c>
      <c r="AW553" s="59" t="str">
        <f t="shared" si="94"/>
        <v/>
      </c>
      <c r="AX553" s="59" t="str">
        <f t="shared" si="94"/>
        <v/>
      </c>
      <c r="AY553" s="59" t="str">
        <f t="shared" si="94"/>
        <v/>
      </c>
      <c r="AZ553" s="59" t="str">
        <f t="shared" si="94"/>
        <v/>
      </c>
      <c r="BA553" s="59" t="str">
        <f t="shared" si="94"/>
        <v/>
      </c>
      <c r="BB553" s="59" t="str">
        <f t="shared" si="94"/>
        <v/>
      </c>
      <c r="BC553" s="59" t="str">
        <f t="shared" si="94"/>
        <v/>
      </c>
      <c r="BD553" s="59" t="str">
        <f t="shared" si="94"/>
        <v/>
      </c>
      <c r="BE553" s="59" t="str">
        <f t="shared" si="94"/>
        <v/>
      </c>
      <c r="BF553" s="59" t="str">
        <f t="shared" si="94"/>
        <v/>
      </c>
      <c r="BG553" s="59" t="str">
        <f t="shared" si="94"/>
        <v/>
      </c>
      <c r="BH553" s="59" t="str">
        <f t="shared" si="94"/>
        <v/>
      </c>
      <c r="BI553" s="59" t="str">
        <f t="shared" si="94"/>
        <v/>
      </c>
      <c r="BJ553" s="59" t="str">
        <f t="shared" si="94"/>
        <v/>
      </c>
      <c r="BK553" s="59" t="str">
        <f t="shared" si="94"/>
        <v/>
      </c>
      <c r="BL553" s="59" t="str">
        <f t="shared" si="94"/>
        <v/>
      </c>
      <c r="BM553" s="59" t="str">
        <f t="shared" si="94"/>
        <v/>
      </c>
      <c r="BN553" s="59" t="str">
        <f t="shared" si="94"/>
        <v/>
      </c>
      <c r="BO553" s="59" t="str">
        <f t="shared" si="94"/>
        <v/>
      </c>
      <c r="BP553" s="59" t="str">
        <f t="shared" si="94"/>
        <v/>
      </c>
      <c r="BQ553" s="59" t="str">
        <f t="shared" si="94"/>
        <v/>
      </c>
      <c r="BR553" s="59" t="str">
        <f t="shared" si="94"/>
        <v/>
      </c>
      <c r="BS553" s="59" t="str">
        <f t="shared" si="94"/>
        <v/>
      </c>
    </row>
    <row r="554" spans="1:71" s="92" customFormat="1" ht="70.150000000000006" customHeight="1">
      <c r="A554" s="186" t="s">
        <v>560</v>
      </c>
      <c r="C554" s="274" t="s">
        <v>561</v>
      </c>
      <c r="D554" s="275"/>
      <c r="E554" s="275"/>
      <c r="F554" s="275"/>
      <c r="G554" s="275"/>
      <c r="H554" s="276"/>
      <c r="I554" s="98" t="s">
        <v>562</v>
      </c>
      <c r="J554" s="93">
        <f>IF(SUM(L554:BS554)=0,IF(COUNTIF(L554:BS554,"未確認")&gt;0,"未確認",IF(COUNTIF(L554:BS554,"~*")&gt;0,"*",SUM(L554:BS554))),SUM(L554:BS554))</f>
        <v>0</v>
      </c>
      <c r="K554" s="152" t="str">
        <f t="shared" ref="K554:K566" si="95">IF(OR(COUNTIF(L554:BS554,"未確認")&gt;0,COUNTIF(L554:BS554,"*")&gt;0),"※","")</f>
        <v/>
      </c>
      <c r="L554" s="94">
        <v>0</v>
      </c>
      <c r="M554" s="259">
        <v>0</v>
      </c>
      <c r="N554" s="259">
        <v>0</v>
      </c>
      <c r="O554" s="259">
        <v>0</v>
      </c>
      <c r="P554" s="259">
        <v>0</v>
      </c>
      <c r="Q554" s="259"/>
      <c r="R554" s="259"/>
      <c r="S554" s="259"/>
      <c r="T554" s="259"/>
      <c r="U554" s="259"/>
      <c r="V554" s="259"/>
      <c r="W554" s="259"/>
      <c r="X554" s="259"/>
      <c r="Y554" s="259"/>
      <c r="Z554" s="259"/>
      <c r="AA554" s="259"/>
      <c r="AB554" s="259"/>
      <c r="AC554" s="259"/>
      <c r="AD554" s="259"/>
      <c r="AE554" s="259"/>
      <c r="AF554" s="259"/>
      <c r="AG554" s="259"/>
      <c r="AH554" s="259"/>
      <c r="AI554" s="259"/>
      <c r="AJ554" s="259"/>
      <c r="AK554" s="259"/>
      <c r="AL554" s="259"/>
      <c r="AM554" s="259"/>
      <c r="AN554" s="259"/>
      <c r="AO554" s="259"/>
      <c r="AP554" s="259"/>
      <c r="AQ554" s="259"/>
      <c r="AR554" s="259"/>
      <c r="AS554" s="259"/>
      <c r="AT554" s="259"/>
      <c r="AU554" s="259"/>
      <c r="AV554" s="259"/>
      <c r="AW554" s="259"/>
      <c r="AX554" s="259"/>
      <c r="AY554" s="259"/>
      <c r="AZ554" s="259"/>
      <c r="BA554" s="259"/>
      <c r="BB554" s="259"/>
      <c r="BC554" s="259"/>
      <c r="BD554" s="259"/>
      <c r="BE554" s="259"/>
      <c r="BF554" s="259"/>
      <c r="BG554" s="259"/>
      <c r="BH554" s="259"/>
      <c r="BI554" s="259"/>
      <c r="BJ554" s="259"/>
      <c r="BK554" s="259"/>
      <c r="BL554" s="259"/>
      <c r="BM554" s="259"/>
      <c r="BN554" s="259"/>
      <c r="BO554" s="259"/>
      <c r="BP554" s="259"/>
      <c r="BQ554" s="259"/>
      <c r="BR554" s="259"/>
      <c r="BS554" s="259"/>
    </row>
    <row r="555" spans="1:71" s="92" customFormat="1" ht="70.150000000000006" customHeight="1">
      <c r="A555" s="186" t="s">
        <v>563</v>
      </c>
      <c r="B555" s="96"/>
      <c r="C555" s="274" t="s">
        <v>564</v>
      </c>
      <c r="D555" s="275"/>
      <c r="E555" s="275"/>
      <c r="F555" s="275"/>
      <c r="G555" s="275"/>
      <c r="H555" s="276"/>
      <c r="I555" s="98" t="s">
        <v>565</v>
      </c>
      <c r="J555" s="93">
        <f t="shared" ref="J555:J566" si="96">IF(SUM(L555:BS555)=0,IF(COUNTIF(L555:BS555,"未確認")&gt;0,"未確認",IF(COUNTIF(L555:BS555,"~*")&gt;0,"*",SUM(L555:BS555))),SUM(L555:BS555))</f>
        <v>0</v>
      </c>
      <c r="K555" s="152" t="str">
        <f t="shared" si="95"/>
        <v/>
      </c>
      <c r="L555" s="94">
        <v>0</v>
      </c>
      <c r="M555" s="259">
        <v>0</v>
      </c>
      <c r="N555" s="259">
        <v>0</v>
      </c>
      <c r="O555" s="259">
        <v>0</v>
      </c>
      <c r="P555" s="259">
        <v>0</v>
      </c>
      <c r="Q555" s="259"/>
      <c r="R555" s="259"/>
      <c r="S555" s="259"/>
      <c r="T555" s="259"/>
      <c r="U555" s="259"/>
      <c r="V555" s="259"/>
      <c r="W555" s="259"/>
      <c r="X555" s="259"/>
      <c r="Y555" s="259"/>
      <c r="Z555" s="259"/>
      <c r="AA555" s="259"/>
      <c r="AB555" s="259"/>
      <c r="AC555" s="259"/>
      <c r="AD555" s="259"/>
      <c r="AE555" s="259"/>
      <c r="AF555" s="259"/>
      <c r="AG555" s="259"/>
      <c r="AH555" s="259"/>
      <c r="AI555" s="259"/>
      <c r="AJ555" s="259"/>
      <c r="AK555" s="259"/>
      <c r="AL555" s="259"/>
      <c r="AM555" s="259"/>
      <c r="AN555" s="259"/>
      <c r="AO555" s="259"/>
      <c r="AP555" s="259"/>
      <c r="AQ555" s="259"/>
      <c r="AR555" s="259"/>
      <c r="AS555" s="259"/>
      <c r="AT555" s="259"/>
      <c r="AU555" s="259"/>
      <c r="AV555" s="259"/>
      <c r="AW555" s="259"/>
      <c r="AX555" s="259"/>
      <c r="AY555" s="259"/>
      <c r="AZ555" s="259"/>
      <c r="BA555" s="259"/>
      <c r="BB555" s="259"/>
      <c r="BC555" s="259"/>
      <c r="BD555" s="259"/>
      <c r="BE555" s="259"/>
      <c r="BF555" s="259"/>
      <c r="BG555" s="259"/>
      <c r="BH555" s="259"/>
      <c r="BI555" s="259"/>
      <c r="BJ555" s="259"/>
      <c r="BK555" s="259"/>
      <c r="BL555" s="259"/>
      <c r="BM555" s="259"/>
      <c r="BN555" s="259"/>
      <c r="BO555" s="259"/>
      <c r="BP555" s="259"/>
      <c r="BQ555" s="259"/>
      <c r="BR555" s="259"/>
      <c r="BS555" s="259"/>
    </row>
    <row r="556" spans="1:71" s="92" customFormat="1" ht="70.150000000000006" customHeight="1">
      <c r="A556" s="186" t="s">
        <v>566</v>
      </c>
      <c r="B556" s="96"/>
      <c r="C556" s="274" t="s">
        <v>567</v>
      </c>
      <c r="D556" s="275"/>
      <c r="E556" s="275"/>
      <c r="F556" s="275"/>
      <c r="G556" s="275"/>
      <c r="H556" s="276"/>
      <c r="I556" s="98" t="s">
        <v>568</v>
      </c>
      <c r="J556" s="93">
        <f t="shared" si="96"/>
        <v>0</v>
      </c>
      <c r="K556" s="152" t="str">
        <f t="shared" si="95"/>
        <v/>
      </c>
      <c r="L556" s="94">
        <v>0</v>
      </c>
      <c r="M556" s="259">
        <v>0</v>
      </c>
      <c r="N556" s="259">
        <v>0</v>
      </c>
      <c r="O556" s="259">
        <v>0</v>
      </c>
      <c r="P556" s="259">
        <v>0</v>
      </c>
      <c r="Q556" s="259"/>
      <c r="R556" s="259"/>
      <c r="S556" s="259"/>
      <c r="T556" s="259"/>
      <c r="U556" s="259"/>
      <c r="V556" s="259"/>
      <c r="W556" s="259"/>
      <c r="X556" s="259"/>
      <c r="Y556" s="259"/>
      <c r="Z556" s="259"/>
      <c r="AA556" s="259"/>
      <c r="AB556" s="259"/>
      <c r="AC556" s="259"/>
      <c r="AD556" s="259"/>
      <c r="AE556" s="259"/>
      <c r="AF556" s="259"/>
      <c r="AG556" s="259"/>
      <c r="AH556" s="259"/>
      <c r="AI556" s="259"/>
      <c r="AJ556" s="259"/>
      <c r="AK556" s="259"/>
      <c r="AL556" s="259"/>
      <c r="AM556" s="259"/>
      <c r="AN556" s="259"/>
      <c r="AO556" s="259"/>
      <c r="AP556" s="259"/>
      <c r="AQ556" s="259"/>
      <c r="AR556" s="259"/>
      <c r="AS556" s="259"/>
      <c r="AT556" s="259"/>
      <c r="AU556" s="259"/>
      <c r="AV556" s="259"/>
      <c r="AW556" s="259"/>
      <c r="AX556" s="259"/>
      <c r="AY556" s="259"/>
      <c r="AZ556" s="259"/>
      <c r="BA556" s="259"/>
      <c r="BB556" s="259"/>
      <c r="BC556" s="259"/>
      <c r="BD556" s="259"/>
      <c r="BE556" s="259"/>
      <c r="BF556" s="259"/>
      <c r="BG556" s="259"/>
      <c r="BH556" s="259"/>
      <c r="BI556" s="259"/>
      <c r="BJ556" s="259"/>
      <c r="BK556" s="259"/>
      <c r="BL556" s="259"/>
      <c r="BM556" s="259"/>
      <c r="BN556" s="259"/>
      <c r="BO556" s="259"/>
      <c r="BP556" s="259"/>
      <c r="BQ556" s="259"/>
      <c r="BR556" s="259"/>
      <c r="BS556" s="259"/>
    </row>
    <row r="557" spans="1:71" s="92" customFormat="1" ht="70.150000000000006" customHeight="1">
      <c r="A557" s="186" t="s">
        <v>569</v>
      </c>
      <c r="B557" s="96"/>
      <c r="C557" s="274" t="s">
        <v>570</v>
      </c>
      <c r="D557" s="275"/>
      <c r="E557" s="275"/>
      <c r="F557" s="275"/>
      <c r="G557" s="275"/>
      <c r="H557" s="276"/>
      <c r="I557" s="98" t="s">
        <v>571</v>
      </c>
      <c r="J557" s="93">
        <f t="shared" si="96"/>
        <v>0</v>
      </c>
      <c r="K557" s="152" t="str">
        <f t="shared" si="95"/>
        <v/>
      </c>
      <c r="L557" s="94">
        <v>0</v>
      </c>
      <c r="M557" s="259">
        <v>0</v>
      </c>
      <c r="N557" s="259">
        <v>0</v>
      </c>
      <c r="O557" s="259">
        <v>0</v>
      </c>
      <c r="P557" s="259">
        <v>0</v>
      </c>
      <c r="Q557" s="259"/>
      <c r="R557" s="259"/>
      <c r="S557" s="259"/>
      <c r="T557" s="259"/>
      <c r="U557" s="259"/>
      <c r="V557" s="259"/>
      <c r="W557" s="259"/>
      <c r="X557" s="259"/>
      <c r="Y557" s="259"/>
      <c r="Z557" s="259"/>
      <c r="AA557" s="259"/>
      <c r="AB557" s="259"/>
      <c r="AC557" s="259"/>
      <c r="AD557" s="259"/>
      <c r="AE557" s="259"/>
      <c r="AF557" s="259"/>
      <c r="AG557" s="259"/>
      <c r="AH557" s="259"/>
      <c r="AI557" s="259"/>
      <c r="AJ557" s="259"/>
      <c r="AK557" s="259"/>
      <c r="AL557" s="259"/>
      <c r="AM557" s="259"/>
      <c r="AN557" s="259"/>
      <c r="AO557" s="259"/>
      <c r="AP557" s="259"/>
      <c r="AQ557" s="259"/>
      <c r="AR557" s="259"/>
      <c r="AS557" s="259"/>
      <c r="AT557" s="259"/>
      <c r="AU557" s="259"/>
      <c r="AV557" s="259"/>
      <c r="AW557" s="259"/>
      <c r="AX557" s="259"/>
      <c r="AY557" s="259"/>
      <c r="AZ557" s="259"/>
      <c r="BA557" s="259"/>
      <c r="BB557" s="259"/>
      <c r="BC557" s="259"/>
      <c r="BD557" s="259"/>
      <c r="BE557" s="259"/>
      <c r="BF557" s="259"/>
      <c r="BG557" s="259"/>
      <c r="BH557" s="259"/>
      <c r="BI557" s="259"/>
      <c r="BJ557" s="259"/>
      <c r="BK557" s="259"/>
      <c r="BL557" s="259"/>
      <c r="BM557" s="259"/>
      <c r="BN557" s="259"/>
      <c r="BO557" s="259"/>
      <c r="BP557" s="259"/>
      <c r="BQ557" s="259"/>
      <c r="BR557" s="259"/>
      <c r="BS557" s="259"/>
    </row>
    <row r="558" spans="1:71" s="92" customFormat="1" ht="70.150000000000006" customHeight="1">
      <c r="A558" s="186" t="s">
        <v>572</v>
      </c>
      <c r="B558" s="96"/>
      <c r="C558" s="274" t="s">
        <v>573</v>
      </c>
      <c r="D558" s="275"/>
      <c r="E558" s="275"/>
      <c r="F558" s="275"/>
      <c r="G558" s="275"/>
      <c r="H558" s="276"/>
      <c r="I558" s="98" t="s">
        <v>574</v>
      </c>
      <c r="J558" s="93">
        <f t="shared" si="96"/>
        <v>0</v>
      </c>
      <c r="K558" s="152" t="str">
        <f t="shared" si="95"/>
        <v/>
      </c>
      <c r="L558" s="94">
        <v>0</v>
      </c>
      <c r="M558" s="259">
        <v>0</v>
      </c>
      <c r="N558" s="259">
        <v>0</v>
      </c>
      <c r="O558" s="259">
        <v>0</v>
      </c>
      <c r="P558" s="259">
        <v>0</v>
      </c>
      <c r="Q558" s="259"/>
      <c r="R558" s="259"/>
      <c r="S558" s="259"/>
      <c r="T558" s="259"/>
      <c r="U558" s="259"/>
      <c r="V558" s="259"/>
      <c r="W558" s="259"/>
      <c r="X558" s="259"/>
      <c r="Y558" s="259"/>
      <c r="Z558" s="259"/>
      <c r="AA558" s="259"/>
      <c r="AB558" s="259"/>
      <c r="AC558" s="259"/>
      <c r="AD558" s="259"/>
      <c r="AE558" s="259"/>
      <c r="AF558" s="259"/>
      <c r="AG558" s="259"/>
      <c r="AH558" s="259"/>
      <c r="AI558" s="259"/>
      <c r="AJ558" s="259"/>
      <c r="AK558" s="259"/>
      <c r="AL558" s="259"/>
      <c r="AM558" s="259"/>
      <c r="AN558" s="259"/>
      <c r="AO558" s="259"/>
      <c r="AP558" s="259"/>
      <c r="AQ558" s="259"/>
      <c r="AR558" s="259"/>
      <c r="AS558" s="259"/>
      <c r="AT558" s="259"/>
      <c r="AU558" s="259"/>
      <c r="AV558" s="259"/>
      <c r="AW558" s="259"/>
      <c r="AX558" s="259"/>
      <c r="AY558" s="259"/>
      <c r="AZ558" s="259"/>
      <c r="BA558" s="259"/>
      <c r="BB558" s="259"/>
      <c r="BC558" s="259"/>
      <c r="BD558" s="259"/>
      <c r="BE558" s="259"/>
      <c r="BF558" s="259"/>
      <c r="BG558" s="259"/>
      <c r="BH558" s="259"/>
      <c r="BI558" s="259"/>
      <c r="BJ558" s="259"/>
      <c r="BK558" s="259"/>
      <c r="BL558" s="259"/>
      <c r="BM558" s="259"/>
      <c r="BN558" s="259"/>
      <c r="BO558" s="259"/>
      <c r="BP558" s="259"/>
      <c r="BQ558" s="259"/>
      <c r="BR558" s="259"/>
      <c r="BS558" s="259"/>
    </row>
    <row r="559" spans="1:71" s="92" customFormat="1" ht="98.1" customHeight="1">
      <c r="A559" s="186" t="s">
        <v>575</v>
      </c>
      <c r="B559" s="96"/>
      <c r="C559" s="274" t="s">
        <v>576</v>
      </c>
      <c r="D559" s="275"/>
      <c r="E559" s="275"/>
      <c r="F559" s="275"/>
      <c r="G559" s="275"/>
      <c r="H559" s="276"/>
      <c r="I559" s="98" t="s">
        <v>577</v>
      </c>
      <c r="J559" s="93">
        <f t="shared" si="96"/>
        <v>0</v>
      </c>
      <c r="K559" s="152" t="str">
        <f t="shared" si="95"/>
        <v/>
      </c>
      <c r="L559" s="94">
        <v>0</v>
      </c>
      <c r="M559" s="259">
        <v>0</v>
      </c>
      <c r="N559" s="259">
        <v>0</v>
      </c>
      <c r="O559" s="259">
        <v>0</v>
      </c>
      <c r="P559" s="259">
        <v>0</v>
      </c>
      <c r="Q559" s="259"/>
      <c r="R559" s="259"/>
      <c r="S559" s="259"/>
      <c r="T559" s="259"/>
      <c r="U559" s="259"/>
      <c r="V559" s="259"/>
      <c r="W559" s="259"/>
      <c r="X559" s="259"/>
      <c r="Y559" s="259"/>
      <c r="Z559" s="259"/>
      <c r="AA559" s="259"/>
      <c r="AB559" s="259"/>
      <c r="AC559" s="259"/>
      <c r="AD559" s="259"/>
      <c r="AE559" s="259"/>
      <c r="AF559" s="259"/>
      <c r="AG559" s="259"/>
      <c r="AH559" s="259"/>
      <c r="AI559" s="259"/>
      <c r="AJ559" s="259"/>
      <c r="AK559" s="259"/>
      <c r="AL559" s="259"/>
      <c r="AM559" s="259"/>
      <c r="AN559" s="259"/>
      <c r="AO559" s="259"/>
      <c r="AP559" s="259"/>
      <c r="AQ559" s="259"/>
      <c r="AR559" s="259"/>
      <c r="AS559" s="259"/>
      <c r="AT559" s="259"/>
      <c r="AU559" s="259"/>
      <c r="AV559" s="259"/>
      <c r="AW559" s="259"/>
      <c r="AX559" s="259"/>
      <c r="AY559" s="259"/>
      <c r="AZ559" s="259"/>
      <c r="BA559" s="259"/>
      <c r="BB559" s="259"/>
      <c r="BC559" s="259"/>
      <c r="BD559" s="259"/>
      <c r="BE559" s="259"/>
      <c r="BF559" s="259"/>
      <c r="BG559" s="259"/>
      <c r="BH559" s="259"/>
      <c r="BI559" s="259"/>
      <c r="BJ559" s="259"/>
      <c r="BK559" s="259"/>
      <c r="BL559" s="259"/>
      <c r="BM559" s="259"/>
      <c r="BN559" s="259"/>
      <c r="BO559" s="259"/>
      <c r="BP559" s="259"/>
      <c r="BQ559" s="259"/>
      <c r="BR559" s="259"/>
      <c r="BS559" s="259"/>
    </row>
    <row r="560" spans="1:71" s="92" customFormat="1" ht="84" customHeight="1">
      <c r="A560" s="186" t="s">
        <v>578</v>
      </c>
      <c r="B560" s="96"/>
      <c r="C560" s="274" t="s">
        <v>579</v>
      </c>
      <c r="D560" s="275"/>
      <c r="E560" s="275"/>
      <c r="F560" s="275"/>
      <c r="G560" s="275"/>
      <c r="H560" s="276"/>
      <c r="I560" s="98" t="s">
        <v>580</v>
      </c>
      <c r="J560" s="93">
        <f t="shared" si="96"/>
        <v>0</v>
      </c>
      <c r="K560" s="152" t="str">
        <f t="shared" si="95"/>
        <v/>
      </c>
      <c r="L560" s="94">
        <v>0</v>
      </c>
      <c r="M560" s="259">
        <v>0</v>
      </c>
      <c r="N560" s="259">
        <v>0</v>
      </c>
      <c r="O560" s="259">
        <v>0</v>
      </c>
      <c r="P560" s="259">
        <v>0</v>
      </c>
      <c r="Q560" s="259"/>
      <c r="R560" s="259"/>
      <c r="S560" s="259"/>
      <c r="T560" s="259"/>
      <c r="U560" s="259"/>
      <c r="V560" s="259"/>
      <c r="W560" s="259"/>
      <c r="X560" s="259"/>
      <c r="Y560" s="259"/>
      <c r="Z560" s="259"/>
      <c r="AA560" s="259"/>
      <c r="AB560" s="259"/>
      <c r="AC560" s="259"/>
      <c r="AD560" s="259"/>
      <c r="AE560" s="259"/>
      <c r="AF560" s="259"/>
      <c r="AG560" s="259"/>
      <c r="AH560" s="259"/>
      <c r="AI560" s="259"/>
      <c r="AJ560" s="259"/>
      <c r="AK560" s="259"/>
      <c r="AL560" s="259"/>
      <c r="AM560" s="259"/>
      <c r="AN560" s="259"/>
      <c r="AO560" s="259"/>
      <c r="AP560" s="259"/>
      <c r="AQ560" s="259"/>
      <c r="AR560" s="259"/>
      <c r="AS560" s="259"/>
      <c r="AT560" s="259"/>
      <c r="AU560" s="259"/>
      <c r="AV560" s="259"/>
      <c r="AW560" s="259"/>
      <c r="AX560" s="259"/>
      <c r="AY560" s="259"/>
      <c r="AZ560" s="259"/>
      <c r="BA560" s="259"/>
      <c r="BB560" s="259"/>
      <c r="BC560" s="259"/>
      <c r="BD560" s="259"/>
      <c r="BE560" s="259"/>
      <c r="BF560" s="259"/>
      <c r="BG560" s="259"/>
      <c r="BH560" s="259"/>
      <c r="BI560" s="259"/>
      <c r="BJ560" s="259"/>
      <c r="BK560" s="259"/>
      <c r="BL560" s="259"/>
      <c r="BM560" s="259"/>
      <c r="BN560" s="259"/>
      <c r="BO560" s="259"/>
      <c r="BP560" s="259"/>
      <c r="BQ560" s="259"/>
      <c r="BR560" s="259"/>
      <c r="BS560" s="259"/>
    </row>
    <row r="561" spans="1:71" s="92" customFormat="1" ht="70.150000000000006" customHeight="1">
      <c r="A561" s="186" t="s">
        <v>581</v>
      </c>
      <c r="B561" s="96"/>
      <c r="C561" s="274" t="s">
        <v>582</v>
      </c>
      <c r="D561" s="275"/>
      <c r="E561" s="275"/>
      <c r="F561" s="275"/>
      <c r="G561" s="275"/>
      <c r="H561" s="276"/>
      <c r="I561" s="98" t="s">
        <v>583</v>
      </c>
      <c r="J561" s="93">
        <f t="shared" si="96"/>
        <v>0</v>
      </c>
      <c r="K561" s="152" t="str">
        <f t="shared" si="95"/>
        <v/>
      </c>
      <c r="L561" s="94">
        <v>0</v>
      </c>
      <c r="M561" s="259">
        <v>0</v>
      </c>
      <c r="N561" s="259">
        <v>0</v>
      </c>
      <c r="O561" s="259">
        <v>0</v>
      </c>
      <c r="P561" s="259">
        <v>0</v>
      </c>
      <c r="Q561" s="259"/>
      <c r="R561" s="259"/>
      <c r="S561" s="259"/>
      <c r="T561" s="259"/>
      <c r="U561" s="259"/>
      <c r="V561" s="259"/>
      <c r="W561" s="259"/>
      <c r="X561" s="259"/>
      <c r="Y561" s="259"/>
      <c r="Z561" s="259"/>
      <c r="AA561" s="259"/>
      <c r="AB561" s="259"/>
      <c r="AC561" s="259"/>
      <c r="AD561" s="259"/>
      <c r="AE561" s="259"/>
      <c r="AF561" s="259"/>
      <c r="AG561" s="259"/>
      <c r="AH561" s="259"/>
      <c r="AI561" s="259"/>
      <c r="AJ561" s="259"/>
      <c r="AK561" s="259"/>
      <c r="AL561" s="259"/>
      <c r="AM561" s="259"/>
      <c r="AN561" s="259"/>
      <c r="AO561" s="259"/>
      <c r="AP561" s="259"/>
      <c r="AQ561" s="259"/>
      <c r="AR561" s="259"/>
      <c r="AS561" s="259"/>
      <c r="AT561" s="259"/>
      <c r="AU561" s="259"/>
      <c r="AV561" s="259"/>
      <c r="AW561" s="259"/>
      <c r="AX561" s="259"/>
      <c r="AY561" s="259"/>
      <c r="AZ561" s="259"/>
      <c r="BA561" s="259"/>
      <c r="BB561" s="259"/>
      <c r="BC561" s="259"/>
      <c r="BD561" s="259"/>
      <c r="BE561" s="259"/>
      <c r="BF561" s="259"/>
      <c r="BG561" s="259"/>
      <c r="BH561" s="259"/>
      <c r="BI561" s="259"/>
      <c r="BJ561" s="259"/>
      <c r="BK561" s="259"/>
      <c r="BL561" s="259"/>
      <c r="BM561" s="259"/>
      <c r="BN561" s="259"/>
      <c r="BO561" s="259"/>
      <c r="BP561" s="259"/>
      <c r="BQ561" s="259"/>
      <c r="BR561" s="259"/>
      <c r="BS561" s="259"/>
    </row>
    <row r="562" spans="1:71" s="92" customFormat="1" ht="70.150000000000006" customHeight="1">
      <c r="A562" s="186" t="s">
        <v>584</v>
      </c>
      <c r="B562" s="96"/>
      <c r="C562" s="301" t="s">
        <v>585</v>
      </c>
      <c r="D562" s="302"/>
      <c r="E562" s="302"/>
      <c r="F562" s="302"/>
      <c r="G562" s="302"/>
      <c r="H562" s="303"/>
      <c r="I562" s="103" t="s">
        <v>586</v>
      </c>
      <c r="J562" s="93">
        <f t="shared" si="96"/>
        <v>0</v>
      </c>
      <c r="K562" s="152" t="str">
        <f t="shared" si="95"/>
        <v/>
      </c>
      <c r="L562" s="94">
        <v>0</v>
      </c>
      <c r="M562" s="259">
        <v>0</v>
      </c>
      <c r="N562" s="259">
        <v>0</v>
      </c>
      <c r="O562" s="259">
        <v>0</v>
      </c>
      <c r="P562" s="259">
        <v>0</v>
      </c>
      <c r="Q562" s="259"/>
      <c r="R562" s="259"/>
      <c r="S562" s="259"/>
      <c r="T562" s="259"/>
      <c r="U562" s="259"/>
      <c r="V562" s="259"/>
      <c r="W562" s="259"/>
      <c r="X562" s="259"/>
      <c r="Y562" s="259"/>
      <c r="Z562" s="259"/>
      <c r="AA562" s="259"/>
      <c r="AB562" s="259"/>
      <c r="AC562" s="259"/>
      <c r="AD562" s="259"/>
      <c r="AE562" s="259"/>
      <c r="AF562" s="259"/>
      <c r="AG562" s="259"/>
      <c r="AH562" s="259"/>
      <c r="AI562" s="259"/>
      <c r="AJ562" s="259"/>
      <c r="AK562" s="259"/>
      <c r="AL562" s="259"/>
      <c r="AM562" s="259"/>
      <c r="AN562" s="259"/>
      <c r="AO562" s="259"/>
      <c r="AP562" s="259"/>
      <c r="AQ562" s="259"/>
      <c r="AR562" s="259"/>
      <c r="AS562" s="259"/>
      <c r="AT562" s="259"/>
      <c r="AU562" s="259"/>
      <c r="AV562" s="259"/>
      <c r="AW562" s="259"/>
      <c r="AX562" s="259"/>
      <c r="AY562" s="259"/>
      <c r="AZ562" s="259"/>
      <c r="BA562" s="259"/>
      <c r="BB562" s="259"/>
      <c r="BC562" s="259"/>
      <c r="BD562" s="259"/>
      <c r="BE562" s="259"/>
      <c r="BF562" s="259"/>
      <c r="BG562" s="259"/>
      <c r="BH562" s="259"/>
      <c r="BI562" s="259"/>
      <c r="BJ562" s="259"/>
      <c r="BK562" s="259"/>
      <c r="BL562" s="259"/>
      <c r="BM562" s="259"/>
      <c r="BN562" s="259"/>
      <c r="BO562" s="259"/>
      <c r="BP562" s="259"/>
      <c r="BQ562" s="259"/>
      <c r="BR562" s="259"/>
      <c r="BS562" s="259"/>
    </row>
    <row r="563" spans="1:71" s="92" customFormat="1" ht="42.75">
      <c r="A563" s="186" t="s">
        <v>587</v>
      </c>
      <c r="B563" s="96"/>
      <c r="C563" s="274" t="s">
        <v>588</v>
      </c>
      <c r="D563" s="275"/>
      <c r="E563" s="275"/>
      <c r="F563" s="275"/>
      <c r="G563" s="275"/>
      <c r="H563" s="276"/>
      <c r="I563" s="103" t="s">
        <v>589</v>
      </c>
      <c r="J563" s="93">
        <f t="shared" si="96"/>
        <v>0</v>
      </c>
      <c r="K563" s="152" t="str">
        <f t="shared" si="95"/>
        <v/>
      </c>
      <c r="L563" s="94">
        <v>0</v>
      </c>
      <c r="M563" s="259">
        <v>0</v>
      </c>
      <c r="N563" s="259">
        <v>0</v>
      </c>
      <c r="O563" s="259">
        <v>0</v>
      </c>
      <c r="P563" s="259">
        <v>0</v>
      </c>
      <c r="Q563" s="259"/>
      <c r="R563" s="259"/>
      <c r="S563" s="259"/>
      <c r="T563" s="259"/>
      <c r="U563" s="259"/>
      <c r="V563" s="259"/>
      <c r="W563" s="259"/>
      <c r="X563" s="259"/>
      <c r="Y563" s="259"/>
      <c r="Z563" s="259"/>
      <c r="AA563" s="259"/>
      <c r="AB563" s="259"/>
      <c r="AC563" s="259"/>
      <c r="AD563" s="259"/>
      <c r="AE563" s="259"/>
      <c r="AF563" s="259"/>
      <c r="AG563" s="259"/>
      <c r="AH563" s="259"/>
      <c r="AI563" s="259"/>
      <c r="AJ563" s="259"/>
      <c r="AK563" s="259"/>
      <c r="AL563" s="259"/>
      <c r="AM563" s="259"/>
      <c r="AN563" s="259"/>
      <c r="AO563" s="259"/>
      <c r="AP563" s="259"/>
      <c r="AQ563" s="259"/>
      <c r="AR563" s="259"/>
      <c r="AS563" s="259"/>
      <c r="AT563" s="259"/>
      <c r="AU563" s="259"/>
      <c r="AV563" s="259"/>
      <c r="AW563" s="259"/>
      <c r="AX563" s="259"/>
      <c r="AY563" s="259"/>
      <c r="AZ563" s="259"/>
      <c r="BA563" s="259"/>
      <c r="BB563" s="259"/>
      <c r="BC563" s="259"/>
      <c r="BD563" s="259"/>
      <c r="BE563" s="259"/>
      <c r="BF563" s="259"/>
      <c r="BG563" s="259"/>
      <c r="BH563" s="259"/>
      <c r="BI563" s="259"/>
      <c r="BJ563" s="259"/>
      <c r="BK563" s="259"/>
      <c r="BL563" s="259"/>
      <c r="BM563" s="259"/>
      <c r="BN563" s="259"/>
      <c r="BO563" s="259"/>
      <c r="BP563" s="259"/>
      <c r="BQ563" s="259"/>
      <c r="BR563" s="259"/>
      <c r="BS563" s="259"/>
    </row>
    <row r="564" spans="1:71" s="92" customFormat="1" ht="70.150000000000006" customHeight="1">
      <c r="A564" s="186" t="s">
        <v>590</v>
      </c>
      <c r="B564" s="96"/>
      <c r="C564" s="274" t="s">
        <v>591</v>
      </c>
      <c r="D564" s="275"/>
      <c r="E564" s="275"/>
      <c r="F564" s="275"/>
      <c r="G564" s="275"/>
      <c r="H564" s="276"/>
      <c r="I564" s="103" t="s">
        <v>592</v>
      </c>
      <c r="J564" s="93">
        <f t="shared" si="96"/>
        <v>0</v>
      </c>
      <c r="K564" s="152" t="str">
        <f t="shared" si="95"/>
        <v/>
      </c>
      <c r="L564" s="94">
        <v>0</v>
      </c>
      <c r="M564" s="259">
        <v>0</v>
      </c>
      <c r="N564" s="259">
        <v>0</v>
      </c>
      <c r="O564" s="259">
        <v>0</v>
      </c>
      <c r="P564" s="259">
        <v>0</v>
      </c>
      <c r="Q564" s="259"/>
      <c r="R564" s="259"/>
      <c r="S564" s="259"/>
      <c r="T564" s="259"/>
      <c r="U564" s="259"/>
      <c r="V564" s="259"/>
      <c r="W564" s="259"/>
      <c r="X564" s="259"/>
      <c r="Y564" s="259"/>
      <c r="Z564" s="259"/>
      <c r="AA564" s="259"/>
      <c r="AB564" s="259"/>
      <c r="AC564" s="259"/>
      <c r="AD564" s="259"/>
      <c r="AE564" s="259"/>
      <c r="AF564" s="259"/>
      <c r="AG564" s="259"/>
      <c r="AH564" s="259"/>
      <c r="AI564" s="259"/>
      <c r="AJ564" s="259"/>
      <c r="AK564" s="259"/>
      <c r="AL564" s="259"/>
      <c r="AM564" s="259"/>
      <c r="AN564" s="259"/>
      <c r="AO564" s="259"/>
      <c r="AP564" s="259"/>
      <c r="AQ564" s="259"/>
      <c r="AR564" s="259"/>
      <c r="AS564" s="259"/>
      <c r="AT564" s="259"/>
      <c r="AU564" s="259"/>
      <c r="AV564" s="259"/>
      <c r="AW564" s="259"/>
      <c r="AX564" s="259"/>
      <c r="AY564" s="259"/>
      <c r="AZ564" s="259"/>
      <c r="BA564" s="259"/>
      <c r="BB564" s="259"/>
      <c r="BC564" s="259"/>
      <c r="BD564" s="259"/>
      <c r="BE564" s="259"/>
      <c r="BF564" s="259"/>
      <c r="BG564" s="259"/>
      <c r="BH564" s="259"/>
      <c r="BI564" s="259"/>
      <c r="BJ564" s="259"/>
      <c r="BK564" s="259"/>
      <c r="BL564" s="259"/>
      <c r="BM564" s="259"/>
      <c r="BN564" s="259"/>
      <c r="BO564" s="259"/>
      <c r="BP564" s="259"/>
      <c r="BQ564" s="259"/>
      <c r="BR564" s="259"/>
      <c r="BS564" s="259"/>
    </row>
    <row r="565" spans="1:71" s="92" customFormat="1" ht="70.150000000000006" customHeight="1">
      <c r="A565" s="186" t="s">
        <v>593</v>
      </c>
      <c r="B565" s="96"/>
      <c r="C565" s="274" t="s">
        <v>594</v>
      </c>
      <c r="D565" s="275"/>
      <c r="E565" s="275"/>
      <c r="F565" s="275"/>
      <c r="G565" s="275"/>
      <c r="H565" s="276"/>
      <c r="I565" s="103" t="s">
        <v>595</v>
      </c>
      <c r="J565" s="93">
        <f t="shared" si="96"/>
        <v>0</v>
      </c>
      <c r="K565" s="152" t="str">
        <f t="shared" si="95"/>
        <v/>
      </c>
      <c r="L565" s="94">
        <v>0</v>
      </c>
      <c r="M565" s="259">
        <v>0</v>
      </c>
      <c r="N565" s="259">
        <v>0</v>
      </c>
      <c r="O565" s="259">
        <v>0</v>
      </c>
      <c r="P565" s="259">
        <v>0</v>
      </c>
      <c r="Q565" s="259"/>
      <c r="R565" s="259"/>
      <c r="S565" s="259"/>
      <c r="T565" s="259"/>
      <c r="U565" s="259"/>
      <c r="V565" s="259"/>
      <c r="W565" s="259"/>
      <c r="X565" s="259"/>
      <c r="Y565" s="259"/>
      <c r="Z565" s="259"/>
      <c r="AA565" s="259"/>
      <c r="AB565" s="259"/>
      <c r="AC565" s="259"/>
      <c r="AD565" s="259"/>
      <c r="AE565" s="259"/>
      <c r="AF565" s="259"/>
      <c r="AG565" s="259"/>
      <c r="AH565" s="259"/>
      <c r="AI565" s="259"/>
      <c r="AJ565" s="259"/>
      <c r="AK565" s="259"/>
      <c r="AL565" s="259"/>
      <c r="AM565" s="259"/>
      <c r="AN565" s="259"/>
      <c r="AO565" s="259"/>
      <c r="AP565" s="259"/>
      <c r="AQ565" s="259"/>
      <c r="AR565" s="259"/>
      <c r="AS565" s="259"/>
      <c r="AT565" s="259"/>
      <c r="AU565" s="259"/>
      <c r="AV565" s="259"/>
      <c r="AW565" s="259"/>
      <c r="AX565" s="259"/>
      <c r="AY565" s="259"/>
      <c r="AZ565" s="259"/>
      <c r="BA565" s="259"/>
      <c r="BB565" s="259"/>
      <c r="BC565" s="259"/>
      <c r="BD565" s="259"/>
      <c r="BE565" s="259"/>
      <c r="BF565" s="259"/>
      <c r="BG565" s="259"/>
      <c r="BH565" s="259"/>
      <c r="BI565" s="259"/>
      <c r="BJ565" s="259"/>
      <c r="BK565" s="259"/>
      <c r="BL565" s="259"/>
      <c r="BM565" s="259"/>
      <c r="BN565" s="259"/>
      <c r="BO565" s="259"/>
      <c r="BP565" s="259"/>
      <c r="BQ565" s="259"/>
      <c r="BR565" s="259"/>
      <c r="BS565" s="259"/>
    </row>
    <row r="566" spans="1:71" s="92" customFormat="1" ht="70.150000000000006" customHeight="1">
      <c r="A566" s="186" t="s">
        <v>596</v>
      </c>
      <c r="B566" s="96"/>
      <c r="C566" s="274" t="s">
        <v>597</v>
      </c>
      <c r="D566" s="275"/>
      <c r="E566" s="275"/>
      <c r="F566" s="275"/>
      <c r="G566" s="275"/>
      <c r="H566" s="276"/>
      <c r="I566" s="103" t="s">
        <v>598</v>
      </c>
      <c r="J566" s="93">
        <f t="shared" si="96"/>
        <v>0</v>
      </c>
      <c r="K566" s="152" t="str">
        <f t="shared" si="95"/>
        <v/>
      </c>
      <c r="L566" s="94">
        <v>0</v>
      </c>
      <c r="M566" s="259">
        <v>0</v>
      </c>
      <c r="N566" s="259">
        <v>0</v>
      </c>
      <c r="O566" s="259">
        <v>0</v>
      </c>
      <c r="P566" s="259">
        <v>0</v>
      </c>
      <c r="Q566" s="259"/>
      <c r="R566" s="259"/>
      <c r="S566" s="259"/>
      <c r="T566" s="259"/>
      <c r="U566" s="259"/>
      <c r="V566" s="259"/>
      <c r="W566" s="259"/>
      <c r="X566" s="259"/>
      <c r="Y566" s="259"/>
      <c r="Z566" s="259"/>
      <c r="AA566" s="259"/>
      <c r="AB566" s="259"/>
      <c r="AC566" s="259"/>
      <c r="AD566" s="259"/>
      <c r="AE566" s="259"/>
      <c r="AF566" s="259"/>
      <c r="AG566" s="259"/>
      <c r="AH566" s="259"/>
      <c r="AI566" s="259"/>
      <c r="AJ566" s="259"/>
      <c r="AK566" s="259"/>
      <c r="AL566" s="259"/>
      <c r="AM566" s="259"/>
      <c r="AN566" s="259"/>
      <c r="AO566" s="259"/>
      <c r="AP566" s="259"/>
      <c r="AQ566" s="259"/>
      <c r="AR566" s="259"/>
      <c r="AS566" s="259"/>
      <c r="AT566" s="259"/>
      <c r="AU566" s="259"/>
      <c r="AV566" s="259"/>
      <c r="AW566" s="259"/>
      <c r="AX566" s="259"/>
      <c r="AY566" s="259"/>
      <c r="AZ566" s="259"/>
      <c r="BA566" s="259"/>
      <c r="BB566" s="259"/>
      <c r="BC566" s="259"/>
      <c r="BD566" s="259"/>
      <c r="BE566" s="259"/>
      <c r="BF566" s="259"/>
      <c r="BG566" s="259"/>
      <c r="BH566" s="259"/>
      <c r="BI566" s="259"/>
      <c r="BJ566" s="259"/>
      <c r="BK566" s="259"/>
      <c r="BL566" s="259"/>
      <c r="BM566" s="259"/>
      <c r="BN566" s="259"/>
      <c r="BO566" s="259"/>
      <c r="BP566" s="259"/>
      <c r="BQ566" s="259"/>
      <c r="BR566" s="259"/>
      <c r="BS566" s="259"/>
    </row>
    <row r="567" spans="1:71">
      <c r="A567" s="178"/>
      <c r="B567" s="14"/>
      <c r="C567" s="14"/>
      <c r="D567" s="14"/>
      <c r="E567" s="14"/>
      <c r="F567" s="14"/>
      <c r="G567" s="14"/>
      <c r="H567" s="10"/>
      <c r="I567" s="10"/>
      <c r="L567" s="62"/>
      <c r="M567" s="62"/>
      <c r="N567" s="62"/>
      <c r="O567" s="62"/>
      <c r="P567" s="62"/>
      <c r="Q567" s="62"/>
      <c r="R567" s="8"/>
      <c r="S567" s="8"/>
      <c r="T567" s="8"/>
      <c r="U567" s="8"/>
      <c r="V567" s="8"/>
    </row>
    <row r="568" spans="1:71" s="243" customFormat="1" ht="34.5" customHeight="1">
      <c r="A568" s="178"/>
      <c r="B568" s="14"/>
      <c r="C568" s="3"/>
      <c r="D568" s="3"/>
      <c r="E568" s="3"/>
      <c r="F568" s="3"/>
      <c r="G568" s="3"/>
      <c r="H568" s="244"/>
      <c r="I568" s="244"/>
      <c r="J568" s="63" t="s">
        <v>81</v>
      </c>
      <c r="K568" s="136"/>
      <c r="L568" s="245" t="str">
        <f>IF(ISBLANK(L$9),"",L$9)</f>
        <v>4階病棟</v>
      </c>
      <c r="M568" s="249" t="str">
        <f t="shared" ref="M568:BS568" si="97">IF(ISBLANK(M$9),"",M$9)</f>
        <v>回復期リハビリテーション病棟</v>
      </c>
      <c r="N568" s="247" t="str">
        <f t="shared" si="97"/>
        <v>地域包括ケア病棟</v>
      </c>
      <c r="O568" s="247" t="str">
        <f t="shared" si="97"/>
        <v>地域包括ケア病棟サテライト</v>
      </c>
      <c r="P568" s="247" t="str">
        <f t="shared" si="97"/>
        <v>特殊疾患病棟</v>
      </c>
      <c r="Q568" s="247" t="str">
        <f t="shared" si="97"/>
        <v>療養病棟2階</v>
      </c>
      <c r="R568" s="247" t="str">
        <f t="shared" si="97"/>
        <v/>
      </c>
      <c r="S568" s="247" t="str">
        <f t="shared" si="97"/>
        <v/>
      </c>
      <c r="T568" s="247" t="str">
        <f t="shared" si="97"/>
        <v/>
      </c>
      <c r="U568" s="247" t="str">
        <f t="shared" si="97"/>
        <v/>
      </c>
      <c r="V568" s="247" t="str">
        <f t="shared" si="97"/>
        <v/>
      </c>
      <c r="W568" s="247" t="str">
        <f t="shared" si="97"/>
        <v/>
      </c>
      <c r="X568" s="247" t="str">
        <f t="shared" si="97"/>
        <v/>
      </c>
      <c r="Y568" s="247" t="str">
        <f t="shared" si="97"/>
        <v/>
      </c>
      <c r="Z568" s="247" t="str">
        <f t="shared" si="97"/>
        <v/>
      </c>
      <c r="AA568" s="247" t="str">
        <f t="shared" si="97"/>
        <v/>
      </c>
      <c r="AB568" s="247" t="str">
        <f t="shared" si="97"/>
        <v/>
      </c>
      <c r="AC568" s="247" t="str">
        <f t="shared" si="97"/>
        <v/>
      </c>
      <c r="AD568" s="247" t="str">
        <f t="shared" si="97"/>
        <v/>
      </c>
      <c r="AE568" s="247" t="str">
        <f t="shared" si="97"/>
        <v/>
      </c>
      <c r="AF568" s="247" t="str">
        <f t="shared" si="97"/>
        <v/>
      </c>
      <c r="AG568" s="247" t="str">
        <f t="shared" si="97"/>
        <v/>
      </c>
      <c r="AH568" s="247" t="str">
        <f t="shared" si="97"/>
        <v/>
      </c>
      <c r="AI568" s="247" t="str">
        <f t="shared" si="97"/>
        <v/>
      </c>
      <c r="AJ568" s="247" t="str">
        <f t="shared" si="97"/>
        <v/>
      </c>
      <c r="AK568" s="247" t="str">
        <f t="shared" si="97"/>
        <v/>
      </c>
      <c r="AL568" s="247" t="str">
        <f t="shared" si="97"/>
        <v/>
      </c>
      <c r="AM568" s="247" t="str">
        <f t="shared" si="97"/>
        <v/>
      </c>
      <c r="AN568" s="247" t="str">
        <f t="shared" si="97"/>
        <v/>
      </c>
      <c r="AO568" s="247" t="str">
        <f t="shared" si="97"/>
        <v/>
      </c>
      <c r="AP568" s="247" t="str">
        <f t="shared" si="97"/>
        <v/>
      </c>
      <c r="AQ568" s="247" t="str">
        <f t="shared" si="97"/>
        <v/>
      </c>
      <c r="AR568" s="247" t="str">
        <f t="shared" si="97"/>
        <v/>
      </c>
      <c r="AS568" s="247" t="str">
        <f t="shared" si="97"/>
        <v/>
      </c>
      <c r="AT568" s="247" t="str">
        <f t="shared" si="97"/>
        <v/>
      </c>
      <c r="AU568" s="247" t="str">
        <f t="shared" si="97"/>
        <v/>
      </c>
      <c r="AV568" s="247" t="str">
        <f t="shared" si="97"/>
        <v/>
      </c>
      <c r="AW568" s="247" t="str">
        <f t="shared" si="97"/>
        <v/>
      </c>
      <c r="AX568" s="247" t="str">
        <f t="shared" si="97"/>
        <v/>
      </c>
      <c r="AY568" s="247" t="str">
        <f t="shared" si="97"/>
        <v/>
      </c>
      <c r="AZ568" s="247" t="str">
        <f t="shared" si="97"/>
        <v/>
      </c>
      <c r="BA568" s="247" t="str">
        <f t="shared" si="97"/>
        <v/>
      </c>
      <c r="BB568" s="247" t="str">
        <f t="shared" si="97"/>
        <v/>
      </c>
      <c r="BC568" s="247" t="str">
        <f t="shared" si="97"/>
        <v/>
      </c>
      <c r="BD568" s="247" t="str">
        <f t="shared" si="97"/>
        <v/>
      </c>
      <c r="BE568" s="247" t="str">
        <f t="shared" si="97"/>
        <v/>
      </c>
      <c r="BF568" s="247" t="str">
        <f t="shared" si="97"/>
        <v/>
      </c>
      <c r="BG568" s="247" t="str">
        <f t="shared" si="97"/>
        <v/>
      </c>
      <c r="BH568" s="247" t="str">
        <f t="shared" si="97"/>
        <v/>
      </c>
      <c r="BI568" s="247" t="str">
        <f t="shared" si="97"/>
        <v/>
      </c>
      <c r="BJ568" s="247" t="str">
        <f t="shared" si="97"/>
        <v/>
      </c>
      <c r="BK568" s="247" t="str">
        <f t="shared" si="97"/>
        <v/>
      </c>
      <c r="BL568" s="247" t="str">
        <f t="shared" si="97"/>
        <v/>
      </c>
      <c r="BM568" s="247" t="str">
        <f t="shared" si="97"/>
        <v/>
      </c>
      <c r="BN568" s="247" t="str">
        <f t="shared" si="97"/>
        <v/>
      </c>
      <c r="BO568" s="247" t="str">
        <f t="shared" si="97"/>
        <v/>
      </c>
      <c r="BP568" s="247" t="str">
        <f t="shared" si="97"/>
        <v/>
      </c>
      <c r="BQ568" s="247" t="str">
        <f t="shared" si="97"/>
        <v/>
      </c>
      <c r="BR568" s="247" t="str">
        <f t="shared" si="97"/>
        <v/>
      </c>
      <c r="BS568" s="247" t="str">
        <f t="shared" si="97"/>
        <v/>
      </c>
    </row>
    <row r="569" spans="1:71" s="243" customFormat="1" ht="20.25" customHeight="1">
      <c r="A569" s="178"/>
      <c r="B569" s="1"/>
      <c r="C569" s="52"/>
      <c r="D569" s="3"/>
      <c r="E569" s="3"/>
      <c r="F569" s="3"/>
      <c r="G569" s="3"/>
      <c r="H569" s="244"/>
      <c r="I569" s="56" t="s">
        <v>82</v>
      </c>
      <c r="J569" s="57"/>
      <c r="K569" s="137"/>
      <c r="L569" s="59" t="str">
        <f>IF(ISBLANK(L$95),"",L$95)</f>
        <v>急性期</v>
      </c>
      <c r="M569" s="250" t="str">
        <f t="shared" ref="M569:BS569" si="98">IF(ISBLANK(M$95),"",M$95)</f>
        <v>回復期</v>
      </c>
      <c r="N569" s="59" t="str">
        <f t="shared" si="98"/>
        <v>回復期</v>
      </c>
      <c r="O569" s="59" t="str">
        <f t="shared" si="98"/>
        <v>休棟中（今後廃止する予定）</v>
      </c>
      <c r="P569" s="59" t="str">
        <f t="shared" si="98"/>
        <v>慢性期</v>
      </c>
      <c r="Q569" s="59" t="str">
        <f t="shared" si="98"/>
        <v>慢性期</v>
      </c>
      <c r="R569" s="59" t="str">
        <f t="shared" si="98"/>
        <v/>
      </c>
      <c r="S569" s="59" t="str">
        <f t="shared" si="98"/>
        <v/>
      </c>
      <c r="T569" s="59" t="str">
        <f t="shared" si="98"/>
        <v/>
      </c>
      <c r="U569" s="59" t="str">
        <f t="shared" si="98"/>
        <v/>
      </c>
      <c r="V569" s="59" t="str">
        <f t="shared" si="98"/>
        <v/>
      </c>
      <c r="W569" s="59" t="str">
        <f t="shared" si="98"/>
        <v/>
      </c>
      <c r="X569" s="59" t="str">
        <f t="shared" si="98"/>
        <v/>
      </c>
      <c r="Y569" s="59" t="str">
        <f t="shared" si="98"/>
        <v/>
      </c>
      <c r="Z569" s="59" t="str">
        <f t="shared" si="98"/>
        <v/>
      </c>
      <c r="AA569" s="59" t="str">
        <f t="shared" si="98"/>
        <v/>
      </c>
      <c r="AB569" s="59" t="str">
        <f t="shared" si="98"/>
        <v/>
      </c>
      <c r="AC569" s="59" t="str">
        <f t="shared" si="98"/>
        <v/>
      </c>
      <c r="AD569" s="59" t="str">
        <f t="shared" si="98"/>
        <v/>
      </c>
      <c r="AE569" s="59" t="str">
        <f t="shared" si="98"/>
        <v/>
      </c>
      <c r="AF569" s="59" t="str">
        <f t="shared" si="98"/>
        <v/>
      </c>
      <c r="AG569" s="59" t="str">
        <f t="shared" si="98"/>
        <v/>
      </c>
      <c r="AH569" s="59" t="str">
        <f t="shared" si="98"/>
        <v/>
      </c>
      <c r="AI569" s="59" t="str">
        <f t="shared" si="98"/>
        <v/>
      </c>
      <c r="AJ569" s="59" t="str">
        <f t="shared" si="98"/>
        <v/>
      </c>
      <c r="AK569" s="59" t="str">
        <f t="shared" si="98"/>
        <v/>
      </c>
      <c r="AL569" s="59" t="str">
        <f t="shared" si="98"/>
        <v/>
      </c>
      <c r="AM569" s="59" t="str">
        <f t="shared" si="98"/>
        <v/>
      </c>
      <c r="AN569" s="59" t="str">
        <f t="shared" si="98"/>
        <v/>
      </c>
      <c r="AO569" s="59" t="str">
        <f t="shared" si="98"/>
        <v/>
      </c>
      <c r="AP569" s="59" t="str">
        <f t="shared" si="98"/>
        <v/>
      </c>
      <c r="AQ569" s="59" t="str">
        <f t="shared" si="98"/>
        <v/>
      </c>
      <c r="AR569" s="59" t="str">
        <f t="shared" si="98"/>
        <v/>
      </c>
      <c r="AS569" s="59" t="str">
        <f t="shared" si="98"/>
        <v/>
      </c>
      <c r="AT569" s="59" t="str">
        <f t="shared" si="98"/>
        <v/>
      </c>
      <c r="AU569" s="59" t="str">
        <f t="shared" si="98"/>
        <v/>
      </c>
      <c r="AV569" s="59" t="str">
        <f t="shared" si="98"/>
        <v/>
      </c>
      <c r="AW569" s="59" t="str">
        <f t="shared" si="98"/>
        <v/>
      </c>
      <c r="AX569" s="59" t="str">
        <f t="shared" si="98"/>
        <v/>
      </c>
      <c r="AY569" s="59" t="str">
        <f t="shared" si="98"/>
        <v/>
      </c>
      <c r="AZ569" s="59" t="str">
        <f t="shared" si="98"/>
        <v/>
      </c>
      <c r="BA569" s="59" t="str">
        <f t="shared" si="98"/>
        <v/>
      </c>
      <c r="BB569" s="59" t="str">
        <f t="shared" si="98"/>
        <v/>
      </c>
      <c r="BC569" s="59" t="str">
        <f t="shared" si="98"/>
        <v/>
      </c>
      <c r="BD569" s="59" t="str">
        <f t="shared" si="98"/>
        <v/>
      </c>
      <c r="BE569" s="59" t="str">
        <f t="shared" si="98"/>
        <v/>
      </c>
      <c r="BF569" s="59" t="str">
        <f t="shared" si="98"/>
        <v/>
      </c>
      <c r="BG569" s="59" t="str">
        <f t="shared" si="98"/>
        <v/>
      </c>
      <c r="BH569" s="59" t="str">
        <f t="shared" si="98"/>
        <v/>
      </c>
      <c r="BI569" s="59" t="str">
        <f t="shared" si="98"/>
        <v/>
      </c>
      <c r="BJ569" s="59" t="str">
        <f t="shared" si="98"/>
        <v/>
      </c>
      <c r="BK569" s="59" t="str">
        <f t="shared" si="98"/>
        <v/>
      </c>
      <c r="BL569" s="59" t="str">
        <f t="shared" si="98"/>
        <v/>
      </c>
      <c r="BM569" s="59" t="str">
        <f t="shared" si="98"/>
        <v/>
      </c>
      <c r="BN569" s="59" t="str">
        <f t="shared" si="98"/>
        <v/>
      </c>
      <c r="BO569" s="59" t="str">
        <f t="shared" si="98"/>
        <v/>
      </c>
      <c r="BP569" s="59" t="str">
        <f t="shared" si="98"/>
        <v/>
      </c>
      <c r="BQ569" s="59" t="str">
        <f t="shared" si="98"/>
        <v/>
      </c>
      <c r="BR569" s="59" t="str">
        <f t="shared" si="98"/>
        <v/>
      </c>
      <c r="BS569" s="59" t="str">
        <f t="shared" si="98"/>
        <v/>
      </c>
    </row>
    <row r="570" spans="1:71" s="92" customFormat="1" ht="113.65" customHeight="1">
      <c r="A570" s="185" t="s">
        <v>599</v>
      </c>
      <c r="B570" s="96"/>
      <c r="C570" s="301" t="s">
        <v>600</v>
      </c>
      <c r="D570" s="302"/>
      <c r="E570" s="302"/>
      <c r="F570" s="302"/>
      <c r="G570" s="302"/>
      <c r="H570" s="303"/>
      <c r="I570" s="269" t="s">
        <v>601</v>
      </c>
      <c r="J570" s="165"/>
      <c r="K570" s="177"/>
      <c r="L570" s="270" t="s">
        <v>602</v>
      </c>
      <c r="M570" s="271" t="s">
        <v>42</v>
      </c>
      <c r="N570" s="271" t="s">
        <v>42</v>
      </c>
      <c r="O570" s="271" t="s">
        <v>42</v>
      </c>
      <c r="P570" s="271" t="s">
        <v>42</v>
      </c>
      <c r="Q570" s="271" t="s">
        <v>42</v>
      </c>
      <c r="R570" s="271" t="s">
        <v>42</v>
      </c>
      <c r="S570" s="271" t="s">
        <v>42</v>
      </c>
      <c r="T570" s="271" t="s">
        <v>42</v>
      </c>
      <c r="U570" s="271" t="s">
        <v>42</v>
      </c>
      <c r="V570" s="271" t="s">
        <v>42</v>
      </c>
      <c r="W570" s="271" t="s">
        <v>42</v>
      </c>
      <c r="X570" s="271" t="s">
        <v>42</v>
      </c>
      <c r="Y570" s="271" t="s">
        <v>42</v>
      </c>
      <c r="Z570" s="271" t="s">
        <v>42</v>
      </c>
      <c r="AA570" s="271" t="s">
        <v>42</v>
      </c>
      <c r="AB570" s="271" t="s">
        <v>42</v>
      </c>
      <c r="AC570" s="271" t="s">
        <v>42</v>
      </c>
      <c r="AD570" s="271" t="s">
        <v>42</v>
      </c>
      <c r="AE570" s="271" t="s">
        <v>42</v>
      </c>
      <c r="AF570" s="271" t="s">
        <v>42</v>
      </c>
      <c r="AG570" s="271" t="s">
        <v>42</v>
      </c>
      <c r="AH570" s="271" t="s">
        <v>42</v>
      </c>
      <c r="AI570" s="271" t="s">
        <v>42</v>
      </c>
      <c r="AJ570" s="271" t="s">
        <v>42</v>
      </c>
      <c r="AK570" s="271" t="s">
        <v>42</v>
      </c>
      <c r="AL570" s="271" t="s">
        <v>42</v>
      </c>
      <c r="AM570" s="271" t="s">
        <v>42</v>
      </c>
      <c r="AN570" s="271" t="s">
        <v>42</v>
      </c>
      <c r="AO570" s="271" t="s">
        <v>42</v>
      </c>
      <c r="AP570" s="271" t="s">
        <v>42</v>
      </c>
      <c r="AQ570" s="271" t="s">
        <v>42</v>
      </c>
      <c r="AR570" s="271" t="s">
        <v>42</v>
      </c>
      <c r="AS570" s="271" t="s">
        <v>42</v>
      </c>
      <c r="AT570" s="271" t="s">
        <v>42</v>
      </c>
      <c r="AU570" s="271" t="s">
        <v>42</v>
      </c>
      <c r="AV570" s="271" t="s">
        <v>42</v>
      </c>
      <c r="AW570" s="271" t="s">
        <v>42</v>
      </c>
      <c r="AX570" s="271" t="s">
        <v>42</v>
      </c>
      <c r="AY570" s="271" t="s">
        <v>42</v>
      </c>
      <c r="AZ570" s="271" t="s">
        <v>42</v>
      </c>
      <c r="BA570" s="271" t="s">
        <v>42</v>
      </c>
      <c r="BB570" s="271" t="s">
        <v>42</v>
      </c>
      <c r="BC570" s="271" t="s">
        <v>42</v>
      </c>
      <c r="BD570" s="271" t="s">
        <v>42</v>
      </c>
      <c r="BE570" s="271" t="s">
        <v>42</v>
      </c>
      <c r="BF570" s="271" t="s">
        <v>42</v>
      </c>
      <c r="BG570" s="271" t="s">
        <v>42</v>
      </c>
      <c r="BH570" s="271" t="s">
        <v>42</v>
      </c>
      <c r="BI570" s="271" t="s">
        <v>42</v>
      </c>
      <c r="BJ570" s="271" t="s">
        <v>42</v>
      </c>
      <c r="BK570" s="271" t="s">
        <v>42</v>
      </c>
      <c r="BL570" s="271" t="s">
        <v>42</v>
      </c>
      <c r="BM570" s="271" t="s">
        <v>42</v>
      </c>
      <c r="BN570" s="271" t="s">
        <v>42</v>
      </c>
      <c r="BO570" s="271" t="s">
        <v>42</v>
      </c>
      <c r="BP570" s="271" t="s">
        <v>42</v>
      </c>
      <c r="BQ570" s="271" t="s">
        <v>42</v>
      </c>
      <c r="BR570" s="271" t="s">
        <v>42</v>
      </c>
      <c r="BS570" s="271" t="s">
        <v>42</v>
      </c>
    </row>
    <row r="571" spans="1:71" s="74" customFormat="1" ht="65.099999999999994" customHeight="1">
      <c r="A571" s="178"/>
      <c r="B571" s="96"/>
      <c r="C571" s="304" t="s">
        <v>603</v>
      </c>
      <c r="D571" s="305"/>
      <c r="E571" s="305"/>
      <c r="F571" s="305"/>
      <c r="G571" s="305"/>
      <c r="H571" s="306"/>
      <c r="I571" s="316" t="s">
        <v>604</v>
      </c>
      <c r="J571" s="406"/>
      <c r="K571" s="407"/>
      <c r="L571" s="159"/>
      <c r="M571" s="261"/>
      <c r="N571" s="261"/>
      <c r="O571" s="261"/>
      <c r="P571" s="261"/>
      <c r="Q571" s="261"/>
      <c r="R571" s="261"/>
      <c r="S571" s="261"/>
      <c r="T571" s="261"/>
      <c r="U571" s="261"/>
      <c r="V571" s="261"/>
      <c r="W571" s="261"/>
      <c r="X571" s="261"/>
      <c r="Y571" s="261"/>
      <c r="Z571" s="261"/>
      <c r="AA571" s="261"/>
      <c r="AB571" s="261"/>
      <c r="AC571" s="261"/>
      <c r="AD571" s="261"/>
      <c r="AE571" s="261"/>
      <c r="AF571" s="261"/>
      <c r="AG571" s="261"/>
      <c r="AH571" s="261"/>
      <c r="AI571" s="261"/>
      <c r="AJ571" s="261"/>
      <c r="AK571" s="261"/>
      <c r="AL571" s="261"/>
      <c r="AM571" s="261"/>
      <c r="AN571" s="261"/>
      <c r="AO571" s="261"/>
      <c r="AP571" s="261"/>
      <c r="AQ571" s="261"/>
      <c r="AR571" s="261"/>
      <c r="AS571" s="261"/>
      <c r="AT571" s="261"/>
      <c r="AU571" s="261"/>
      <c r="AV571" s="261"/>
      <c r="AW571" s="261"/>
      <c r="AX571" s="261"/>
      <c r="AY571" s="261"/>
      <c r="AZ571" s="261"/>
      <c r="BA571" s="261"/>
      <c r="BB571" s="261"/>
      <c r="BC571" s="261"/>
      <c r="BD571" s="261"/>
      <c r="BE571" s="261"/>
      <c r="BF571" s="261"/>
      <c r="BG571" s="261"/>
      <c r="BH571" s="261"/>
      <c r="BI571" s="261"/>
      <c r="BJ571" s="261"/>
      <c r="BK571" s="261"/>
      <c r="BL571" s="261"/>
      <c r="BM571" s="261"/>
      <c r="BN571" s="261"/>
      <c r="BO571" s="261"/>
      <c r="BP571" s="261"/>
      <c r="BQ571" s="261"/>
      <c r="BR571" s="261"/>
      <c r="BS571" s="261"/>
    </row>
    <row r="572" spans="1:71" s="74" customFormat="1" ht="34.5" customHeight="1">
      <c r="A572" s="185" t="s">
        <v>605</v>
      </c>
      <c r="B572" s="96"/>
      <c r="C572" s="157"/>
      <c r="D572" s="388" t="s">
        <v>606</v>
      </c>
      <c r="E572" s="389"/>
      <c r="F572" s="389"/>
      <c r="G572" s="389"/>
      <c r="H572" s="390"/>
      <c r="I572" s="354"/>
      <c r="J572" s="406"/>
      <c r="K572" s="407"/>
      <c r="L572" s="158">
        <v>42.6</v>
      </c>
      <c r="M572" s="260">
        <v>0</v>
      </c>
      <c r="N572" s="260">
        <v>0</v>
      </c>
      <c r="O572" s="260">
        <v>0</v>
      </c>
      <c r="P572" s="260">
        <v>0</v>
      </c>
      <c r="Q572" s="260">
        <v>0</v>
      </c>
      <c r="R572" s="260"/>
      <c r="S572" s="260"/>
      <c r="T572" s="260"/>
      <c r="U572" s="260"/>
      <c r="V572" s="260"/>
      <c r="W572" s="260"/>
      <c r="X572" s="260"/>
      <c r="Y572" s="260"/>
      <c r="Z572" s="260"/>
      <c r="AA572" s="260"/>
      <c r="AB572" s="260"/>
      <c r="AC572" s="260"/>
      <c r="AD572" s="260"/>
      <c r="AE572" s="260"/>
      <c r="AF572" s="260"/>
      <c r="AG572" s="260"/>
      <c r="AH572" s="260"/>
      <c r="AI572" s="260"/>
      <c r="AJ572" s="260"/>
      <c r="AK572" s="260"/>
      <c r="AL572" s="260"/>
      <c r="AM572" s="260"/>
      <c r="AN572" s="260"/>
      <c r="AO572" s="260"/>
      <c r="AP572" s="260"/>
      <c r="AQ572" s="260"/>
      <c r="AR572" s="260"/>
      <c r="AS572" s="260"/>
      <c r="AT572" s="260"/>
      <c r="AU572" s="260"/>
      <c r="AV572" s="260"/>
      <c r="AW572" s="260"/>
      <c r="AX572" s="260"/>
      <c r="AY572" s="260"/>
      <c r="AZ572" s="260"/>
      <c r="BA572" s="260"/>
      <c r="BB572" s="260"/>
      <c r="BC572" s="260"/>
      <c r="BD572" s="260"/>
      <c r="BE572" s="260"/>
      <c r="BF572" s="260"/>
      <c r="BG572" s="260"/>
      <c r="BH572" s="260"/>
      <c r="BI572" s="260"/>
      <c r="BJ572" s="260"/>
      <c r="BK572" s="260"/>
      <c r="BL572" s="260"/>
      <c r="BM572" s="260"/>
      <c r="BN572" s="260"/>
      <c r="BO572" s="260"/>
      <c r="BP572" s="260"/>
      <c r="BQ572" s="260"/>
      <c r="BR572" s="260"/>
      <c r="BS572" s="260"/>
    </row>
    <row r="573" spans="1:71" s="74" customFormat="1" ht="34.5" customHeight="1">
      <c r="A573" s="185" t="s">
        <v>607</v>
      </c>
      <c r="B573" s="96"/>
      <c r="C573" s="157"/>
      <c r="D573" s="388" t="s">
        <v>608</v>
      </c>
      <c r="E573" s="389"/>
      <c r="F573" s="389"/>
      <c r="G573" s="389"/>
      <c r="H573" s="390"/>
      <c r="I573" s="354"/>
      <c r="J573" s="406"/>
      <c r="K573" s="407"/>
      <c r="L573" s="158">
        <v>21.4</v>
      </c>
      <c r="M573" s="260">
        <v>0</v>
      </c>
      <c r="N573" s="260">
        <v>0</v>
      </c>
      <c r="O573" s="260">
        <v>0</v>
      </c>
      <c r="P573" s="260">
        <v>0</v>
      </c>
      <c r="Q573" s="260">
        <v>0</v>
      </c>
      <c r="R573" s="260"/>
      <c r="S573" s="260"/>
      <c r="T573" s="260"/>
      <c r="U573" s="260"/>
      <c r="V573" s="260"/>
      <c r="W573" s="260"/>
      <c r="X573" s="260"/>
      <c r="Y573" s="260"/>
      <c r="Z573" s="260"/>
      <c r="AA573" s="260"/>
      <c r="AB573" s="260"/>
      <c r="AC573" s="260"/>
      <c r="AD573" s="260"/>
      <c r="AE573" s="260"/>
      <c r="AF573" s="260"/>
      <c r="AG573" s="260"/>
      <c r="AH573" s="260"/>
      <c r="AI573" s="260"/>
      <c r="AJ573" s="260"/>
      <c r="AK573" s="260"/>
      <c r="AL573" s="260"/>
      <c r="AM573" s="260"/>
      <c r="AN573" s="260"/>
      <c r="AO573" s="260"/>
      <c r="AP573" s="260"/>
      <c r="AQ573" s="260"/>
      <c r="AR573" s="260"/>
      <c r="AS573" s="260"/>
      <c r="AT573" s="260"/>
      <c r="AU573" s="260"/>
      <c r="AV573" s="260"/>
      <c r="AW573" s="260"/>
      <c r="AX573" s="260"/>
      <c r="AY573" s="260"/>
      <c r="AZ573" s="260"/>
      <c r="BA573" s="260"/>
      <c r="BB573" s="260"/>
      <c r="BC573" s="260"/>
      <c r="BD573" s="260"/>
      <c r="BE573" s="260"/>
      <c r="BF573" s="260"/>
      <c r="BG573" s="260"/>
      <c r="BH573" s="260"/>
      <c r="BI573" s="260"/>
      <c r="BJ573" s="260"/>
      <c r="BK573" s="260"/>
      <c r="BL573" s="260"/>
      <c r="BM573" s="260"/>
      <c r="BN573" s="260"/>
      <c r="BO573" s="260"/>
      <c r="BP573" s="260"/>
      <c r="BQ573" s="260"/>
      <c r="BR573" s="260"/>
      <c r="BS573" s="260"/>
    </row>
    <row r="574" spans="1:71" s="74" customFormat="1" ht="34.5" customHeight="1">
      <c r="A574" s="185" t="s">
        <v>609</v>
      </c>
      <c r="B574" s="96"/>
      <c r="C574" s="157"/>
      <c r="D574" s="388" t="s">
        <v>610</v>
      </c>
      <c r="E574" s="389"/>
      <c r="F574" s="389"/>
      <c r="G574" s="389"/>
      <c r="H574" s="390"/>
      <c r="I574" s="354"/>
      <c r="J574" s="406"/>
      <c r="K574" s="407"/>
      <c r="L574" s="158">
        <v>18.100000000000001</v>
      </c>
      <c r="M574" s="260">
        <v>0</v>
      </c>
      <c r="N574" s="260">
        <v>0</v>
      </c>
      <c r="O574" s="260">
        <v>0</v>
      </c>
      <c r="P574" s="260">
        <v>0</v>
      </c>
      <c r="Q574" s="260">
        <v>0</v>
      </c>
      <c r="R574" s="260"/>
      <c r="S574" s="260"/>
      <c r="T574" s="260"/>
      <c r="U574" s="260"/>
      <c r="V574" s="260"/>
      <c r="W574" s="260"/>
      <c r="X574" s="260"/>
      <c r="Y574" s="260"/>
      <c r="Z574" s="260"/>
      <c r="AA574" s="260"/>
      <c r="AB574" s="260"/>
      <c r="AC574" s="260"/>
      <c r="AD574" s="260"/>
      <c r="AE574" s="260"/>
      <c r="AF574" s="260"/>
      <c r="AG574" s="260"/>
      <c r="AH574" s="260"/>
      <c r="AI574" s="260"/>
      <c r="AJ574" s="260"/>
      <c r="AK574" s="260"/>
      <c r="AL574" s="260"/>
      <c r="AM574" s="260"/>
      <c r="AN574" s="260"/>
      <c r="AO574" s="260"/>
      <c r="AP574" s="260"/>
      <c r="AQ574" s="260"/>
      <c r="AR574" s="260"/>
      <c r="AS574" s="260"/>
      <c r="AT574" s="260"/>
      <c r="AU574" s="260"/>
      <c r="AV574" s="260"/>
      <c r="AW574" s="260"/>
      <c r="AX574" s="260"/>
      <c r="AY574" s="260"/>
      <c r="AZ574" s="260"/>
      <c r="BA574" s="260"/>
      <c r="BB574" s="260"/>
      <c r="BC574" s="260"/>
      <c r="BD574" s="260"/>
      <c r="BE574" s="260"/>
      <c r="BF574" s="260"/>
      <c r="BG574" s="260"/>
      <c r="BH574" s="260"/>
      <c r="BI574" s="260"/>
      <c r="BJ574" s="260"/>
      <c r="BK574" s="260"/>
      <c r="BL574" s="260"/>
      <c r="BM574" s="260"/>
      <c r="BN574" s="260"/>
      <c r="BO574" s="260"/>
      <c r="BP574" s="260"/>
      <c r="BQ574" s="260"/>
      <c r="BR574" s="260"/>
      <c r="BS574" s="260"/>
    </row>
    <row r="575" spans="1:71" s="74" customFormat="1" ht="34.5" customHeight="1">
      <c r="A575" s="185" t="s">
        <v>611</v>
      </c>
      <c r="B575" s="96"/>
      <c r="C575" s="157"/>
      <c r="D575" s="388" t="s">
        <v>612</v>
      </c>
      <c r="E575" s="389"/>
      <c r="F575" s="389"/>
      <c r="G575" s="389"/>
      <c r="H575" s="390"/>
      <c r="I575" s="354"/>
      <c r="J575" s="406"/>
      <c r="K575" s="407"/>
      <c r="L575" s="158">
        <v>8.6999999999999993</v>
      </c>
      <c r="M575" s="260">
        <v>0</v>
      </c>
      <c r="N575" s="260">
        <v>0</v>
      </c>
      <c r="O575" s="260">
        <v>0</v>
      </c>
      <c r="P575" s="260">
        <v>0</v>
      </c>
      <c r="Q575" s="260">
        <v>0</v>
      </c>
      <c r="R575" s="260"/>
      <c r="S575" s="260"/>
      <c r="T575" s="260"/>
      <c r="U575" s="260"/>
      <c r="V575" s="260"/>
      <c r="W575" s="260"/>
      <c r="X575" s="260"/>
      <c r="Y575" s="260"/>
      <c r="Z575" s="260"/>
      <c r="AA575" s="260"/>
      <c r="AB575" s="260"/>
      <c r="AC575" s="260"/>
      <c r="AD575" s="260"/>
      <c r="AE575" s="260"/>
      <c r="AF575" s="260"/>
      <c r="AG575" s="260"/>
      <c r="AH575" s="260"/>
      <c r="AI575" s="260"/>
      <c r="AJ575" s="260"/>
      <c r="AK575" s="260"/>
      <c r="AL575" s="260"/>
      <c r="AM575" s="260"/>
      <c r="AN575" s="260"/>
      <c r="AO575" s="260"/>
      <c r="AP575" s="260"/>
      <c r="AQ575" s="260"/>
      <c r="AR575" s="260"/>
      <c r="AS575" s="260"/>
      <c r="AT575" s="260"/>
      <c r="AU575" s="260"/>
      <c r="AV575" s="260"/>
      <c r="AW575" s="260"/>
      <c r="AX575" s="260"/>
      <c r="AY575" s="260"/>
      <c r="AZ575" s="260"/>
      <c r="BA575" s="260"/>
      <c r="BB575" s="260"/>
      <c r="BC575" s="260"/>
      <c r="BD575" s="260"/>
      <c r="BE575" s="260"/>
      <c r="BF575" s="260"/>
      <c r="BG575" s="260"/>
      <c r="BH575" s="260"/>
      <c r="BI575" s="260"/>
      <c r="BJ575" s="260"/>
      <c r="BK575" s="260"/>
      <c r="BL575" s="260"/>
      <c r="BM575" s="260"/>
      <c r="BN575" s="260"/>
      <c r="BO575" s="260"/>
      <c r="BP575" s="260"/>
      <c r="BQ575" s="260"/>
      <c r="BR575" s="260"/>
      <c r="BS575" s="260"/>
    </row>
    <row r="576" spans="1:71" s="74" customFormat="1" ht="34.5" customHeight="1">
      <c r="A576" s="185" t="s">
        <v>613</v>
      </c>
      <c r="B576" s="96"/>
      <c r="C576" s="157"/>
      <c r="D576" s="388" t="s">
        <v>614</v>
      </c>
      <c r="E576" s="389"/>
      <c r="F576" s="389"/>
      <c r="G576" s="389"/>
      <c r="H576" s="390"/>
      <c r="I576" s="354"/>
      <c r="J576" s="406"/>
      <c r="K576" s="407"/>
      <c r="L576" s="158">
        <v>7.9</v>
      </c>
      <c r="M576" s="260">
        <v>0</v>
      </c>
      <c r="N576" s="260">
        <v>0</v>
      </c>
      <c r="O576" s="260">
        <v>0</v>
      </c>
      <c r="P576" s="260">
        <v>0</v>
      </c>
      <c r="Q576" s="260">
        <v>0</v>
      </c>
      <c r="R576" s="260"/>
      <c r="S576" s="260"/>
      <c r="T576" s="260"/>
      <c r="U576" s="260"/>
      <c r="V576" s="260"/>
      <c r="W576" s="260"/>
      <c r="X576" s="260"/>
      <c r="Y576" s="260"/>
      <c r="Z576" s="260"/>
      <c r="AA576" s="260"/>
      <c r="AB576" s="260"/>
      <c r="AC576" s="260"/>
      <c r="AD576" s="260"/>
      <c r="AE576" s="260"/>
      <c r="AF576" s="260"/>
      <c r="AG576" s="260"/>
      <c r="AH576" s="260"/>
      <c r="AI576" s="260"/>
      <c r="AJ576" s="260"/>
      <c r="AK576" s="260"/>
      <c r="AL576" s="260"/>
      <c r="AM576" s="260"/>
      <c r="AN576" s="260"/>
      <c r="AO576" s="260"/>
      <c r="AP576" s="260"/>
      <c r="AQ576" s="260"/>
      <c r="AR576" s="260"/>
      <c r="AS576" s="260"/>
      <c r="AT576" s="260"/>
      <c r="AU576" s="260"/>
      <c r="AV576" s="260"/>
      <c r="AW576" s="260"/>
      <c r="AX576" s="260"/>
      <c r="AY576" s="260"/>
      <c r="AZ576" s="260"/>
      <c r="BA576" s="260"/>
      <c r="BB576" s="260"/>
      <c r="BC576" s="260"/>
      <c r="BD576" s="260"/>
      <c r="BE576" s="260"/>
      <c r="BF576" s="260"/>
      <c r="BG576" s="260"/>
      <c r="BH576" s="260"/>
      <c r="BI576" s="260"/>
      <c r="BJ576" s="260"/>
      <c r="BK576" s="260"/>
      <c r="BL576" s="260"/>
      <c r="BM576" s="260"/>
      <c r="BN576" s="260"/>
      <c r="BO576" s="260"/>
      <c r="BP576" s="260"/>
      <c r="BQ576" s="260"/>
      <c r="BR576" s="260"/>
      <c r="BS576" s="260"/>
    </row>
    <row r="577" spans="1:71" s="74" customFormat="1" ht="34.5" customHeight="1">
      <c r="A577" s="185" t="s">
        <v>615</v>
      </c>
      <c r="B577" s="96"/>
      <c r="C577" s="210"/>
      <c r="D577" s="388" t="s">
        <v>616</v>
      </c>
      <c r="E577" s="389"/>
      <c r="F577" s="389"/>
      <c r="G577" s="389"/>
      <c r="H577" s="390"/>
      <c r="I577" s="354"/>
      <c r="J577" s="406"/>
      <c r="K577" s="407"/>
      <c r="L577" s="158">
        <v>32.200000000000003</v>
      </c>
      <c r="M577" s="260">
        <v>0</v>
      </c>
      <c r="N577" s="260">
        <v>0</v>
      </c>
      <c r="O577" s="260">
        <v>0</v>
      </c>
      <c r="P577" s="260">
        <v>0</v>
      </c>
      <c r="Q577" s="260">
        <v>0</v>
      </c>
      <c r="R577" s="260"/>
      <c r="S577" s="260"/>
      <c r="T577" s="260"/>
      <c r="U577" s="260"/>
      <c r="V577" s="260"/>
      <c r="W577" s="260"/>
      <c r="X577" s="260"/>
      <c r="Y577" s="260"/>
      <c r="Z577" s="260"/>
      <c r="AA577" s="260"/>
      <c r="AB577" s="260"/>
      <c r="AC577" s="260"/>
      <c r="AD577" s="260"/>
      <c r="AE577" s="260"/>
      <c r="AF577" s="260"/>
      <c r="AG577" s="260"/>
      <c r="AH577" s="260"/>
      <c r="AI577" s="260"/>
      <c r="AJ577" s="260"/>
      <c r="AK577" s="260"/>
      <c r="AL577" s="260"/>
      <c r="AM577" s="260"/>
      <c r="AN577" s="260"/>
      <c r="AO577" s="260"/>
      <c r="AP577" s="260"/>
      <c r="AQ577" s="260"/>
      <c r="AR577" s="260"/>
      <c r="AS577" s="260"/>
      <c r="AT577" s="260"/>
      <c r="AU577" s="260"/>
      <c r="AV577" s="260"/>
      <c r="AW577" s="260"/>
      <c r="AX577" s="260"/>
      <c r="AY577" s="260"/>
      <c r="AZ577" s="260"/>
      <c r="BA577" s="260"/>
      <c r="BB577" s="260"/>
      <c r="BC577" s="260"/>
      <c r="BD577" s="260"/>
      <c r="BE577" s="260"/>
      <c r="BF577" s="260"/>
      <c r="BG577" s="260"/>
      <c r="BH577" s="260"/>
      <c r="BI577" s="260"/>
      <c r="BJ577" s="260"/>
      <c r="BK577" s="260"/>
      <c r="BL577" s="260"/>
      <c r="BM577" s="260"/>
      <c r="BN577" s="260"/>
      <c r="BO577" s="260"/>
      <c r="BP577" s="260"/>
      <c r="BQ577" s="260"/>
      <c r="BR577" s="260"/>
      <c r="BS577" s="260"/>
    </row>
    <row r="578" spans="1:71" s="74" customFormat="1" ht="42.75" customHeight="1">
      <c r="A578" s="178"/>
      <c r="B578" s="96"/>
      <c r="C578" s="304" t="s">
        <v>617</v>
      </c>
      <c r="D578" s="305"/>
      <c r="E578" s="305"/>
      <c r="F578" s="305"/>
      <c r="G578" s="305"/>
      <c r="H578" s="306"/>
      <c r="I578" s="354"/>
      <c r="J578" s="406"/>
      <c r="K578" s="407"/>
      <c r="L578" s="159"/>
      <c r="M578" s="261"/>
      <c r="N578" s="261"/>
      <c r="O578" s="261"/>
      <c r="P578" s="261"/>
      <c r="Q578" s="261"/>
      <c r="R578" s="261"/>
      <c r="S578" s="261"/>
      <c r="T578" s="261"/>
      <c r="U578" s="261"/>
      <c r="V578" s="261"/>
      <c r="W578" s="261"/>
      <c r="X578" s="261"/>
      <c r="Y578" s="261"/>
      <c r="Z578" s="261"/>
      <c r="AA578" s="261"/>
      <c r="AB578" s="261"/>
      <c r="AC578" s="261"/>
      <c r="AD578" s="261"/>
      <c r="AE578" s="261"/>
      <c r="AF578" s="261"/>
      <c r="AG578" s="261"/>
      <c r="AH578" s="261"/>
      <c r="AI578" s="261"/>
      <c r="AJ578" s="261"/>
      <c r="AK578" s="261"/>
      <c r="AL578" s="261"/>
      <c r="AM578" s="261"/>
      <c r="AN578" s="261"/>
      <c r="AO578" s="261"/>
      <c r="AP578" s="261"/>
      <c r="AQ578" s="261"/>
      <c r="AR578" s="261"/>
      <c r="AS578" s="261"/>
      <c r="AT578" s="261"/>
      <c r="AU578" s="261"/>
      <c r="AV578" s="261"/>
      <c r="AW578" s="261"/>
      <c r="AX578" s="261"/>
      <c r="AY578" s="261"/>
      <c r="AZ578" s="261"/>
      <c r="BA578" s="261"/>
      <c r="BB578" s="261"/>
      <c r="BC578" s="261"/>
      <c r="BD578" s="261"/>
      <c r="BE578" s="261"/>
      <c r="BF578" s="261"/>
      <c r="BG578" s="261"/>
      <c r="BH578" s="261"/>
      <c r="BI578" s="261"/>
      <c r="BJ578" s="261"/>
      <c r="BK578" s="261"/>
      <c r="BL578" s="261"/>
      <c r="BM578" s="261"/>
      <c r="BN578" s="261"/>
      <c r="BO578" s="261"/>
      <c r="BP578" s="261"/>
      <c r="BQ578" s="261"/>
      <c r="BR578" s="261"/>
      <c r="BS578" s="261"/>
    </row>
    <row r="579" spans="1:71" s="74" customFormat="1" ht="34.5" customHeight="1">
      <c r="A579" s="185" t="s">
        <v>618</v>
      </c>
      <c r="B579" s="96"/>
      <c r="C579" s="157"/>
      <c r="D579" s="388" t="s">
        <v>606</v>
      </c>
      <c r="E579" s="389"/>
      <c r="F579" s="389"/>
      <c r="G579" s="389"/>
      <c r="H579" s="390"/>
      <c r="I579" s="354"/>
      <c r="J579" s="406"/>
      <c r="K579" s="407"/>
      <c r="L579" s="158">
        <v>0</v>
      </c>
      <c r="M579" s="260">
        <v>0</v>
      </c>
      <c r="N579" s="260">
        <v>23.1</v>
      </c>
      <c r="O579" s="260">
        <v>0</v>
      </c>
      <c r="P579" s="260">
        <v>0</v>
      </c>
      <c r="Q579" s="260">
        <v>0</v>
      </c>
      <c r="R579" s="260"/>
      <c r="S579" s="260"/>
      <c r="T579" s="260"/>
      <c r="U579" s="260"/>
      <c r="V579" s="260"/>
      <c r="W579" s="260"/>
      <c r="X579" s="260"/>
      <c r="Y579" s="260"/>
      <c r="Z579" s="260"/>
      <c r="AA579" s="260"/>
      <c r="AB579" s="260"/>
      <c r="AC579" s="260"/>
      <c r="AD579" s="260"/>
      <c r="AE579" s="260"/>
      <c r="AF579" s="260"/>
      <c r="AG579" s="260"/>
      <c r="AH579" s="260"/>
      <c r="AI579" s="260"/>
      <c r="AJ579" s="260"/>
      <c r="AK579" s="260"/>
      <c r="AL579" s="260"/>
      <c r="AM579" s="260"/>
      <c r="AN579" s="260"/>
      <c r="AO579" s="260"/>
      <c r="AP579" s="260"/>
      <c r="AQ579" s="260"/>
      <c r="AR579" s="260"/>
      <c r="AS579" s="260"/>
      <c r="AT579" s="260"/>
      <c r="AU579" s="260"/>
      <c r="AV579" s="260"/>
      <c r="AW579" s="260"/>
      <c r="AX579" s="260"/>
      <c r="AY579" s="260"/>
      <c r="AZ579" s="260"/>
      <c r="BA579" s="260"/>
      <c r="BB579" s="260"/>
      <c r="BC579" s="260"/>
      <c r="BD579" s="260"/>
      <c r="BE579" s="260"/>
      <c r="BF579" s="260"/>
      <c r="BG579" s="260"/>
      <c r="BH579" s="260"/>
      <c r="BI579" s="260"/>
      <c r="BJ579" s="260"/>
      <c r="BK579" s="260"/>
      <c r="BL579" s="260"/>
      <c r="BM579" s="260"/>
      <c r="BN579" s="260"/>
      <c r="BO579" s="260"/>
      <c r="BP579" s="260"/>
      <c r="BQ579" s="260"/>
      <c r="BR579" s="260"/>
      <c r="BS579" s="260"/>
    </row>
    <row r="580" spans="1:71" s="74" customFormat="1" ht="34.5" customHeight="1">
      <c r="A580" s="185" t="s">
        <v>619</v>
      </c>
      <c r="B580" s="96"/>
      <c r="C580" s="157"/>
      <c r="D580" s="388" t="s">
        <v>608</v>
      </c>
      <c r="E580" s="389"/>
      <c r="F580" s="389"/>
      <c r="G580" s="389"/>
      <c r="H580" s="390"/>
      <c r="I580" s="354"/>
      <c r="J580" s="406"/>
      <c r="K580" s="407"/>
      <c r="L580" s="158">
        <v>0</v>
      </c>
      <c r="M580" s="260">
        <v>0</v>
      </c>
      <c r="N580" s="260">
        <v>4</v>
      </c>
      <c r="O580" s="260">
        <v>0</v>
      </c>
      <c r="P580" s="260">
        <v>0</v>
      </c>
      <c r="Q580" s="260">
        <v>0</v>
      </c>
      <c r="R580" s="260"/>
      <c r="S580" s="260"/>
      <c r="T580" s="260"/>
      <c r="U580" s="260"/>
      <c r="V580" s="260"/>
      <c r="W580" s="260"/>
      <c r="X580" s="260"/>
      <c r="Y580" s="260"/>
      <c r="Z580" s="260"/>
      <c r="AA580" s="260"/>
      <c r="AB580" s="260"/>
      <c r="AC580" s="260"/>
      <c r="AD580" s="260"/>
      <c r="AE580" s="260"/>
      <c r="AF580" s="260"/>
      <c r="AG580" s="260"/>
      <c r="AH580" s="260"/>
      <c r="AI580" s="260"/>
      <c r="AJ580" s="260"/>
      <c r="AK580" s="260"/>
      <c r="AL580" s="260"/>
      <c r="AM580" s="260"/>
      <c r="AN580" s="260"/>
      <c r="AO580" s="260"/>
      <c r="AP580" s="260"/>
      <c r="AQ580" s="260"/>
      <c r="AR580" s="260"/>
      <c r="AS580" s="260"/>
      <c r="AT580" s="260"/>
      <c r="AU580" s="260"/>
      <c r="AV580" s="260"/>
      <c r="AW580" s="260"/>
      <c r="AX580" s="260"/>
      <c r="AY580" s="260"/>
      <c r="AZ580" s="260"/>
      <c r="BA580" s="260"/>
      <c r="BB580" s="260"/>
      <c r="BC580" s="260"/>
      <c r="BD580" s="260"/>
      <c r="BE580" s="260"/>
      <c r="BF580" s="260"/>
      <c r="BG580" s="260"/>
      <c r="BH580" s="260"/>
      <c r="BI580" s="260"/>
      <c r="BJ580" s="260"/>
      <c r="BK580" s="260"/>
      <c r="BL580" s="260"/>
      <c r="BM580" s="260"/>
      <c r="BN580" s="260"/>
      <c r="BO580" s="260"/>
      <c r="BP580" s="260"/>
      <c r="BQ580" s="260"/>
      <c r="BR580" s="260"/>
      <c r="BS580" s="260"/>
    </row>
    <row r="581" spans="1:71" s="74" customFormat="1" ht="34.5" customHeight="1">
      <c r="A581" s="185" t="s">
        <v>620</v>
      </c>
      <c r="B581" s="96"/>
      <c r="C581" s="157"/>
      <c r="D581" s="388" t="s">
        <v>610</v>
      </c>
      <c r="E581" s="389"/>
      <c r="F581" s="389"/>
      <c r="G581" s="389"/>
      <c r="H581" s="390"/>
      <c r="I581" s="354"/>
      <c r="J581" s="406"/>
      <c r="K581" s="407"/>
      <c r="L581" s="158">
        <v>0</v>
      </c>
      <c r="M581" s="260">
        <v>0</v>
      </c>
      <c r="N581" s="260">
        <v>0.1</v>
      </c>
      <c r="O581" s="260">
        <v>0</v>
      </c>
      <c r="P581" s="260">
        <v>0</v>
      </c>
      <c r="Q581" s="260">
        <v>0</v>
      </c>
      <c r="R581" s="260"/>
      <c r="S581" s="260"/>
      <c r="T581" s="260"/>
      <c r="U581" s="260"/>
      <c r="V581" s="260"/>
      <c r="W581" s="260"/>
      <c r="X581" s="260"/>
      <c r="Y581" s="260"/>
      <c r="Z581" s="260"/>
      <c r="AA581" s="260"/>
      <c r="AB581" s="260"/>
      <c r="AC581" s="260"/>
      <c r="AD581" s="260"/>
      <c r="AE581" s="260"/>
      <c r="AF581" s="260"/>
      <c r="AG581" s="260"/>
      <c r="AH581" s="260"/>
      <c r="AI581" s="260"/>
      <c r="AJ581" s="260"/>
      <c r="AK581" s="260"/>
      <c r="AL581" s="260"/>
      <c r="AM581" s="260"/>
      <c r="AN581" s="260"/>
      <c r="AO581" s="260"/>
      <c r="AP581" s="260"/>
      <c r="AQ581" s="260"/>
      <c r="AR581" s="260"/>
      <c r="AS581" s="260"/>
      <c r="AT581" s="260"/>
      <c r="AU581" s="260"/>
      <c r="AV581" s="260"/>
      <c r="AW581" s="260"/>
      <c r="AX581" s="260"/>
      <c r="AY581" s="260"/>
      <c r="AZ581" s="260"/>
      <c r="BA581" s="260"/>
      <c r="BB581" s="260"/>
      <c r="BC581" s="260"/>
      <c r="BD581" s="260"/>
      <c r="BE581" s="260"/>
      <c r="BF581" s="260"/>
      <c r="BG581" s="260"/>
      <c r="BH581" s="260"/>
      <c r="BI581" s="260"/>
      <c r="BJ581" s="260"/>
      <c r="BK581" s="260"/>
      <c r="BL581" s="260"/>
      <c r="BM581" s="260"/>
      <c r="BN581" s="260"/>
      <c r="BO581" s="260"/>
      <c r="BP581" s="260"/>
      <c r="BQ581" s="260"/>
      <c r="BR581" s="260"/>
      <c r="BS581" s="260"/>
    </row>
    <row r="582" spans="1:71" s="74" customFormat="1" ht="34.5" customHeight="1">
      <c r="A582" s="185" t="s">
        <v>621</v>
      </c>
      <c r="B582" s="96"/>
      <c r="C582" s="157"/>
      <c r="D582" s="388" t="s">
        <v>612</v>
      </c>
      <c r="E582" s="389"/>
      <c r="F582" s="389"/>
      <c r="G582" s="389"/>
      <c r="H582" s="390"/>
      <c r="I582" s="354"/>
      <c r="J582" s="406"/>
      <c r="K582" s="407"/>
      <c r="L582" s="158">
        <v>0</v>
      </c>
      <c r="M582" s="260">
        <v>0</v>
      </c>
      <c r="N582" s="260">
        <v>0.9</v>
      </c>
      <c r="O582" s="260">
        <v>0</v>
      </c>
      <c r="P582" s="260">
        <v>0</v>
      </c>
      <c r="Q582" s="260">
        <v>0</v>
      </c>
      <c r="R582" s="260"/>
      <c r="S582" s="260"/>
      <c r="T582" s="260"/>
      <c r="U582" s="260"/>
      <c r="V582" s="260"/>
      <c r="W582" s="260"/>
      <c r="X582" s="260"/>
      <c r="Y582" s="260"/>
      <c r="Z582" s="260"/>
      <c r="AA582" s="260"/>
      <c r="AB582" s="260"/>
      <c r="AC582" s="260"/>
      <c r="AD582" s="260"/>
      <c r="AE582" s="260"/>
      <c r="AF582" s="260"/>
      <c r="AG582" s="260"/>
      <c r="AH582" s="260"/>
      <c r="AI582" s="260"/>
      <c r="AJ582" s="260"/>
      <c r="AK582" s="260"/>
      <c r="AL582" s="260"/>
      <c r="AM582" s="260"/>
      <c r="AN582" s="260"/>
      <c r="AO582" s="260"/>
      <c r="AP582" s="260"/>
      <c r="AQ582" s="260"/>
      <c r="AR582" s="260"/>
      <c r="AS582" s="260"/>
      <c r="AT582" s="260"/>
      <c r="AU582" s="260"/>
      <c r="AV582" s="260"/>
      <c r="AW582" s="260"/>
      <c r="AX582" s="260"/>
      <c r="AY582" s="260"/>
      <c r="AZ582" s="260"/>
      <c r="BA582" s="260"/>
      <c r="BB582" s="260"/>
      <c r="BC582" s="260"/>
      <c r="BD582" s="260"/>
      <c r="BE582" s="260"/>
      <c r="BF582" s="260"/>
      <c r="BG582" s="260"/>
      <c r="BH582" s="260"/>
      <c r="BI582" s="260"/>
      <c r="BJ582" s="260"/>
      <c r="BK582" s="260"/>
      <c r="BL582" s="260"/>
      <c r="BM582" s="260"/>
      <c r="BN582" s="260"/>
      <c r="BO582" s="260"/>
      <c r="BP582" s="260"/>
      <c r="BQ582" s="260"/>
      <c r="BR582" s="260"/>
      <c r="BS582" s="260"/>
    </row>
    <row r="583" spans="1:71" s="74" customFormat="1" ht="34.5" customHeight="1">
      <c r="A583" s="185" t="s">
        <v>622</v>
      </c>
      <c r="B583" s="96"/>
      <c r="C583" s="157"/>
      <c r="D583" s="388" t="s">
        <v>614</v>
      </c>
      <c r="E583" s="389"/>
      <c r="F583" s="389"/>
      <c r="G583" s="389"/>
      <c r="H583" s="390"/>
      <c r="I583" s="354"/>
      <c r="J583" s="406"/>
      <c r="K583" s="407"/>
      <c r="L583" s="158">
        <v>0</v>
      </c>
      <c r="M583" s="260">
        <v>0</v>
      </c>
      <c r="N583" s="260">
        <v>0.1</v>
      </c>
      <c r="O583" s="260">
        <v>0</v>
      </c>
      <c r="P583" s="260">
        <v>0</v>
      </c>
      <c r="Q583" s="260">
        <v>0</v>
      </c>
      <c r="R583" s="260"/>
      <c r="S583" s="260"/>
      <c r="T583" s="260"/>
      <c r="U583" s="260"/>
      <c r="V583" s="260"/>
      <c r="W583" s="260"/>
      <c r="X583" s="260"/>
      <c r="Y583" s="260"/>
      <c r="Z583" s="260"/>
      <c r="AA583" s="260"/>
      <c r="AB583" s="260"/>
      <c r="AC583" s="260"/>
      <c r="AD583" s="260"/>
      <c r="AE583" s="260"/>
      <c r="AF583" s="260"/>
      <c r="AG583" s="260"/>
      <c r="AH583" s="260"/>
      <c r="AI583" s="260"/>
      <c r="AJ583" s="260"/>
      <c r="AK583" s="260"/>
      <c r="AL583" s="260"/>
      <c r="AM583" s="260"/>
      <c r="AN583" s="260"/>
      <c r="AO583" s="260"/>
      <c r="AP583" s="260"/>
      <c r="AQ583" s="260"/>
      <c r="AR583" s="260"/>
      <c r="AS583" s="260"/>
      <c r="AT583" s="260"/>
      <c r="AU583" s="260"/>
      <c r="AV583" s="260"/>
      <c r="AW583" s="260"/>
      <c r="AX583" s="260"/>
      <c r="AY583" s="260"/>
      <c r="AZ583" s="260"/>
      <c r="BA583" s="260"/>
      <c r="BB583" s="260"/>
      <c r="BC583" s="260"/>
      <c r="BD583" s="260"/>
      <c r="BE583" s="260"/>
      <c r="BF583" s="260"/>
      <c r="BG583" s="260"/>
      <c r="BH583" s="260"/>
      <c r="BI583" s="260"/>
      <c r="BJ583" s="260"/>
      <c r="BK583" s="260"/>
      <c r="BL583" s="260"/>
      <c r="BM583" s="260"/>
      <c r="BN583" s="260"/>
      <c r="BO583" s="260"/>
      <c r="BP583" s="260"/>
      <c r="BQ583" s="260"/>
      <c r="BR583" s="260"/>
      <c r="BS583" s="260"/>
    </row>
    <row r="584" spans="1:71" s="74" customFormat="1" ht="34.5" customHeight="1">
      <c r="A584" s="185" t="s">
        <v>623</v>
      </c>
      <c r="B584" s="96"/>
      <c r="C584" s="157"/>
      <c r="D584" s="388" t="s">
        <v>616</v>
      </c>
      <c r="E584" s="389"/>
      <c r="F584" s="389"/>
      <c r="G584" s="389"/>
      <c r="H584" s="390"/>
      <c r="I584" s="354"/>
      <c r="J584" s="406"/>
      <c r="K584" s="407"/>
      <c r="L584" s="158">
        <v>0</v>
      </c>
      <c r="M584" s="260">
        <v>0</v>
      </c>
      <c r="N584" s="260">
        <v>2.9</v>
      </c>
      <c r="O584" s="260">
        <v>0</v>
      </c>
      <c r="P584" s="260">
        <v>0</v>
      </c>
      <c r="Q584" s="260">
        <v>0</v>
      </c>
      <c r="R584" s="260"/>
      <c r="S584" s="260"/>
      <c r="T584" s="260"/>
      <c r="U584" s="260"/>
      <c r="V584" s="260"/>
      <c r="W584" s="260"/>
      <c r="X584" s="260"/>
      <c r="Y584" s="260"/>
      <c r="Z584" s="260"/>
      <c r="AA584" s="260"/>
      <c r="AB584" s="260"/>
      <c r="AC584" s="260"/>
      <c r="AD584" s="260"/>
      <c r="AE584" s="260"/>
      <c r="AF584" s="260"/>
      <c r="AG584" s="260"/>
      <c r="AH584" s="260"/>
      <c r="AI584" s="260"/>
      <c r="AJ584" s="260"/>
      <c r="AK584" s="260"/>
      <c r="AL584" s="260"/>
      <c r="AM584" s="260"/>
      <c r="AN584" s="260"/>
      <c r="AO584" s="260"/>
      <c r="AP584" s="260"/>
      <c r="AQ584" s="260"/>
      <c r="AR584" s="260"/>
      <c r="AS584" s="260"/>
      <c r="AT584" s="260"/>
      <c r="AU584" s="260"/>
      <c r="AV584" s="260"/>
      <c r="AW584" s="260"/>
      <c r="AX584" s="260"/>
      <c r="AY584" s="260"/>
      <c r="AZ584" s="260"/>
      <c r="BA584" s="260"/>
      <c r="BB584" s="260"/>
      <c r="BC584" s="260"/>
      <c r="BD584" s="260"/>
      <c r="BE584" s="260"/>
      <c r="BF584" s="260"/>
      <c r="BG584" s="260"/>
      <c r="BH584" s="260"/>
      <c r="BI584" s="260"/>
      <c r="BJ584" s="260"/>
      <c r="BK584" s="260"/>
      <c r="BL584" s="260"/>
      <c r="BM584" s="260"/>
      <c r="BN584" s="260"/>
      <c r="BO584" s="260"/>
      <c r="BP584" s="260"/>
      <c r="BQ584" s="260"/>
      <c r="BR584" s="260"/>
      <c r="BS584" s="260"/>
    </row>
    <row r="585" spans="1:71" s="74" customFormat="1" ht="42.75" customHeight="1">
      <c r="A585" s="178"/>
      <c r="B585" s="96"/>
      <c r="C585" s="304" t="s">
        <v>624</v>
      </c>
      <c r="D585" s="305"/>
      <c r="E585" s="305"/>
      <c r="F585" s="305"/>
      <c r="G585" s="305"/>
      <c r="H585" s="306"/>
      <c r="I585" s="354"/>
      <c r="J585" s="406"/>
      <c r="K585" s="407"/>
      <c r="L585" s="159"/>
      <c r="M585" s="261"/>
      <c r="N585" s="261"/>
      <c r="O585" s="261"/>
      <c r="P585" s="261"/>
      <c r="Q585" s="261"/>
      <c r="R585" s="261"/>
      <c r="S585" s="261"/>
      <c r="T585" s="261"/>
      <c r="U585" s="261"/>
      <c r="V585" s="261"/>
      <c r="W585" s="261"/>
      <c r="X585" s="261"/>
      <c r="Y585" s="261"/>
      <c r="Z585" s="261"/>
      <c r="AA585" s="261"/>
      <c r="AB585" s="261"/>
      <c r="AC585" s="261"/>
      <c r="AD585" s="261"/>
      <c r="AE585" s="261"/>
      <c r="AF585" s="261"/>
      <c r="AG585" s="261"/>
      <c r="AH585" s="261"/>
      <c r="AI585" s="261"/>
      <c r="AJ585" s="261"/>
      <c r="AK585" s="261"/>
      <c r="AL585" s="261"/>
      <c r="AM585" s="261"/>
      <c r="AN585" s="261"/>
      <c r="AO585" s="261"/>
      <c r="AP585" s="261"/>
      <c r="AQ585" s="261"/>
      <c r="AR585" s="261"/>
      <c r="AS585" s="261"/>
      <c r="AT585" s="261"/>
      <c r="AU585" s="261"/>
      <c r="AV585" s="261"/>
      <c r="AW585" s="261"/>
      <c r="AX585" s="261"/>
      <c r="AY585" s="261"/>
      <c r="AZ585" s="261"/>
      <c r="BA585" s="261"/>
      <c r="BB585" s="261"/>
      <c r="BC585" s="261"/>
      <c r="BD585" s="261"/>
      <c r="BE585" s="261"/>
      <c r="BF585" s="261"/>
      <c r="BG585" s="261"/>
      <c r="BH585" s="261"/>
      <c r="BI585" s="261"/>
      <c r="BJ585" s="261"/>
      <c r="BK585" s="261"/>
      <c r="BL585" s="261"/>
      <c r="BM585" s="261"/>
      <c r="BN585" s="261"/>
      <c r="BO585" s="261"/>
      <c r="BP585" s="261"/>
      <c r="BQ585" s="261"/>
      <c r="BR585" s="261"/>
      <c r="BS585" s="261"/>
    </row>
    <row r="586" spans="1:71" s="74" customFormat="1" ht="34.5" customHeight="1">
      <c r="A586" s="185" t="s">
        <v>625</v>
      </c>
      <c r="B586" s="96"/>
      <c r="C586" s="157"/>
      <c r="D586" s="388" t="s">
        <v>606</v>
      </c>
      <c r="E586" s="389"/>
      <c r="F586" s="389"/>
      <c r="G586" s="389"/>
      <c r="H586" s="390"/>
      <c r="I586" s="354"/>
      <c r="J586" s="406"/>
      <c r="K586" s="407"/>
      <c r="L586" s="158">
        <v>0</v>
      </c>
      <c r="M586" s="260">
        <v>0</v>
      </c>
      <c r="N586" s="260">
        <v>0</v>
      </c>
      <c r="O586" s="260">
        <v>0</v>
      </c>
      <c r="P586" s="260">
        <v>0</v>
      </c>
      <c r="Q586" s="260">
        <v>0</v>
      </c>
      <c r="R586" s="260"/>
      <c r="S586" s="260"/>
      <c r="T586" s="260"/>
      <c r="U586" s="260"/>
      <c r="V586" s="260"/>
      <c r="W586" s="260"/>
      <c r="X586" s="260"/>
      <c r="Y586" s="260"/>
      <c r="Z586" s="260"/>
      <c r="AA586" s="260"/>
      <c r="AB586" s="260"/>
      <c r="AC586" s="260"/>
      <c r="AD586" s="260"/>
      <c r="AE586" s="260"/>
      <c r="AF586" s="260"/>
      <c r="AG586" s="260"/>
      <c r="AH586" s="260"/>
      <c r="AI586" s="260"/>
      <c r="AJ586" s="260"/>
      <c r="AK586" s="260"/>
      <c r="AL586" s="260"/>
      <c r="AM586" s="260"/>
      <c r="AN586" s="260"/>
      <c r="AO586" s="260"/>
      <c r="AP586" s="260"/>
      <c r="AQ586" s="260"/>
      <c r="AR586" s="260"/>
      <c r="AS586" s="260"/>
      <c r="AT586" s="260"/>
      <c r="AU586" s="260"/>
      <c r="AV586" s="260"/>
      <c r="AW586" s="260"/>
      <c r="AX586" s="260"/>
      <c r="AY586" s="260"/>
      <c r="AZ586" s="260"/>
      <c r="BA586" s="260"/>
      <c r="BB586" s="260"/>
      <c r="BC586" s="260"/>
      <c r="BD586" s="260"/>
      <c r="BE586" s="260"/>
      <c r="BF586" s="260"/>
      <c r="BG586" s="260"/>
      <c r="BH586" s="260"/>
      <c r="BI586" s="260"/>
      <c r="BJ586" s="260"/>
      <c r="BK586" s="260"/>
      <c r="BL586" s="260"/>
      <c r="BM586" s="260"/>
      <c r="BN586" s="260"/>
      <c r="BO586" s="260"/>
      <c r="BP586" s="260"/>
      <c r="BQ586" s="260"/>
      <c r="BR586" s="260"/>
      <c r="BS586" s="260"/>
    </row>
    <row r="587" spans="1:71" s="74" customFormat="1" ht="34.5" customHeight="1">
      <c r="A587" s="185" t="s">
        <v>626</v>
      </c>
      <c r="B587" s="96"/>
      <c r="C587" s="157"/>
      <c r="D587" s="388" t="s">
        <v>608</v>
      </c>
      <c r="E587" s="389"/>
      <c r="F587" s="389"/>
      <c r="G587" s="389"/>
      <c r="H587" s="390"/>
      <c r="I587" s="354"/>
      <c r="J587" s="406"/>
      <c r="K587" s="407"/>
      <c r="L587" s="158">
        <v>0</v>
      </c>
      <c r="M587" s="260">
        <v>0</v>
      </c>
      <c r="N587" s="260">
        <v>0</v>
      </c>
      <c r="O587" s="260">
        <v>0</v>
      </c>
      <c r="P587" s="260">
        <v>0</v>
      </c>
      <c r="Q587" s="260">
        <v>0</v>
      </c>
      <c r="R587" s="260"/>
      <c r="S587" s="260"/>
      <c r="T587" s="260"/>
      <c r="U587" s="260"/>
      <c r="V587" s="260"/>
      <c r="W587" s="260"/>
      <c r="X587" s="260"/>
      <c r="Y587" s="260"/>
      <c r="Z587" s="260"/>
      <c r="AA587" s="260"/>
      <c r="AB587" s="260"/>
      <c r="AC587" s="260"/>
      <c r="AD587" s="260"/>
      <c r="AE587" s="260"/>
      <c r="AF587" s="260"/>
      <c r="AG587" s="260"/>
      <c r="AH587" s="260"/>
      <c r="AI587" s="260"/>
      <c r="AJ587" s="260"/>
      <c r="AK587" s="260"/>
      <c r="AL587" s="260"/>
      <c r="AM587" s="260"/>
      <c r="AN587" s="260"/>
      <c r="AO587" s="260"/>
      <c r="AP587" s="260"/>
      <c r="AQ587" s="260"/>
      <c r="AR587" s="260"/>
      <c r="AS587" s="260"/>
      <c r="AT587" s="260"/>
      <c r="AU587" s="260"/>
      <c r="AV587" s="260"/>
      <c r="AW587" s="260"/>
      <c r="AX587" s="260"/>
      <c r="AY587" s="260"/>
      <c r="AZ587" s="260"/>
      <c r="BA587" s="260"/>
      <c r="BB587" s="260"/>
      <c r="BC587" s="260"/>
      <c r="BD587" s="260"/>
      <c r="BE587" s="260"/>
      <c r="BF587" s="260"/>
      <c r="BG587" s="260"/>
      <c r="BH587" s="260"/>
      <c r="BI587" s="260"/>
      <c r="BJ587" s="260"/>
      <c r="BK587" s="260"/>
      <c r="BL587" s="260"/>
      <c r="BM587" s="260"/>
      <c r="BN587" s="260"/>
      <c r="BO587" s="260"/>
      <c r="BP587" s="260"/>
      <c r="BQ587" s="260"/>
      <c r="BR587" s="260"/>
      <c r="BS587" s="260"/>
    </row>
    <row r="588" spans="1:71" s="74" customFormat="1" ht="34.5" customHeight="1">
      <c r="A588" s="185" t="s">
        <v>627</v>
      </c>
      <c r="B588" s="96"/>
      <c r="C588" s="157"/>
      <c r="D588" s="388" t="s">
        <v>610</v>
      </c>
      <c r="E588" s="389"/>
      <c r="F588" s="389"/>
      <c r="G588" s="389"/>
      <c r="H588" s="390"/>
      <c r="I588" s="354"/>
      <c r="J588" s="406"/>
      <c r="K588" s="407"/>
      <c r="L588" s="158">
        <v>0</v>
      </c>
      <c r="M588" s="260">
        <v>0</v>
      </c>
      <c r="N588" s="260">
        <v>0</v>
      </c>
      <c r="O588" s="260">
        <v>0</v>
      </c>
      <c r="P588" s="260">
        <v>0</v>
      </c>
      <c r="Q588" s="260">
        <v>0</v>
      </c>
      <c r="R588" s="260"/>
      <c r="S588" s="260"/>
      <c r="T588" s="260"/>
      <c r="U588" s="260"/>
      <c r="V588" s="260"/>
      <c r="W588" s="260"/>
      <c r="X588" s="260"/>
      <c r="Y588" s="260"/>
      <c r="Z588" s="260"/>
      <c r="AA588" s="260"/>
      <c r="AB588" s="260"/>
      <c r="AC588" s="260"/>
      <c r="AD588" s="260"/>
      <c r="AE588" s="260"/>
      <c r="AF588" s="260"/>
      <c r="AG588" s="260"/>
      <c r="AH588" s="260"/>
      <c r="AI588" s="260"/>
      <c r="AJ588" s="260"/>
      <c r="AK588" s="260"/>
      <c r="AL588" s="260"/>
      <c r="AM588" s="260"/>
      <c r="AN588" s="260"/>
      <c r="AO588" s="260"/>
      <c r="AP588" s="260"/>
      <c r="AQ588" s="260"/>
      <c r="AR588" s="260"/>
      <c r="AS588" s="260"/>
      <c r="AT588" s="260"/>
      <c r="AU588" s="260"/>
      <c r="AV588" s="260"/>
      <c r="AW588" s="260"/>
      <c r="AX588" s="260"/>
      <c r="AY588" s="260"/>
      <c r="AZ588" s="260"/>
      <c r="BA588" s="260"/>
      <c r="BB588" s="260"/>
      <c r="BC588" s="260"/>
      <c r="BD588" s="260"/>
      <c r="BE588" s="260"/>
      <c r="BF588" s="260"/>
      <c r="BG588" s="260"/>
      <c r="BH588" s="260"/>
      <c r="BI588" s="260"/>
      <c r="BJ588" s="260"/>
      <c r="BK588" s="260"/>
      <c r="BL588" s="260"/>
      <c r="BM588" s="260"/>
      <c r="BN588" s="260"/>
      <c r="BO588" s="260"/>
      <c r="BP588" s="260"/>
      <c r="BQ588" s="260"/>
      <c r="BR588" s="260"/>
      <c r="BS588" s="260"/>
    </row>
    <row r="589" spans="1:71" s="74" customFormat="1" ht="34.5" customHeight="1">
      <c r="A589" s="185" t="s">
        <v>628</v>
      </c>
      <c r="B589" s="96"/>
      <c r="C589" s="157"/>
      <c r="D589" s="388" t="s">
        <v>612</v>
      </c>
      <c r="E589" s="389"/>
      <c r="F589" s="389"/>
      <c r="G589" s="389"/>
      <c r="H589" s="390"/>
      <c r="I589" s="354"/>
      <c r="J589" s="406"/>
      <c r="K589" s="407"/>
      <c r="L589" s="158">
        <v>0</v>
      </c>
      <c r="M589" s="260">
        <v>0</v>
      </c>
      <c r="N589" s="260">
        <v>0</v>
      </c>
      <c r="O589" s="260">
        <v>0</v>
      </c>
      <c r="P589" s="260">
        <v>0</v>
      </c>
      <c r="Q589" s="260">
        <v>0</v>
      </c>
      <c r="R589" s="260"/>
      <c r="S589" s="260"/>
      <c r="T589" s="260"/>
      <c r="U589" s="260"/>
      <c r="V589" s="260"/>
      <c r="W589" s="260"/>
      <c r="X589" s="260"/>
      <c r="Y589" s="260"/>
      <c r="Z589" s="260"/>
      <c r="AA589" s="260"/>
      <c r="AB589" s="260"/>
      <c r="AC589" s="260"/>
      <c r="AD589" s="260"/>
      <c r="AE589" s="260"/>
      <c r="AF589" s="260"/>
      <c r="AG589" s="260"/>
      <c r="AH589" s="260"/>
      <c r="AI589" s="260"/>
      <c r="AJ589" s="260"/>
      <c r="AK589" s="260"/>
      <c r="AL589" s="260"/>
      <c r="AM589" s="260"/>
      <c r="AN589" s="260"/>
      <c r="AO589" s="260"/>
      <c r="AP589" s="260"/>
      <c r="AQ589" s="260"/>
      <c r="AR589" s="260"/>
      <c r="AS589" s="260"/>
      <c r="AT589" s="260"/>
      <c r="AU589" s="260"/>
      <c r="AV589" s="260"/>
      <c r="AW589" s="260"/>
      <c r="AX589" s="260"/>
      <c r="AY589" s="260"/>
      <c r="AZ589" s="260"/>
      <c r="BA589" s="260"/>
      <c r="BB589" s="260"/>
      <c r="BC589" s="260"/>
      <c r="BD589" s="260"/>
      <c r="BE589" s="260"/>
      <c r="BF589" s="260"/>
      <c r="BG589" s="260"/>
      <c r="BH589" s="260"/>
      <c r="BI589" s="260"/>
      <c r="BJ589" s="260"/>
      <c r="BK589" s="260"/>
      <c r="BL589" s="260"/>
      <c r="BM589" s="260"/>
      <c r="BN589" s="260"/>
      <c r="BO589" s="260"/>
      <c r="BP589" s="260"/>
      <c r="BQ589" s="260"/>
      <c r="BR589" s="260"/>
      <c r="BS589" s="260"/>
    </row>
    <row r="590" spans="1:71" s="74" customFormat="1" ht="34.5" customHeight="1">
      <c r="A590" s="185" t="s">
        <v>629</v>
      </c>
      <c r="B590" s="96"/>
      <c r="C590" s="157"/>
      <c r="D590" s="388" t="s">
        <v>614</v>
      </c>
      <c r="E590" s="389"/>
      <c r="F590" s="389"/>
      <c r="G590" s="389"/>
      <c r="H590" s="390"/>
      <c r="I590" s="354"/>
      <c r="J590" s="406"/>
      <c r="K590" s="407"/>
      <c r="L590" s="158">
        <v>0</v>
      </c>
      <c r="M590" s="260">
        <v>0</v>
      </c>
      <c r="N590" s="260">
        <v>0</v>
      </c>
      <c r="O590" s="260">
        <v>0</v>
      </c>
      <c r="P590" s="260">
        <v>0</v>
      </c>
      <c r="Q590" s="260">
        <v>0</v>
      </c>
      <c r="R590" s="260"/>
      <c r="S590" s="260"/>
      <c r="T590" s="260"/>
      <c r="U590" s="260"/>
      <c r="V590" s="260"/>
      <c r="W590" s="260"/>
      <c r="X590" s="260"/>
      <c r="Y590" s="260"/>
      <c r="Z590" s="260"/>
      <c r="AA590" s="260"/>
      <c r="AB590" s="260"/>
      <c r="AC590" s="260"/>
      <c r="AD590" s="260"/>
      <c r="AE590" s="260"/>
      <c r="AF590" s="260"/>
      <c r="AG590" s="260"/>
      <c r="AH590" s="260"/>
      <c r="AI590" s="260"/>
      <c r="AJ590" s="260"/>
      <c r="AK590" s="260"/>
      <c r="AL590" s="260"/>
      <c r="AM590" s="260"/>
      <c r="AN590" s="260"/>
      <c r="AO590" s="260"/>
      <c r="AP590" s="260"/>
      <c r="AQ590" s="260"/>
      <c r="AR590" s="260"/>
      <c r="AS590" s="260"/>
      <c r="AT590" s="260"/>
      <c r="AU590" s="260"/>
      <c r="AV590" s="260"/>
      <c r="AW590" s="260"/>
      <c r="AX590" s="260"/>
      <c r="AY590" s="260"/>
      <c r="AZ590" s="260"/>
      <c r="BA590" s="260"/>
      <c r="BB590" s="260"/>
      <c r="BC590" s="260"/>
      <c r="BD590" s="260"/>
      <c r="BE590" s="260"/>
      <c r="BF590" s="260"/>
      <c r="BG590" s="260"/>
      <c r="BH590" s="260"/>
      <c r="BI590" s="260"/>
      <c r="BJ590" s="260"/>
      <c r="BK590" s="260"/>
      <c r="BL590" s="260"/>
      <c r="BM590" s="260"/>
      <c r="BN590" s="260"/>
      <c r="BO590" s="260"/>
      <c r="BP590" s="260"/>
      <c r="BQ590" s="260"/>
      <c r="BR590" s="260"/>
      <c r="BS590" s="260"/>
    </row>
    <row r="591" spans="1:71" s="74" customFormat="1" ht="34.5" customHeight="1">
      <c r="A591" s="185" t="s">
        <v>630</v>
      </c>
      <c r="B591" s="96"/>
      <c r="C591" s="237"/>
      <c r="D591" s="388" t="s">
        <v>616</v>
      </c>
      <c r="E591" s="389"/>
      <c r="F591" s="389"/>
      <c r="G591" s="389"/>
      <c r="H591" s="390"/>
      <c r="I591" s="351"/>
      <c r="J591" s="406"/>
      <c r="K591" s="407"/>
      <c r="L591" s="158">
        <v>0</v>
      </c>
      <c r="M591" s="260">
        <v>0</v>
      </c>
      <c r="N591" s="260">
        <v>0</v>
      </c>
      <c r="O591" s="260">
        <v>0</v>
      </c>
      <c r="P591" s="260">
        <v>0</v>
      </c>
      <c r="Q591" s="260">
        <v>0</v>
      </c>
      <c r="R591" s="260"/>
      <c r="S591" s="260"/>
      <c r="T591" s="260"/>
      <c r="U591" s="260"/>
      <c r="V591" s="260"/>
      <c r="W591" s="260"/>
      <c r="X591" s="260"/>
      <c r="Y591" s="260"/>
      <c r="Z591" s="260"/>
      <c r="AA591" s="260"/>
      <c r="AB591" s="260"/>
      <c r="AC591" s="260"/>
      <c r="AD591" s="260"/>
      <c r="AE591" s="260"/>
      <c r="AF591" s="260"/>
      <c r="AG591" s="260"/>
      <c r="AH591" s="260"/>
      <c r="AI591" s="260"/>
      <c r="AJ591" s="260"/>
      <c r="AK591" s="260"/>
      <c r="AL591" s="260"/>
      <c r="AM591" s="260"/>
      <c r="AN591" s="260"/>
      <c r="AO591" s="260"/>
      <c r="AP591" s="260"/>
      <c r="AQ591" s="260"/>
      <c r="AR591" s="260"/>
      <c r="AS591" s="260"/>
      <c r="AT591" s="260"/>
      <c r="AU591" s="260"/>
      <c r="AV591" s="260"/>
      <c r="AW591" s="260"/>
      <c r="AX591" s="260"/>
      <c r="AY591" s="260"/>
      <c r="AZ591" s="260"/>
      <c r="BA591" s="260"/>
      <c r="BB591" s="260"/>
      <c r="BC591" s="260"/>
      <c r="BD591" s="260"/>
      <c r="BE591" s="260"/>
      <c r="BF591" s="260"/>
      <c r="BG591" s="260"/>
      <c r="BH591" s="260"/>
      <c r="BI591" s="260"/>
      <c r="BJ591" s="260"/>
      <c r="BK591" s="260"/>
      <c r="BL591" s="260"/>
      <c r="BM591" s="260"/>
      <c r="BN591" s="260"/>
      <c r="BO591" s="260"/>
      <c r="BP591" s="260"/>
      <c r="BQ591" s="260"/>
      <c r="BR591" s="260"/>
      <c r="BS591" s="260"/>
    </row>
    <row r="592" spans="1:71" s="74" customFormat="1">
      <c r="A592" s="178"/>
      <c r="B592" s="14"/>
      <c r="C592" s="14"/>
      <c r="D592" s="14"/>
      <c r="E592" s="14"/>
      <c r="F592" s="14"/>
      <c r="G592" s="14"/>
      <c r="H592" s="10"/>
      <c r="I592" s="10"/>
      <c r="J592" s="71"/>
      <c r="K592" s="72"/>
      <c r="L592" s="73"/>
      <c r="M592" s="73"/>
      <c r="N592" s="73"/>
      <c r="O592" s="73"/>
      <c r="P592" s="73"/>
      <c r="Q592" s="73"/>
    </row>
    <row r="593" spans="1:71" s="67" customFormat="1">
      <c r="A593" s="178"/>
      <c r="B593" s="68"/>
      <c r="C593" s="52"/>
      <c r="D593" s="52"/>
      <c r="E593" s="52"/>
      <c r="F593" s="52"/>
      <c r="G593" s="52"/>
      <c r="H593" s="75"/>
      <c r="I593" s="75"/>
      <c r="J593" s="71"/>
      <c r="K593" s="72"/>
      <c r="L593" s="73"/>
      <c r="M593" s="73"/>
      <c r="N593" s="73"/>
      <c r="O593" s="73"/>
      <c r="P593" s="73"/>
      <c r="Q593" s="73"/>
    </row>
    <row r="594" spans="1:71" s="74" customFormat="1">
      <c r="A594" s="178"/>
      <c r="B594" s="96"/>
      <c r="C594" s="3"/>
      <c r="D594" s="3"/>
      <c r="E594" s="3"/>
      <c r="F594" s="3"/>
      <c r="G594" s="3"/>
      <c r="H594" s="214"/>
      <c r="I594" s="214"/>
      <c r="J594" s="51"/>
      <c r="K594" s="24"/>
      <c r="L594" s="86"/>
      <c r="M594" s="86"/>
      <c r="N594" s="86"/>
      <c r="O594" s="86"/>
      <c r="P594" s="86"/>
      <c r="Q594" s="86"/>
    </row>
    <row r="595" spans="1:71" s="74" customFormat="1">
      <c r="A595" s="178"/>
      <c r="B595" s="14" t="s">
        <v>631</v>
      </c>
      <c r="C595" s="14"/>
      <c r="D595" s="14"/>
      <c r="E595" s="14"/>
      <c r="F595" s="14"/>
      <c r="G595" s="14"/>
      <c r="H595" s="10"/>
      <c r="I595" s="10"/>
      <c r="J595" s="51"/>
      <c r="K595" s="24"/>
      <c r="L595" s="86"/>
      <c r="M595" s="86"/>
      <c r="N595" s="86"/>
      <c r="O595" s="86"/>
      <c r="P595" s="86"/>
      <c r="Q595" s="86"/>
    </row>
    <row r="596" spans="1:71">
      <c r="A596" s="178"/>
      <c r="B596" s="14"/>
      <c r="C596" s="14"/>
      <c r="D596" s="14"/>
      <c r="E596" s="14"/>
      <c r="F596" s="14"/>
      <c r="G596" s="14"/>
      <c r="H596" s="10"/>
      <c r="I596" s="10"/>
      <c r="L596" s="62"/>
      <c r="M596" s="62"/>
      <c r="N596" s="62"/>
      <c r="O596" s="62"/>
      <c r="P596" s="62"/>
      <c r="Q596" s="62"/>
      <c r="R596" s="8"/>
      <c r="S596" s="8"/>
      <c r="T596" s="8"/>
      <c r="U596" s="8"/>
      <c r="V596" s="8"/>
    </row>
    <row r="597" spans="1:71" s="243" customFormat="1" ht="34.5" customHeight="1">
      <c r="A597" s="178"/>
      <c r="B597" s="14"/>
      <c r="C597" s="3"/>
      <c r="D597" s="3"/>
      <c r="E597" s="3"/>
      <c r="F597" s="3"/>
      <c r="G597" s="3"/>
      <c r="H597" s="214"/>
      <c r="I597" s="214"/>
      <c r="J597" s="63" t="s">
        <v>81</v>
      </c>
      <c r="K597" s="136"/>
      <c r="L597" s="245" t="str">
        <f t="shared" ref="L597:AQ597" si="99">IF(ISBLANK(L$390),"",L$390)</f>
        <v>4階病棟</v>
      </c>
      <c r="M597" s="249" t="str">
        <f t="shared" si="99"/>
        <v>回復期リハビリテーション病棟</v>
      </c>
      <c r="N597" s="247" t="str">
        <f t="shared" si="99"/>
        <v>地域包括ケア病棟</v>
      </c>
      <c r="O597" s="247" t="str">
        <f t="shared" si="99"/>
        <v>特殊疾患病棟</v>
      </c>
      <c r="P597" s="247" t="str">
        <f t="shared" si="99"/>
        <v>療養病棟2階</v>
      </c>
      <c r="Q597" s="247" t="str">
        <f t="shared" si="99"/>
        <v/>
      </c>
      <c r="R597" s="247" t="str">
        <f t="shared" si="99"/>
        <v/>
      </c>
      <c r="S597" s="247" t="str">
        <f t="shared" si="99"/>
        <v/>
      </c>
      <c r="T597" s="247" t="str">
        <f t="shared" si="99"/>
        <v/>
      </c>
      <c r="U597" s="247" t="str">
        <f t="shared" si="99"/>
        <v/>
      </c>
      <c r="V597" s="247" t="str">
        <f t="shared" si="99"/>
        <v/>
      </c>
      <c r="W597" s="247" t="str">
        <f t="shared" si="99"/>
        <v/>
      </c>
      <c r="X597" s="247" t="str">
        <f t="shared" si="99"/>
        <v/>
      </c>
      <c r="Y597" s="247" t="str">
        <f t="shared" si="99"/>
        <v/>
      </c>
      <c r="Z597" s="247" t="str">
        <f t="shared" si="99"/>
        <v/>
      </c>
      <c r="AA597" s="247" t="str">
        <f t="shared" si="99"/>
        <v/>
      </c>
      <c r="AB597" s="247" t="str">
        <f t="shared" si="99"/>
        <v/>
      </c>
      <c r="AC597" s="247" t="str">
        <f t="shared" si="99"/>
        <v/>
      </c>
      <c r="AD597" s="247" t="str">
        <f t="shared" si="99"/>
        <v/>
      </c>
      <c r="AE597" s="247" t="str">
        <f t="shared" si="99"/>
        <v/>
      </c>
      <c r="AF597" s="247" t="str">
        <f t="shared" si="99"/>
        <v/>
      </c>
      <c r="AG597" s="247" t="str">
        <f t="shared" si="99"/>
        <v/>
      </c>
      <c r="AH597" s="247" t="str">
        <f t="shared" si="99"/>
        <v/>
      </c>
      <c r="AI597" s="247" t="str">
        <f t="shared" si="99"/>
        <v/>
      </c>
      <c r="AJ597" s="247" t="str">
        <f t="shared" si="99"/>
        <v/>
      </c>
      <c r="AK597" s="247" t="str">
        <f t="shared" si="99"/>
        <v/>
      </c>
      <c r="AL597" s="247" t="str">
        <f t="shared" si="99"/>
        <v/>
      </c>
      <c r="AM597" s="247" t="str">
        <f t="shared" si="99"/>
        <v/>
      </c>
      <c r="AN597" s="247" t="str">
        <f t="shared" si="99"/>
        <v/>
      </c>
      <c r="AO597" s="247" t="str">
        <f t="shared" si="99"/>
        <v/>
      </c>
      <c r="AP597" s="247" t="str">
        <f t="shared" si="99"/>
        <v/>
      </c>
      <c r="AQ597" s="247" t="str">
        <f t="shared" si="99"/>
        <v/>
      </c>
      <c r="AR597" s="247" t="str">
        <f t="shared" ref="AR597:BS597" si="100">IF(ISBLANK(AR$390),"",AR$390)</f>
        <v/>
      </c>
      <c r="AS597" s="247" t="str">
        <f t="shared" si="100"/>
        <v/>
      </c>
      <c r="AT597" s="247" t="str">
        <f t="shared" si="100"/>
        <v/>
      </c>
      <c r="AU597" s="247" t="str">
        <f t="shared" si="100"/>
        <v/>
      </c>
      <c r="AV597" s="247" t="str">
        <f t="shared" si="100"/>
        <v/>
      </c>
      <c r="AW597" s="247" t="str">
        <f t="shared" si="100"/>
        <v/>
      </c>
      <c r="AX597" s="247" t="str">
        <f t="shared" si="100"/>
        <v/>
      </c>
      <c r="AY597" s="247" t="str">
        <f t="shared" si="100"/>
        <v/>
      </c>
      <c r="AZ597" s="247" t="str">
        <f t="shared" si="100"/>
        <v/>
      </c>
      <c r="BA597" s="247" t="str">
        <f t="shared" si="100"/>
        <v/>
      </c>
      <c r="BB597" s="247" t="str">
        <f t="shared" si="100"/>
        <v/>
      </c>
      <c r="BC597" s="247" t="str">
        <f t="shared" si="100"/>
        <v/>
      </c>
      <c r="BD597" s="247" t="str">
        <f t="shared" si="100"/>
        <v/>
      </c>
      <c r="BE597" s="247" t="str">
        <f t="shared" si="100"/>
        <v/>
      </c>
      <c r="BF597" s="247" t="str">
        <f t="shared" si="100"/>
        <v/>
      </c>
      <c r="BG597" s="247" t="str">
        <f t="shared" si="100"/>
        <v/>
      </c>
      <c r="BH597" s="247" t="str">
        <f t="shared" si="100"/>
        <v/>
      </c>
      <c r="BI597" s="247" t="str">
        <f t="shared" si="100"/>
        <v/>
      </c>
      <c r="BJ597" s="247" t="str">
        <f t="shared" si="100"/>
        <v/>
      </c>
      <c r="BK597" s="247" t="str">
        <f t="shared" si="100"/>
        <v/>
      </c>
      <c r="BL597" s="247" t="str">
        <f t="shared" si="100"/>
        <v/>
      </c>
      <c r="BM597" s="247" t="str">
        <f t="shared" si="100"/>
        <v/>
      </c>
      <c r="BN597" s="247" t="str">
        <f t="shared" si="100"/>
        <v/>
      </c>
      <c r="BO597" s="247" t="str">
        <f t="shared" si="100"/>
        <v/>
      </c>
      <c r="BP597" s="247" t="str">
        <f t="shared" si="100"/>
        <v/>
      </c>
      <c r="BQ597" s="247" t="str">
        <f t="shared" si="100"/>
        <v/>
      </c>
      <c r="BR597" s="247" t="str">
        <f t="shared" si="100"/>
        <v/>
      </c>
      <c r="BS597" s="247" t="str">
        <f t="shared" si="100"/>
        <v/>
      </c>
    </row>
    <row r="598" spans="1:71" s="243" customFormat="1" ht="20.25" customHeight="1">
      <c r="A598" s="178"/>
      <c r="B598" s="1"/>
      <c r="C598" s="52"/>
      <c r="D598" s="3"/>
      <c r="E598" s="3"/>
      <c r="F598" s="3"/>
      <c r="G598" s="3"/>
      <c r="H598" s="214"/>
      <c r="I598" s="56" t="s">
        <v>82</v>
      </c>
      <c r="J598" s="57"/>
      <c r="K598" s="137"/>
      <c r="L598" s="59" t="str">
        <f t="shared" ref="L598:AQ598" si="101">IF(ISBLANK(L$391),"",L$391)</f>
        <v>-</v>
      </c>
      <c r="M598" s="250" t="str">
        <f t="shared" si="101"/>
        <v>-</v>
      </c>
      <c r="N598" s="59" t="str">
        <f t="shared" si="101"/>
        <v>-</v>
      </c>
      <c r="O598" s="59" t="str">
        <f t="shared" si="101"/>
        <v>-</v>
      </c>
      <c r="P598" s="59" t="str">
        <f t="shared" si="101"/>
        <v>-</v>
      </c>
      <c r="Q598" s="59" t="str">
        <f t="shared" si="101"/>
        <v/>
      </c>
      <c r="R598" s="59" t="str">
        <f t="shared" si="101"/>
        <v/>
      </c>
      <c r="S598" s="59" t="str">
        <f t="shared" si="101"/>
        <v/>
      </c>
      <c r="T598" s="59" t="str">
        <f t="shared" si="101"/>
        <v/>
      </c>
      <c r="U598" s="59" t="str">
        <f t="shared" si="101"/>
        <v/>
      </c>
      <c r="V598" s="59" t="str">
        <f t="shared" si="101"/>
        <v/>
      </c>
      <c r="W598" s="59" t="str">
        <f t="shared" si="101"/>
        <v/>
      </c>
      <c r="X598" s="59" t="str">
        <f t="shared" si="101"/>
        <v/>
      </c>
      <c r="Y598" s="59" t="str">
        <f t="shared" si="101"/>
        <v/>
      </c>
      <c r="Z598" s="59" t="str">
        <f t="shared" si="101"/>
        <v/>
      </c>
      <c r="AA598" s="59" t="str">
        <f t="shared" si="101"/>
        <v/>
      </c>
      <c r="AB598" s="59" t="str">
        <f t="shared" si="101"/>
        <v/>
      </c>
      <c r="AC598" s="59" t="str">
        <f t="shared" si="101"/>
        <v/>
      </c>
      <c r="AD598" s="59" t="str">
        <f t="shared" si="101"/>
        <v/>
      </c>
      <c r="AE598" s="59" t="str">
        <f t="shared" si="101"/>
        <v/>
      </c>
      <c r="AF598" s="59" t="str">
        <f t="shared" si="101"/>
        <v/>
      </c>
      <c r="AG598" s="59" t="str">
        <f t="shared" si="101"/>
        <v/>
      </c>
      <c r="AH598" s="59" t="str">
        <f t="shared" si="101"/>
        <v/>
      </c>
      <c r="AI598" s="59" t="str">
        <f t="shared" si="101"/>
        <v/>
      </c>
      <c r="AJ598" s="59" t="str">
        <f t="shared" si="101"/>
        <v/>
      </c>
      <c r="AK598" s="59" t="str">
        <f t="shared" si="101"/>
        <v/>
      </c>
      <c r="AL598" s="59" t="str">
        <f t="shared" si="101"/>
        <v/>
      </c>
      <c r="AM598" s="59" t="str">
        <f t="shared" si="101"/>
        <v/>
      </c>
      <c r="AN598" s="59" t="str">
        <f t="shared" si="101"/>
        <v/>
      </c>
      <c r="AO598" s="59" t="str">
        <f t="shared" si="101"/>
        <v/>
      </c>
      <c r="AP598" s="59" t="str">
        <f t="shared" si="101"/>
        <v/>
      </c>
      <c r="AQ598" s="59" t="str">
        <f t="shared" si="101"/>
        <v/>
      </c>
      <c r="AR598" s="59" t="str">
        <f t="shared" ref="AR598:BS598" si="102">IF(ISBLANK(AR$391),"",AR$391)</f>
        <v/>
      </c>
      <c r="AS598" s="59" t="str">
        <f t="shared" si="102"/>
        <v/>
      </c>
      <c r="AT598" s="59" t="str">
        <f t="shared" si="102"/>
        <v/>
      </c>
      <c r="AU598" s="59" t="str">
        <f t="shared" si="102"/>
        <v/>
      </c>
      <c r="AV598" s="59" t="str">
        <f t="shared" si="102"/>
        <v/>
      </c>
      <c r="AW598" s="59" t="str">
        <f t="shared" si="102"/>
        <v/>
      </c>
      <c r="AX598" s="59" t="str">
        <f t="shared" si="102"/>
        <v/>
      </c>
      <c r="AY598" s="59" t="str">
        <f t="shared" si="102"/>
        <v/>
      </c>
      <c r="AZ598" s="59" t="str">
        <f t="shared" si="102"/>
        <v/>
      </c>
      <c r="BA598" s="59" t="str">
        <f t="shared" si="102"/>
        <v/>
      </c>
      <c r="BB598" s="59" t="str">
        <f t="shared" si="102"/>
        <v/>
      </c>
      <c r="BC598" s="59" t="str">
        <f t="shared" si="102"/>
        <v/>
      </c>
      <c r="BD598" s="59" t="str">
        <f t="shared" si="102"/>
        <v/>
      </c>
      <c r="BE598" s="59" t="str">
        <f t="shared" si="102"/>
        <v/>
      </c>
      <c r="BF598" s="59" t="str">
        <f t="shared" si="102"/>
        <v/>
      </c>
      <c r="BG598" s="59" t="str">
        <f t="shared" si="102"/>
        <v/>
      </c>
      <c r="BH598" s="59" t="str">
        <f t="shared" si="102"/>
        <v/>
      </c>
      <c r="BI598" s="59" t="str">
        <f t="shared" si="102"/>
        <v/>
      </c>
      <c r="BJ598" s="59" t="str">
        <f t="shared" si="102"/>
        <v/>
      </c>
      <c r="BK598" s="59" t="str">
        <f t="shared" si="102"/>
        <v/>
      </c>
      <c r="BL598" s="59" t="str">
        <f t="shared" si="102"/>
        <v/>
      </c>
      <c r="BM598" s="59" t="str">
        <f t="shared" si="102"/>
        <v/>
      </c>
      <c r="BN598" s="59" t="str">
        <f t="shared" si="102"/>
        <v/>
      </c>
      <c r="BO598" s="59" t="str">
        <f t="shared" si="102"/>
        <v/>
      </c>
      <c r="BP598" s="59" t="str">
        <f t="shared" si="102"/>
        <v/>
      </c>
      <c r="BQ598" s="59" t="str">
        <f t="shared" si="102"/>
        <v/>
      </c>
      <c r="BR598" s="59" t="str">
        <f t="shared" si="102"/>
        <v/>
      </c>
      <c r="BS598" s="59" t="str">
        <f t="shared" si="102"/>
        <v/>
      </c>
    </row>
    <row r="599" spans="1:71" s="92" customFormat="1" ht="70.150000000000006" customHeight="1">
      <c r="A599" s="186" t="s">
        <v>632</v>
      </c>
      <c r="C599" s="274" t="s">
        <v>633</v>
      </c>
      <c r="D599" s="275"/>
      <c r="E599" s="275"/>
      <c r="F599" s="275"/>
      <c r="G599" s="275"/>
      <c r="H599" s="276"/>
      <c r="I599" s="100" t="s">
        <v>634</v>
      </c>
      <c r="J599" s="93" t="str">
        <f>IF(SUM(L599:BS599)=0,IF(COUNTIF(L599:BS599,"未確認")&gt;0,"未確認",IF(COUNTIF(L599:BS599,"~*")&gt;0,"*",SUM(L599:BS599))),SUM(L599:BS599))</f>
        <v>*</v>
      </c>
      <c r="K599" s="152" t="str">
        <f>IF(OR(COUNTIF(L599:BS599,"未確認")&gt;0,COUNTIF(L599:BS599,"*")&gt;0),"※","")</f>
        <v>※</v>
      </c>
      <c r="L599" s="94" t="s">
        <v>382</v>
      </c>
      <c r="M599" s="259">
        <v>0</v>
      </c>
      <c r="N599" s="259" t="s">
        <v>382</v>
      </c>
      <c r="O599" s="259">
        <v>0</v>
      </c>
      <c r="P599" s="259">
        <v>0</v>
      </c>
      <c r="Q599" s="259"/>
      <c r="R599" s="259"/>
      <c r="S599" s="259"/>
      <c r="T599" s="259"/>
      <c r="U599" s="259"/>
      <c r="V599" s="259"/>
      <c r="W599" s="259"/>
      <c r="X599" s="259"/>
      <c r="Y599" s="259"/>
      <c r="Z599" s="259"/>
      <c r="AA599" s="259"/>
      <c r="AB599" s="259"/>
      <c r="AC599" s="259"/>
      <c r="AD599" s="259"/>
      <c r="AE599" s="259"/>
      <c r="AF599" s="259"/>
      <c r="AG599" s="259"/>
      <c r="AH599" s="259"/>
      <c r="AI599" s="259"/>
      <c r="AJ599" s="259"/>
      <c r="AK599" s="259"/>
      <c r="AL599" s="259"/>
      <c r="AM599" s="259"/>
      <c r="AN599" s="259"/>
      <c r="AO599" s="259"/>
      <c r="AP599" s="259"/>
      <c r="AQ599" s="259"/>
      <c r="AR599" s="259"/>
      <c r="AS599" s="259"/>
      <c r="AT599" s="259"/>
      <c r="AU599" s="259"/>
      <c r="AV599" s="259"/>
      <c r="AW599" s="259"/>
      <c r="AX599" s="259"/>
      <c r="AY599" s="259"/>
      <c r="AZ599" s="259"/>
      <c r="BA599" s="259"/>
      <c r="BB599" s="259"/>
      <c r="BC599" s="259"/>
      <c r="BD599" s="259"/>
      <c r="BE599" s="259"/>
      <c r="BF599" s="259"/>
      <c r="BG599" s="259"/>
      <c r="BH599" s="259"/>
      <c r="BI599" s="259"/>
      <c r="BJ599" s="259"/>
      <c r="BK599" s="259"/>
      <c r="BL599" s="259"/>
      <c r="BM599" s="259"/>
      <c r="BN599" s="259"/>
      <c r="BO599" s="259"/>
      <c r="BP599" s="259"/>
      <c r="BQ599" s="259"/>
      <c r="BR599" s="259"/>
      <c r="BS599" s="259"/>
    </row>
    <row r="600" spans="1:71" s="92" customFormat="1" ht="70.150000000000006" customHeight="1">
      <c r="A600" s="186" t="s">
        <v>635</v>
      </c>
      <c r="B600" s="68"/>
      <c r="C600" s="274" t="s">
        <v>636</v>
      </c>
      <c r="D600" s="275"/>
      <c r="E600" s="275"/>
      <c r="F600" s="275"/>
      <c r="G600" s="275"/>
      <c r="H600" s="276"/>
      <c r="I600" s="100" t="s">
        <v>637</v>
      </c>
      <c r="J600" s="93" t="str">
        <f>IF(SUM(L600:BS600)=0,IF(COUNTIF(L600:BS600,"未確認")&gt;0,"未確認",IF(COUNTIF(L600:BS600,"~*")&gt;0,"*",SUM(L600:BS600))),SUM(L600:BS600))</f>
        <v>*</v>
      </c>
      <c r="K600" s="152" t="str">
        <f>IF(OR(COUNTIF(L600:BS600,"未確認")&gt;0,COUNTIF(L600:BS600,"*")&gt;0),"※","")</f>
        <v>※</v>
      </c>
      <c r="L600" s="94" t="s">
        <v>382</v>
      </c>
      <c r="M600" s="259">
        <v>0</v>
      </c>
      <c r="N600" s="259">
        <v>0</v>
      </c>
      <c r="O600" s="259">
        <v>0</v>
      </c>
      <c r="P600" s="259">
        <v>0</v>
      </c>
      <c r="Q600" s="259"/>
      <c r="R600" s="259"/>
      <c r="S600" s="259"/>
      <c r="T600" s="259"/>
      <c r="U600" s="259"/>
      <c r="V600" s="259"/>
      <c r="W600" s="259"/>
      <c r="X600" s="259"/>
      <c r="Y600" s="259"/>
      <c r="Z600" s="259"/>
      <c r="AA600" s="259"/>
      <c r="AB600" s="259"/>
      <c r="AC600" s="259"/>
      <c r="AD600" s="259"/>
      <c r="AE600" s="259"/>
      <c r="AF600" s="259"/>
      <c r="AG600" s="259"/>
      <c r="AH600" s="259"/>
      <c r="AI600" s="259"/>
      <c r="AJ600" s="259"/>
      <c r="AK600" s="259"/>
      <c r="AL600" s="259"/>
      <c r="AM600" s="259"/>
      <c r="AN600" s="259"/>
      <c r="AO600" s="259"/>
      <c r="AP600" s="259"/>
      <c r="AQ600" s="259"/>
      <c r="AR600" s="259"/>
      <c r="AS600" s="259"/>
      <c r="AT600" s="259"/>
      <c r="AU600" s="259"/>
      <c r="AV600" s="259"/>
      <c r="AW600" s="259"/>
      <c r="AX600" s="259"/>
      <c r="AY600" s="259"/>
      <c r="AZ600" s="259"/>
      <c r="BA600" s="259"/>
      <c r="BB600" s="259"/>
      <c r="BC600" s="259"/>
      <c r="BD600" s="259"/>
      <c r="BE600" s="259"/>
      <c r="BF600" s="259"/>
      <c r="BG600" s="259"/>
      <c r="BH600" s="259"/>
      <c r="BI600" s="259"/>
      <c r="BJ600" s="259"/>
      <c r="BK600" s="259"/>
      <c r="BL600" s="259"/>
      <c r="BM600" s="259"/>
      <c r="BN600" s="259"/>
      <c r="BO600" s="259"/>
      <c r="BP600" s="259"/>
      <c r="BQ600" s="259"/>
      <c r="BR600" s="259"/>
      <c r="BS600" s="259"/>
    </row>
    <row r="601" spans="1:71" s="92" customFormat="1" ht="72" customHeight="1">
      <c r="A601" s="186" t="s">
        <v>638</v>
      </c>
      <c r="B601" s="68"/>
      <c r="C601" s="274" t="s">
        <v>639</v>
      </c>
      <c r="D601" s="275"/>
      <c r="E601" s="275"/>
      <c r="F601" s="275"/>
      <c r="G601" s="275"/>
      <c r="H601" s="276"/>
      <c r="I601" s="100" t="s">
        <v>640</v>
      </c>
      <c r="J601" s="93">
        <f>IF(SUM(L601:BS601)=0,IF(COUNTIF(L601:BS601,"未確認")&gt;0,"未確認",IF(COUNTIF(L601:BS601,"~*")&gt;0,"*",SUM(L601:BS601))),SUM(L601:BS601))</f>
        <v>0</v>
      </c>
      <c r="K601" s="152" t="str">
        <f>IF(OR(COUNTIF(L601:BS601,"未確認")&gt;0,COUNTIF(L601:BS601,"*")&gt;0),"※","")</f>
        <v/>
      </c>
      <c r="L601" s="94">
        <v>0</v>
      </c>
      <c r="M601" s="259">
        <v>0</v>
      </c>
      <c r="N601" s="259">
        <v>0</v>
      </c>
      <c r="O601" s="259">
        <v>0</v>
      </c>
      <c r="P601" s="259">
        <v>0</v>
      </c>
      <c r="Q601" s="259"/>
      <c r="R601" s="259"/>
      <c r="S601" s="259"/>
      <c r="T601" s="259"/>
      <c r="U601" s="259"/>
      <c r="V601" s="259"/>
      <c r="W601" s="259"/>
      <c r="X601" s="259"/>
      <c r="Y601" s="259"/>
      <c r="Z601" s="259"/>
      <c r="AA601" s="259"/>
      <c r="AB601" s="259"/>
      <c r="AC601" s="259"/>
      <c r="AD601" s="259"/>
      <c r="AE601" s="259"/>
      <c r="AF601" s="259"/>
      <c r="AG601" s="259"/>
      <c r="AH601" s="259"/>
      <c r="AI601" s="259"/>
      <c r="AJ601" s="259"/>
      <c r="AK601" s="259"/>
      <c r="AL601" s="259"/>
      <c r="AM601" s="259"/>
      <c r="AN601" s="259"/>
      <c r="AO601" s="259"/>
      <c r="AP601" s="259"/>
      <c r="AQ601" s="259"/>
      <c r="AR601" s="259"/>
      <c r="AS601" s="259"/>
      <c r="AT601" s="259"/>
      <c r="AU601" s="259"/>
      <c r="AV601" s="259"/>
      <c r="AW601" s="259"/>
      <c r="AX601" s="259"/>
      <c r="AY601" s="259"/>
      <c r="AZ601" s="259"/>
      <c r="BA601" s="259"/>
      <c r="BB601" s="259"/>
      <c r="BC601" s="259"/>
      <c r="BD601" s="259"/>
      <c r="BE601" s="259"/>
      <c r="BF601" s="259"/>
      <c r="BG601" s="259"/>
      <c r="BH601" s="259"/>
      <c r="BI601" s="259"/>
      <c r="BJ601" s="259"/>
      <c r="BK601" s="259"/>
      <c r="BL601" s="259"/>
      <c r="BM601" s="259"/>
      <c r="BN601" s="259"/>
      <c r="BO601" s="259"/>
      <c r="BP601" s="259"/>
      <c r="BQ601" s="259"/>
      <c r="BR601" s="259"/>
      <c r="BS601" s="259"/>
    </row>
    <row r="602" spans="1:71" s="92" customFormat="1" ht="56.1" customHeight="1">
      <c r="A602" s="186" t="s">
        <v>641</v>
      </c>
      <c r="B602" s="68"/>
      <c r="C602" s="274" t="s">
        <v>642</v>
      </c>
      <c r="D602" s="275"/>
      <c r="E602" s="275"/>
      <c r="F602" s="275"/>
      <c r="G602" s="275"/>
      <c r="H602" s="276"/>
      <c r="I602" s="220" t="s">
        <v>643</v>
      </c>
      <c r="J602" s="93" t="str">
        <f>IF(SUM(L602:BS602)=0,IF(COUNTIF(L602:BS602,"未確認")&gt;0,"未確認",IF(COUNTIF(L602:BS602,"~*")&gt;0,"*",SUM(L602:BS602))),SUM(L602:BS602))</f>
        <v>*</v>
      </c>
      <c r="K602" s="152" t="str">
        <f>IF(OR(COUNTIF(L602:BS602,"未確認")&gt;0,COUNTIF(L602:BS602,"*")&gt;0),"※","")</f>
        <v>※</v>
      </c>
      <c r="L602" s="94" t="s">
        <v>382</v>
      </c>
      <c r="M602" s="259">
        <v>0</v>
      </c>
      <c r="N602" s="259" t="s">
        <v>382</v>
      </c>
      <c r="O602" s="259">
        <v>0</v>
      </c>
      <c r="P602" s="259">
        <v>0</v>
      </c>
      <c r="Q602" s="259"/>
      <c r="R602" s="259"/>
      <c r="S602" s="259"/>
      <c r="T602" s="259"/>
      <c r="U602" s="259"/>
      <c r="V602" s="259"/>
      <c r="W602" s="259"/>
      <c r="X602" s="259"/>
      <c r="Y602" s="259"/>
      <c r="Z602" s="259"/>
      <c r="AA602" s="259"/>
      <c r="AB602" s="259"/>
      <c r="AC602" s="259"/>
      <c r="AD602" s="259"/>
      <c r="AE602" s="259"/>
      <c r="AF602" s="259"/>
      <c r="AG602" s="259"/>
      <c r="AH602" s="259"/>
      <c r="AI602" s="259"/>
      <c r="AJ602" s="259"/>
      <c r="AK602" s="259"/>
      <c r="AL602" s="259"/>
      <c r="AM602" s="259"/>
      <c r="AN602" s="259"/>
      <c r="AO602" s="259"/>
      <c r="AP602" s="259"/>
      <c r="AQ602" s="259"/>
      <c r="AR602" s="259"/>
      <c r="AS602" s="259"/>
      <c r="AT602" s="259"/>
      <c r="AU602" s="259"/>
      <c r="AV602" s="259"/>
      <c r="AW602" s="259"/>
      <c r="AX602" s="259"/>
      <c r="AY602" s="259"/>
      <c r="AZ602" s="259"/>
      <c r="BA602" s="259"/>
      <c r="BB602" s="259"/>
      <c r="BC602" s="259"/>
      <c r="BD602" s="259"/>
      <c r="BE602" s="259"/>
      <c r="BF602" s="259"/>
      <c r="BG602" s="259"/>
      <c r="BH602" s="259"/>
      <c r="BI602" s="259"/>
      <c r="BJ602" s="259"/>
      <c r="BK602" s="259"/>
      <c r="BL602" s="259"/>
      <c r="BM602" s="259"/>
      <c r="BN602" s="259"/>
      <c r="BO602" s="259"/>
      <c r="BP602" s="259"/>
      <c r="BQ602" s="259"/>
      <c r="BR602" s="259"/>
      <c r="BS602" s="259"/>
    </row>
    <row r="603" spans="1:71" s="92" customFormat="1" ht="84" customHeight="1">
      <c r="A603" s="186" t="s">
        <v>644</v>
      </c>
      <c r="B603" s="68"/>
      <c r="C603" s="274" t="s">
        <v>645</v>
      </c>
      <c r="D603" s="275"/>
      <c r="E603" s="275"/>
      <c r="F603" s="275"/>
      <c r="G603" s="275"/>
      <c r="H603" s="276"/>
      <c r="I603" s="100" t="s">
        <v>646</v>
      </c>
      <c r="J603" s="93" t="str">
        <f>IF(SUM(L603:BS603)=0,IF(COUNTIF(L603:BS603,"未確認")&gt;0,"未確認",IF(COUNTIF(L603:BS603,"~*")&gt;0,"*",SUM(L603:BS603))),SUM(L603:BS603))</f>
        <v>*</v>
      </c>
      <c r="K603" s="152" t="str">
        <f>IF(OR(COUNTIF(L603:BS603,"未確認")&gt;0,COUNTIF(L603:BS603,"*")&gt;0),"※","")</f>
        <v>※</v>
      </c>
      <c r="L603" s="94" t="s">
        <v>382</v>
      </c>
      <c r="M603" s="259">
        <v>0</v>
      </c>
      <c r="N603" s="259" t="s">
        <v>382</v>
      </c>
      <c r="O603" s="259">
        <v>0</v>
      </c>
      <c r="P603" s="259">
        <v>0</v>
      </c>
      <c r="Q603" s="259"/>
      <c r="R603" s="259"/>
      <c r="S603" s="259"/>
      <c r="T603" s="259"/>
      <c r="U603" s="259"/>
      <c r="V603" s="259"/>
      <c r="W603" s="259"/>
      <c r="X603" s="259"/>
      <c r="Y603" s="259"/>
      <c r="Z603" s="259"/>
      <c r="AA603" s="259"/>
      <c r="AB603" s="259"/>
      <c r="AC603" s="259"/>
      <c r="AD603" s="259"/>
      <c r="AE603" s="259"/>
      <c r="AF603" s="259"/>
      <c r="AG603" s="259"/>
      <c r="AH603" s="259"/>
      <c r="AI603" s="259"/>
      <c r="AJ603" s="259"/>
      <c r="AK603" s="259"/>
      <c r="AL603" s="259"/>
      <c r="AM603" s="259"/>
      <c r="AN603" s="259"/>
      <c r="AO603" s="259"/>
      <c r="AP603" s="259"/>
      <c r="AQ603" s="259"/>
      <c r="AR603" s="259"/>
      <c r="AS603" s="259"/>
      <c r="AT603" s="259"/>
      <c r="AU603" s="259"/>
      <c r="AV603" s="259"/>
      <c r="AW603" s="259"/>
      <c r="AX603" s="259"/>
      <c r="AY603" s="259"/>
      <c r="AZ603" s="259"/>
      <c r="BA603" s="259"/>
      <c r="BB603" s="259"/>
      <c r="BC603" s="259"/>
      <c r="BD603" s="259"/>
      <c r="BE603" s="259"/>
      <c r="BF603" s="259"/>
      <c r="BG603" s="259"/>
      <c r="BH603" s="259"/>
      <c r="BI603" s="259"/>
      <c r="BJ603" s="259"/>
      <c r="BK603" s="259"/>
      <c r="BL603" s="259"/>
      <c r="BM603" s="259"/>
      <c r="BN603" s="259"/>
      <c r="BO603" s="259"/>
      <c r="BP603" s="259"/>
      <c r="BQ603" s="259"/>
      <c r="BR603" s="259"/>
      <c r="BS603" s="259"/>
    </row>
    <row r="604" spans="1:71" s="92" customFormat="1" ht="35.1" customHeight="1">
      <c r="A604" s="185" t="s">
        <v>647</v>
      </c>
      <c r="B604" s="68"/>
      <c r="C604" s="304" t="s">
        <v>648</v>
      </c>
      <c r="D604" s="305"/>
      <c r="E604" s="305"/>
      <c r="F604" s="305"/>
      <c r="G604" s="305"/>
      <c r="H604" s="306"/>
      <c r="I604" s="313" t="s">
        <v>649</v>
      </c>
      <c r="J604" s="105">
        <v>397</v>
      </c>
      <c r="K604" s="152" t="str">
        <f>IF(OR(COUNTIF(L604:BS604,"未確認")&gt;0,COUNTIF(L604:BS604,"~*")&gt;0),"※","")</f>
        <v/>
      </c>
      <c r="L604" s="159"/>
      <c r="M604" s="261"/>
      <c r="N604" s="261"/>
      <c r="O604" s="261"/>
      <c r="P604" s="261"/>
      <c r="Q604" s="261"/>
      <c r="R604" s="261"/>
      <c r="S604" s="261"/>
      <c r="T604" s="261"/>
      <c r="U604" s="261"/>
      <c r="V604" s="261"/>
      <c r="W604" s="261"/>
      <c r="X604" s="261"/>
      <c r="Y604" s="261"/>
      <c r="Z604" s="261"/>
      <c r="AA604" s="261"/>
      <c r="AB604" s="261"/>
      <c r="AC604" s="261"/>
      <c r="AD604" s="261"/>
      <c r="AE604" s="261"/>
      <c r="AF604" s="261"/>
      <c r="AG604" s="261"/>
      <c r="AH604" s="261"/>
      <c r="AI604" s="261"/>
      <c r="AJ604" s="261"/>
      <c r="AK604" s="261"/>
      <c r="AL604" s="261"/>
      <c r="AM604" s="261"/>
      <c r="AN604" s="261"/>
      <c r="AO604" s="261"/>
      <c r="AP604" s="261"/>
      <c r="AQ604" s="261"/>
      <c r="AR604" s="261"/>
      <c r="AS604" s="261"/>
      <c r="AT604" s="261"/>
      <c r="AU604" s="261"/>
      <c r="AV604" s="261"/>
      <c r="AW604" s="261"/>
      <c r="AX604" s="261"/>
      <c r="AY604" s="261"/>
      <c r="AZ604" s="261"/>
      <c r="BA604" s="261"/>
      <c r="BB604" s="261"/>
      <c r="BC604" s="261"/>
      <c r="BD604" s="261"/>
      <c r="BE604" s="261"/>
      <c r="BF604" s="261"/>
      <c r="BG604" s="261"/>
      <c r="BH604" s="261"/>
      <c r="BI604" s="261"/>
      <c r="BJ604" s="261"/>
      <c r="BK604" s="261"/>
      <c r="BL604" s="261"/>
      <c r="BM604" s="261"/>
      <c r="BN604" s="261"/>
      <c r="BO604" s="261"/>
      <c r="BP604" s="261"/>
      <c r="BQ604" s="261"/>
      <c r="BR604" s="261"/>
      <c r="BS604" s="261"/>
    </row>
    <row r="605" spans="1:71" s="92" customFormat="1" ht="35.1" customHeight="1">
      <c r="A605" s="185" t="s">
        <v>650</v>
      </c>
      <c r="B605" s="68"/>
      <c r="C605" s="218"/>
      <c r="D605" s="219"/>
      <c r="E605" s="301" t="s">
        <v>651</v>
      </c>
      <c r="F605" s="302"/>
      <c r="G605" s="302"/>
      <c r="H605" s="303"/>
      <c r="I605" s="318"/>
      <c r="J605" s="105">
        <v>59</v>
      </c>
      <c r="K605" s="152" t="str">
        <f>IF(OR(COUNTIF(L605:BS605,"未確認")&gt;0,COUNTIF(L605:BS605,"~*")&gt;0),"※","")</f>
        <v/>
      </c>
      <c r="L605" s="159"/>
      <c r="M605" s="261"/>
      <c r="N605" s="261"/>
      <c r="O605" s="261"/>
      <c r="P605" s="261"/>
      <c r="Q605" s="261"/>
      <c r="R605" s="261"/>
      <c r="S605" s="261"/>
      <c r="T605" s="261"/>
      <c r="U605" s="261"/>
      <c r="V605" s="261"/>
      <c r="W605" s="261"/>
      <c r="X605" s="261"/>
      <c r="Y605" s="261"/>
      <c r="Z605" s="261"/>
      <c r="AA605" s="261"/>
      <c r="AB605" s="261"/>
      <c r="AC605" s="261"/>
      <c r="AD605" s="261"/>
      <c r="AE605" s="261"/>
      <c r="AF605" s="261"/>
      <c r="AG605" s="261"/>
      <c r="AH605" s="261"/>
      <c r="AI605" s="261"/>
      <c r="AJ605" s="261"/>
      <c r="AK605" s="261"/>
      <c r="AL605" s="261"/>
      <c r="AM605" s="261"/>
      <c r="AN605" s="261"/>
      <c r="AO605" s="261"/>
      <c r="AP605" s="261"/>
      <c r="AQ605" s="261"/>
      <c r="AR605" s="261"/>
      <c r="AS605" s="261"/>
      <c r="AT605" s="261"/>
      <c r="AU605" s="261"/>
      <c r="AV605" s="261"/>
      <c r="AW605" s="261"/>
      <c r="AX605" s="261"/>
      <c r="AY605" s="261"/>
      <c r="AZ605" s="261"/>
      <c r="BA605" s="261"/>
      <c r="BB605" s="261"/>
      <c r="BC605" s="261"/>
      <c r="BD605" s="261"/>
      <c r="BE605" s="261"/>
      <c r="BF605" s="261"/>
      <c r="BG605" s="261"/>
      <c r="BH605" s="261"/>
      <c r="BI605" s="261"/>
      <c r="BJ605" s="261"/>
      <c r="BK605" s="261"/>
      <c r="BL605" s="261"/>
      <c r="BM605" s="261"/>
      <c r="BN605" s="261"/>
      <c r="BO605" s="261"/>
      <c r="BP605" s="261"/>
      <c r="BQ605" s="261"/>
      <c r="BR605" s="261"/>
      <c r="BS605" s="261"/>
    </row>
    <row r="606" spans="1:71" s="92" customFormat="1" ht="35.1" customHeight="1">
      <c r="A606" s="185" t="s">
        <v>652</v>
      </c>
      <c r="B606" s="68"/>
      <c r="C606" s="304" t="s">
        <v>653</v>
      </c>
      <c r="D606" s="305"/>
      <c r="E606" s="305"/>
      <c r="F606" s="305"/>
      <c r="G606" s="305"/>
      <c r="H606" s="306"/>
      <c r="I606" s="316" t="s">
        <v>654</v>
      </c>
      <c r="J606" s="105">
        <v>522</v>
      </c>
      <c r="K606" s="152" t="str">
        <f>IF(OR(COUNTIF(L606:BS606,"未確認")&gt;0,COUNTIF(L606:BS606,"~*")&gt;0),"※","")</f>
        <v/>
      </c>
      <c r="L606" s="159"/>
      <c r="M606" s="261"/>
      <c r="N606" s="261"/>
      <c r="O606" s="261"/>
      <c r="P606" s="261"/>
      <c r="Q606" s="261"/>
      <c r="R606" s="261"/>
      <c r="S606" s="261"/>
      <c r="T606" s="261"/>
      <c r="U606" s="261"/>
      <c r="V606" s="261"/>
      <c r="W606" s="261"/>
      <c r="X606" s="261"/>
      <c r="Y606" s="261"/>
      <c r="Z606" s="261"/>
      <c r="AA606" s="261"/>
      <c r="AB606" s="261"/>
      <c r="AC606" s="261"/>
      <c r="AD606" s="261"/>
      <c r="AE606" s="261"/>
      <c r="AF606" s="261"/>
      <c r="AG606" s="261"/>
      <c r="AH606" s="261"/>
      <c r="AI606" s="261"/>
      <c r="AJ606" s="261"/>
      <c r="AK606" s="261"/>
      <c r="AL606" s="261"/>
      <c r="AM606" s="261"/>
      <c r="AN606" s="261"/>
      <c r="AO606" s="261"/>
      <c r="AP606" s="261"/>
      <c r="AQ606" s="261"/>
      <c r="AR606" s="261"/>
      <c r="AS606" s="261"/>
      <c r="AT606" s="261"/>
      <c r="AU606" s="261"/>
      <c r="AV606" s="261"/>
      <c r="AW606" s="261"/>
      <c r="AX606" s="261"/>
      <c r="AY606" s="261"/>
      <c r="AZ606" s="261"/>
      <c r="BA606" s="261"/>
      <c r="BB606" s="261"/>
      <c r="BC606" s="261"/>
      <c r="BD606" s="261"/>
      <c r="BE606" s="261"/>
      <c r="BF606" s="261"/>
      <c r="BG606" s="261"/>
      <c r="BH606" s="261"/>
      <c r="BI606" s="261"/>
      <c r="BJ606" s="261"/>
      <c r="BK606" s="261"/>
      <c r="BL606" s="261"/>
      <c r="BM606" s="261"/>
      <c r="BN606" s="261"/>
      <c r="BO606" s="261"/>
      <c r="BP606" s="261"/>
      <c r="BQ606" s="261"/>
      <c r="BR606" s="261"/>
      <c r="BS606" s="261"/>
    </row>
    <row r="607" spans="1:71" s="92" customFormat="1" ht="35.1" customHeight="1">
      <c r="A607" s="185" t="s">
        <v>655</v>
      </c>
      <c r="B607" s="68"/>
      <c r="C607" s="218"/>
      <c r="D607" s="219"/>
      <c r="E607" s="301" t="s">
        <v>651</v>
      </c>
      <c r="F607" s="302"/>
      <c r="G607" s="302"/>
      <c r="H607" s="303"/>
      <c r="I607" s="375"/>
      <c r="J607" s="105">
        <v>126</v>
      </c>
      <c r="K607" s="152" t="str">
        <f>IF(OR(COUNTIF(L607:BS607,"未確認")&gt;0,COUNTIF(L607:BS607,"~*")&gt;0),"※","")</f>
        <v/>
      </c>
      <c r="L607" s="159"/>
      <c r="M607" s="261"/>
      <c r="N607" s="261"/>
      <c r="O607" s="261"/>
      <c r="P607" s="261"/>
      <c r="Q607" s="261"/>
      <c r="R607" s="261"/>
      <c r="S607" s="261"/>
      <c r="T607" s="261"/>
      <c r="U607" s="261"/>
      <c r="V607" s="261"/>
      <c r="W607" s="261"/>
      <c r="X607" s="261"/>
      <c r="Y607" s="261"/>
      <c r="Z607" s="261"/>
      <c r="AA607" s="261"/>
      <c r="AB607" s="261"/>
      <c r="AC607" s="261"/>
      <c r="AD607" s="261"/>
      <c r="AE607" s="261"/>
      <c r="AF607" s="261"/>
      <c r="AG607" s="261"/>
      <c r="AH607" s="261"/>
      <c r="AI607" s="261"/>
      <c r="AJ607" s="261"/>
      <c r="AK607" s="261"/>
      <c r="AL607" s="261"/>
      <c r="AM607" s="261"/>
      <c r="AN607" s="261"/>
      <c r="AO607" s="261"/>
      <c r="AP607" s="261"/>
      <c r="AQ607" s="261"/>
      <c r="AR607" s="261"/>
      <c r="AS607" s="261"/>
      <c r="AT607" s="261"/>
      <c r="AU607" s="261"/>
      <c r="AV607" s="261"/>
      <c r="AW607" s="261"/>
      <c r="AX607" s="261"/>
      <c r="AY607" s="261"/>
      <c r="AZ607" s="261"/>
      <c r="BA607" s="261"/>
      <c r="BB607" s="261"/>
      <c r="BC607" s="261"/>
      <c r="BD607" s="261"/>
      <c r="BE607" s="261"/>
      <c r="BF607" s="261"/>
      <c r="BG607" s="261"/>
      <c r="BH607" s="261"/>
      <c r="BI607" s="261"/>
      <c r="BJ607" s="261"/>
      <c r="BK607" s="261"/>
      <c r="BL607" s="261"/>
      <c r="BM607" s="261"/>
      <c r="BN607" s="261"/>
      <c r="BO607" s="261"/>
      <c r="BP607" s="261"/>
      <c r="BQ607" s="261"/>
      <c r="BR607" s="261"/>
      <c r="BS607" s="261"/>
    </row>
    <row r="608" spans="1:71" s="92" customFormat="1" ht="42" customHeight="1">
      <c r="A608" s="185" t="s">
        <v>656</v>
      </c>
      <c r="B608" s="68"/>
      <c r="C608" s="301" t="s">
        <v>657</v>
      </c>
      <c r="D608" s="302"/>
      <c r="E608" s="302"/>
      <c r="F608" s="302"/>
      <c r="G608" s="302"/>
      <c r="H608" s="303"/>
      <c r="I608" s="98" t="s">
        <v>658</v>
      </c>
      <c r="J608" s="93">
        <v>346</v>
      </c>
      <c r="K608" s="152" t="str">
        <f>IF(OR(COUNTIF(L608:BS608,"未確認")&gt;0,COUNTIF(L608:BS608,"~*")&gt;0),"※","")</f>
        <v/>
      </c>
      <c r="L608" s="159"/>
      <c r="M608" s="261"/>
      <c r="N608" s="261"/>
      <c r="O608" s="261"/>
      <c r="P608" s="261"/>
      <c r="Q608" s="261"/>
      <c r="R608" s="261"/>
      <c r="S608" s="261"/>
      <c r="T608" s="261"/>
      <c r="U608" s="261"/>
      <c r="V608" s="261"/>
      <c r="W608" s="261"/>
      <c r="X608" s="261"/>
      <c r="Y608" s="261"/>
      <c r="Z608" s="261"/>
      <c r="AA608" s="261"/>
      <c r="AB608" s="261"/>
      <c r="AC608" s="261"/>
      <c r="AD608" s="261"/>
      <c r="AE608" s="261"/>
      <c r="AF608" s="261"/>
      <c r="AG608" s="261"/>
      <c r="AH608" s="261"/>
      <c r="AI608" s="261"/>
      <c r="AJ608" s="261"/>
      <c r="AK608" s="261"/>
      <c r="AL608" s="261"/>
      <c r="AM608" s="261"/>
      <c r="AN608" s="261"/>
      <c r="AO608" s="261"/>
      <c r="AP608" s="261"/>
      <c r="AQ608" s="261"/>
      <c r="AR608" s="261"/>
      <c r="AS608" s="261"/>
      <c r="AT608" s="261"/>
      <c r="AU608" s="261"/>
      <c r="AV608" s="261"/>
      <c r="AW608" s="261"/>
      <c r="AX608" s="261"/>
      <c r="AY608" s="261"/>
      <c r="AZ608" s="261"/>
      <c r="BA608" s="261"/>
      <c r="BB608" s="261"/>
      <c r="BC608" s="261"/>
      <c r="BD608" s="261"/>
      <c r="BE608" s="261"/>
      <c r="BF608" s="261"/>
      <c r="BG608" s="261"/>
      <c r="BH608" s="261"/>
      <c r="BI608" s="261"/>
      <c r="BJ608" s="261"/>
      <c r="BK608" s="261"/>
      <c r="BL608" s="261"/>
      <c r="BM608" s="261"/>
      <c r="BN608" s="261"/>
      <c r="BO608" s="261"/>
      <c r="BP608" s="261"/>
      <c r="BQ608" s="261"/>
      <c r="BR608" s="261"/>
      <c r="BS608" s="261"/>
    </row>
    <row r="609" spans="1:71" s="92" customFormat="1" ht="56.1" customHeight="1">
      <c r="A609" s="186" t="s">
        <v>659</v>
      </c>
      <c r="B609" s="68"/>
      <c r="C609" s="274" t="s">
        <v>660</v>
      </c>
      <c r="D609" s="275"/>
      <c r="E609" s="275"/>
      <c r="F609" s="275"/>
      <c r="G609" s="275"/>
      <c r="H609" s="276"/>
      <c r="I609" s="98" t="s">
        <v>661</v>
      </c>
      <c r="J609" s="93" t="str">
        <f t="shared" ref="J609:J614" si="103">IF(SUM(L609:BS609)=0,IF(COUNTIF(L609:BS609,"未確認")&gt;0,"未確認",IF(COUNTIF(L609:BS609,"~*")&gt;0,"*",SUM(L609:BS609))),SUM(L609:BS609))</f>
        <v>*</v>
      </c>
      <c r="K609" s="152" t="str">
        <f t="shared" ref="K609:K614" si="104">IF(OR(COUNTIF(L609:BS609,"未確認")&gt;0,COUNTIF(L609:BS609,"*")&gt;0),"※","")</f>
        <v>※</v>
      </c>
      <c r="L609" s="94" t="s">
        <v>382</v>
      </c>
      <c r="M609" s="259">
        <v>0</v>
      </c>
      <c r="N609" s="259">
        <v>0</v>
      </c>
      <c r="O609" s="259">
        <v>0</v>
      </c>
      <c r="P609" s="259">
        <v>0</v>
      </c>
      <c r="Q609" s="259"/>
      <c r="R609" s="259"/>
      <c r="S609" s="259"/>
      <c r="T609" s="259"/>
      <c r="U609" s="259"/>
      <c r="V609" s="259"/>
      <c r="W609" s="259"/>
      <c r="X609" s="259"/>
      <c r="Y609" s="259"/>
      <c r="Z609" s="259"/>
      <c r="AA609" s="259"/>
      <c r="AB609" s="259"/>
      <c r="AC609" s="259"/>
      <c r="AD609" s="259"/>
      <c r="AE609" s="259"/>
      <c r="AF609" s="259"/>
      <c r="AG609" s="259"/>
      <c r="AH609" s="259"/>
      <c r="AI609" s="259"/>
      <c r="AJ609" s="259"/>
      <c r="AK609" s="259"/>
      <c r="AL609" s="259"/>
      <c r="AM609" s="259"/>
      <c r="AN609" s="259"/>
      <c r="AO609" s="259"/>
      <c r="AP609" s="259"/>
      <c r="AQ609" s="259"/>
      <c r="AR609" s="259"/>
      <c r="AS609" s="259"/>
      <c r="AT609" s="259"/>
      <c r="AU609" s="259"/>
      <c r="AV609" s="259"/>
      <c r="AW609" s="259"/>
      <c r="AX609" s="259"/>
      <c r="AY609" s="259"/>
      <c r="AZ609" s="259"/>
      <c r="BA609" s="259"/>
      <c r="BB609" s="259"/>
      <c r="BC609" s="259"/>
      <c r="BD609" s="259"/>
      <c r="BE609" s="259"/>
      <c r="BF609" s="259"/>
      <c r="BG609" s="259"/>
      <c r="BH609" s="259"/>
      <c r="BI609" s="259"/>
      <c r="BJ609" s="259"/>
      <c r="BK609" s="259"/>
      <c r="BL609" s="259"/>
      <c r="BM609" s="259"/>
      <c r="BN609" s="259"/>
      <c r="BO609" s="259"/>
      <c r="BP609" s="259"/>
      <c r="BQ609" s="259"/>
      <c r="BR609" s="259"/>
      <c r="BS609" s="259"/>
    </row>
    <row r="610" spans="1:71" s="92" customFormat="1" ht="56.1" customHeight="1">
      <c r="A610" s="186" t="s">
        <v>662</v>
      </c>
      <c r="B610" s="68"/>
      <c r="C610" s="274" t="s">
        <v>663</v>
      </c>
      <c r="D610" s="275"/>
      <c r="E610" s="275"/>
      <c r="F610" s="275"/>
      <c r="G610" s="275"/>
      <c r="H610" s="276"/>
      <c r="I610" s="98" t="s">
        <v>664</v>
      </c>
      <c r="J610" s="93">
        <f t="shared" si="103"/>
        <v>0</v>
      </c>
      <c r="K610" s="152" t="str">
        <f t="shared" si="104"/>
        <v/>
      </c>
      <c r="L610" s="94">
        <v>0</v>
      </c>
      <c r="M610" s="259">
        <v>0</v>
      </c>
      <c r="N610" s="259">
        <v>0</v>
      </c>
      <c r="O610" s="259">
        <v>0</v>
      </c>
      <c r="P610" s="259">
        <v>0</v>
      </c>
      <c r="Q610" s="259"/>
      <c r="R610" s="259"/>
      <c r="S610" s="259"/>
      <c r="T610" s="259"/>
      <c r="U610" s="259"/>
      <c r="V610" s="259"/>
      <c r="W610" s="259"/>
      <c r="X610" s="259"/>
      <c r="Y610" s="259"/>
      <c r="Z610" s="259"/>
      <c r="AA610" s="259"/>
      <c r="AB610" s="259"/>
      <c r="AC610" s="259"/>
      <c r="AD610" s="259"/>
      <c r="AE610" s="259"/>
      <c r="AF610" s="259"/>
      <c r="AG610" s="259"/>
      <c r="AH610" s="259"/>
      <c r="AI610" s="259"/>
      <c r="AJ610" s="259"/>
      <c r="AK610" s="259"/>
      <c r="AL610" s="259"/>
      <c r="AM610" s="259"/>
      <c r="AN610" s="259"/>
      <c r="AO610" s="259"/>
      <c r="AP610" s="259"/>
      <c r="AQ610" s="259"/>
      <c r="AR610" s="259"/>
      <c r="AS610" s="259"/>
      <c r="AT610" s="259"/>
      <c r="AU610" s="259"/>
      <c r="AV610" s="259"/>
      <c r="AW610" s="259"/>
      <c r="AX610" s="259"/>
      <c r="AY610" s="259"/>
      <c r="AZ610" s="259"/>
      <c r="BA610" s="259"/>
      <c r="BB610" s="259"/>
      <c r="BC610" s="259"/>
      <c r="BD610" s="259"/>
      <c r="BE610" s="259"/>
      <c r="BF610" s="259"/>
      <c r="BG610" s="259"/>
      <c r="BH610" s="259"/>
      <c r="BI610" s="259"/>
      <c r="BJ610" s="259"/>
      <c r="BK610" s="259"/>
      <c r="BL610" s="259"/>
      <c r="BM610" s="259"/>
      <c r="BN610" s="259"/>
      <c r="BO610" s="259"/>
      <c r="BP610" s="259"/>
      <c r="BQ610" s="259"/>
      <c r="BR610" s="259"/>
      <c r="BS610" s="259"/>
    </row>
    <row r="611" spans="1:71" s="74" customFormat="1" ht="56.1" customHeight="1">
      <c r="A611" s="186" t="s">
        <v>665</v>
      </c>
      <c r="B611" s="68"/>
      <c r="C611" s="274" t="s">
        <v>666</v>
      </c>
      <c r="D611" s="275"/>
      <c r="E611" s="275"/>
      <c r="F611" s="275"/>
      <c r="G611" s="275"/>
      <c r="H611" s="276"/>
      <c r="I611" s="98" t="s">
        <v>667</v>
      </c>
      <c r="J611" s="93" t="str">
        <f t="shared" si="103"/>
        <v>*</v>
      </c>
      <c r="K611" s="152" t="str">
        <f t="shared" si="104"/>
        <v>※</v>
      </c>
      <c r="L611" s="94" t="s">
        <v>382</v>
      </c>
      <c r="M611" s="259">
        <v>0</v>
      </c>
      <c r="N611" s="259">
        <v>0</v>
      </c>
      <c r="O611" s="259">
        <v>0</v>
      </c>
      <c r="P611" s="259">
        <v>0</v>
      </c>
      <c r="Q611" s="259"/>
      <c r="R611" s="259"/>
      <c r="S611" s="259"/>
      <c r="T611" s="259"/>
      <c r="U611" s="259"/>
      <c r="V611" s="259"/>
      <c r="W611" s="259"/>
      <c r="X611" s="259"/>
      <c r="Y611" s="259"/>
      <c r="Z611" s="259"/>
      <c r="AA611" s="259"/>
      <c r="AB611" s="259"/>
      <c r="AC611" s="259"/>
      <c r="AD611" s="259"/>
      <c r="AE611" s="259"/>
      <c r="AF611" s="259"/>
      <c r="AG611" s="259"/>
      <c r="AH611" s="259"/>
      <c r="AI611" s="259"/>
      <c r="AJ611" s="259"/>
      <c r="AK611" s="259"/>
      <c r="AL611" s="259"/>
      <c r="AM611" s="259"/>
      <c r="AN611" s="259"/>
      <c r="AO611" s="259"/>
      <c r="AP611" s="259"/>
      <c r="AQ611" s="259"/>
      <c r="AR611" s="259"/>
      <c r="AS611" s="259"/>
      <c r="AT611" s="259"/>
      <c r="AU611" s="259"/>
      <c r="AV611" s="259"/>
      <c r="AW611" s="259"/>
      <c r="AX611" s="259"/>
      <c r="AY611" s="259"/>
      <c r="AZ611" s="259"/>
      <c r="BA611" s="259"/>
      <c r="BB611" s="259"/>
      <c r="BC611" s="259"/>
      <c r="BD611" s="259"/>
      <c r="BE611" s="259"/>
      <c r="BF611" s="259"/>
      <c r="BG611" s="259"/>
      <c r="BH611" s="259"/>
      <c r="BI611" s="259"/>
      <c r="BJ611" s="259"/>
      <c r="BK611" s="259"/>
      <c r="BL611" s="259"/>
      <c r="BM611" s="259"/>
      <c r="BN611" s="259"/>
      <c r="BO611" s="259"/>
      <c r="BP611" s="259"/>
      <c r="BQ611" s="259"/>
      <c r="BR611" s="259"/>
      <c r="BS611" s="259"/>
    </row>
    <row r="612" spans="1:71" s="74" customFormat="1" ht="56.1" customHeight="1">
      <c r="A612" s="186" t="s">
        <v>668</v>
      </c>
      <c r="B612" s="68"/>
      <c r="C612" s="274" t="s">
        <v>669</v>
      </c>
      <c r="D612" s="275"/>
      <c r="E612" s="275"/>
      <c r="F612" s="275"/>
      <c r="G612" s="275"/>
      <c r="H612" s="276"/>
      <c r="I612" s="98" t="s">
        <v>670</v>
      </c>
      <c r="J612" s="93" t="str">
        <f t="shared" si="103"/>
        <v>*</v>
      </c>
      <c r="K612" s="152" t="str">
        <f t="shared" si="104"/>
        <v>※</v>
      </c>
      <c r="L612" s="94" t="s">
        <v>382</v>
      </c>
      <c r="M612" s="259">
        <v>0</v>
      </c>
      <c r="N612" s="259">
        <v>0</v>
      </c>
      <c r="O612" s="259">
        <v>0</v>
      </c>
      <c r="P612" s="259">
        <v>0</v>
      </c>
      <c r="Q612" s="259"/>
      <c r="R612" s="259"/>
      <c r="S612" s="259"/>
      <c r="T612" s="259"/>
      <c r="U612" s="259"/>
      <c r="V612" s="259"/>
      <c r="W612" s="259"/>
      <c r="X612" s="259"/>
      <c r="Y612" s="259"/>
      <c r="Z612" s="259"/>
      <c r="AA612" s="259"/>
      <c r="AB612" s="259"/>
      <c r="AC612" s="259"/>
      <c r="AD612" s="259"/>
      <c r="AE612" s="259"/>
      <c r="AF612" s="259"/>
      <c r="AG612" s="259"/>
      <c r="AH612" s="259"/>
      <c r="AI612" s="259"/>
      <c r="AJ612" s="259"/>
      <c r="AK612" s="259"/>
      <c r="AL612" s="259"/>
      <c r="AM612" s="259"/>
      <c r="AN612" s="259"/>
      <c r="AO612" s="259"/>
      <c r="AP612" s="259"/>
      <c r="AQ612" s="259"/>
      <c r="AR612" s="259"/>
      <c r="AS612" s="259"/>
      <c r="AT612" s="259"/>
      <c r="AU612" s="259"/>
      <c r="AV612" s="259"/>
      <c r="AW612" s="259"/>
      <c r="AX612" s="259"/>
      <c r="AY612" s="259"/>
      <c r="AZ612" s="259"/>
      <c r="BA612" s="259"/>
      <c r="BB612" s="259"/>
      <c r="BC612" s="259"/>
      <c r="BD612" s="259"/>
      <c r="BE612" s="259"/>
      <c r="BF612" s="259"/>
      <c r="BG612" s="259"/>
      <c r="BH612" s="259"/>
      <c r="BI612" s="259"/>
      <c r="BJ612" s="259"/>
      <c r="BK612" s="259"/>
      <c r="BL612" s="259"/>
      <c r="BM612" s="259"/>
      <c r="BN612" s="259"/>
      <c r="BO612" s="259"/>
      <c r="BP612" s="259"/>
      <c r="BQ612" s="259"/>
      <c r="BR612" s="259"/>
      <c r="BS612" s="259"/>
    </row>
    <row r="613" spans="1:71" s="74" customFormat="1" ht="42" customHeight="1">
      <c r="A613" s="186" t="s">
        <v>671</v>
      </c>
      <c r="B613" s="68"/>
      <c r="C613" s="274" t="s">
        <v>672</v>
      </c>
      <c r="D613" s="275"/>
      <c r="E613" s="275"/>
      <c r="F613" s="275"/>
      <c r="G613" s="275"/>
      <c r="H613" s="276"/>
      <c r="I613" s="160" t="s">
        <v>673</v>
      </c>
      <c r="J613" s="93">
        <f t="shared" si="103"/>
        <v>0</v>
      </c>
      <c r="K613" s="152" t="str">
        <f t="shared" si="104"/>
        <v/>
      </c>
      <c r="L613" s="94">
        <v>0</v>
      </c>
      <c r="M613" s="259">
        <v>0</v>
      </c>
      <c r="N613" s="259">
        <v>0</v>
      </c>
      <c r="O613" s="259">
        <v>0</v>
      </c>
      <c r="P613" s="259">
        <v>0</v>
      </c>
      <c r="Q613" s="259"/>
      <c r="R613" s="259"/>
      <c r="S613" s="259"/>
      <c r="T613" s="259"/>
      <c r="U613" s="259"/>
      <c r="V613" s="259"/>
      <c r="W613" s="259"/>
      <c r="X613" s="259"/>
      <c r="Y613" s="259"/>
      <c r="Z613" s="259"/>
      <c r="AA613" s="259"/>
      <c r="AB613" s="259"/>
      <c r="AC613" s="259"/>
      <c r="AD613" s="259"/>
      <c r="AE613" s="259"/>
      <c r="AF613" s="259"/>
      <c r="AG613" s="259"/>
      <c r="AH613" s="259"/>
      <c r="AI613" s="259"/>
      <c r="AJ613" s="259"/>
      <c r="AK613" s="259"/>
      <c r="AL613" s="259"/>
      <c r="AM613" s="259"/>
      <c r="AN613" s="259"/>
      <c r="AO613" s="259"/>
      <c r="AP613" s="259"/>
      <c r="AQ613" s="259"/>
      <c r="AR613" s="259"/>
      <c r="AS613" s="259"/>
      <c r="AT613" s="259"/>
      <c r="AU613" s="259"/>
      <c r="AV613" s="259"/>
      <c r="AW613" s="259"/>
      <c r="AX613" s="259"/>
      <c r="AY613" s="259"/>
      <c r="AZ613" s="259"/>
      <c r="BA613" s="259"/>
      <c r="BB613" s="259"/>
      <c r="BC613" s="259"/>
      <c r="BD613" s="259"/>
      <c r="BE613" s="259"/>
      <c r="BF613" s="259"/>
      <c r="BG613" s="259"/>
      <c r="BH613" s="259"/>
      <c r="BI613" s="259"/>
      <c r="BJ613" s="259"/>
      <c r="BK613" s="259"/>
      <c r="BL613" s="259"/>
      <c r="BM613" s="259"/>
      <c r="BN613" s="259"/>
      <c r="BO613" s="259"/>
      <c r="BP613" s="259"/>
      <c r="BQ613" s="259"/>
      <c r="BR613" s="259"/>
      <c r="BS613" s="259"/>
    </row>
    <row r="614" spans="1:71" s="74" customFormat="1" ht="56.1" customHeight="1">
      <c r="A614" s="186" t="s">
        <v>674</v>
      </c>
      <c r="B614" s="68"/>
      <c r="C614" s="274" t="s">
        <v>675</v>
      </c>
      <c r="D614" s="275"/>
      <c r="E614" s="275"/>
      <c r="F614" s="275"/>
      <c r="G614" s="275"/>
      <c r="H614" s="276"/>
      <c r="I614" s="98" t="s">
        <v>676</v>
      </c>
      <c r="J614" s="93">
        <f t="shared" si="103"/>
        <v>0</v>
      </c>
      <c r="K614" s="152" t="str">
        <f t="shared" si="104"/>
        <v/>
      </c>
      <c r="L614" s="94">
        <v>0</v>
      </c>
      <c r="M614" s="259">
        <v>0</v>
      </c>
      <c r="N614" s="259">
        <v>0</v>
      </c>
      <c r="O614" s="259">
        <v>0</v>
      </c>
      <c r="P614" s="259">
        <v>0</v>
      </c>
      <c r="Q614" s="259"/>
      <c r="R614" s="259"/>
      <c r="S614" s="259"/>
      <c r="T614" s="259"/>
      <c r="U614" s="259"/>
      <c r="V614" s="259"/>
      <c r="W614" s="259"/>
      <c r="X614" s="259"/>
      <c r="Y614" s="259"/>
      <c r="Z614" s="259"/>
      <c r="AA614" s="259"/>
      <c r="AB614" s="259"/>
      <c r="AC614" s="259"/>
      <c r="AD614" s="259"/>
      <c r="AE614" s="259"/>
      <c r="AF614" s="259"/>
      <c r="AG614" s="259"/>
      <c r="AH614" s="259"/>
      <c r="AI614" s="259"/>
      <c r="AJ614" s="259"/>
      <c r="AK614" s="259"/>
      <c r="AL614" s="259"/>
      <c r="AM614" s="259"/>
      <c r="AN614" s="259"/>
      <c r="AO614" s="259"/>
      <c r="AP614" s="259"/>
      <c r="AQ614" s="259"/>
      <c r="AR614" s="259"/>
      <c r="AS614" s="259"/>
      <c r="AT614" s="259"/>
      <c r="AU614" s="259"/>
      <c r="AV614" s="259"/>
      <c r="AW614" s="259"/>
      <c r="AX614" s="259"/>
      <c r="AY614" s="259"/>
      <c r="AZ614" s="259"/>
      <c r="BA614" s="259"/>
      <c r="BB614" s="259"/>
      <c r="BC614" s="259"/>
      <c r="BD614" s="259"/>
      <c r="BE614" s="259"/>
      <c r="BF614" s="259"/>
      <c r="BG614" s="259"/>
      <c r="BH614" s="259"/>
      <c r="BI614" s="259"/>
      <c r="BJ614" s="259"/>
      <c r="BK614" s="259"/>
      <c r="BL614" s="259"/>
      <c r="BM614" s="259"/>
      <c r="BN614" s="259"/>
      <c r="BO614" s="259"/>
      <c r="BP614" s="259"/>
      <c r="BQ614" s="259"/>
      <c r="BR614" s="259"/>
      <c r="BS614" s="259"/>
    </row>
    <row r="615" spans="1:71" s="74" customFormat="1">
      <c r="A615" s="178"/>
      <c r="B615" s="14"/>
      <c r="C615" s="14"/>
      <c r="D615" s="14"/>
      <c r="E615" s="14"/>
      <c r="F615" s="14"/>
      <c r="G615" s="14"/>
      <c r="H615" s="10"/>
      <c r="I615" s="10"/>
      <c r="J615" s="71"/>
      <c r="K615" s="72"/>
      <c r="L615" s="73"/>
      <c r="M615" s="73"/>
      <c r="N615" s="73"/>
      <c r="O615" s="73"/>
      <c r="P615" s="73"/>
      <c r="Q615" s="73"/>
    </row>
    <row r="616" spans="1:71" s="67" customFormat="1">
      <c r="A616" s="178"/>
      <c r="B616" s="68"/>
      <c r="C616" s="52"/>
      <c r="D616" s="52"/>
      <c r="E616" s="52"/>
      <c r="F616" s="52"/>
      <c r="G616" s="52"/>
      <c r="H616" s="75"/>
      <c r="I616" s="75"/>
      <c r="J616" s="71"/>
      <c r="K616" s="72"/>
      <c r="L616" s="73"/>
      <c r="M616" s="73"/>
      <c r="N616" s="73"/>
      <c r="O616" s="73"/>
      <c r="P616" s="73"/>
      <c r="Q616" s="73"/>
    </row>
    <row r="617" spans="1:71" s="74" customFormat="1">
      <c r="A617" s="178"/>
      <c r="B617" s="68"/>
      <c r="C617" s="3"/>
      <c r="D617" s="3"/>
      <c r="E617" s="101"/>
      <c r="F617" s="101"/>
      <c r="G617" s="101"/>
      <c r="H617" s="102"/>
      <c r="I617" s="102"/>
      <c r="J617" s="71"/>
      <c r="K617" s="72"/>
      <c r="L617" s="73"/>
      <c r="M617" s="73"/>
      <c r="N617" s="73"/>
      <c r="O617" s="73"/>
      <c r="P617" s="73"/>
      <c r="Q617" s="73"/>
    </row>
    <row r="618" spans="1:71" s="74" customFormat="1">
      <c r="A618" s="178"/>
      <c r="B618" s="14" t="s">
        <v>677</v>
      </c>
      <c r="C618" s="85"/>
      <c r="D618" s="85"/>
      <c r="E618" s="85"/>
      <c r="F618" s="85"/>
      <c r="G618" s="85"/>
      <c r="H618" s="10"/>
      <c r="I618" s="10"/>
      <c r="J618" s="71"/>
      <c r="K618" s="72"/>
      <c r="L618" s="73"/>
      <c r="M618" s="73"/>
      <c r="N618" s="73"/>
      <c r="O618" s="73"/>
      <c r="P618" s="73"/>
      <c r="Q618" s="73"/>
    </row>
    <row r="619" spans="1:71">
      <c r="A619" s="178"/>
      <c r="B619" s="14"/>
      <c r="C619" s="14"/>
      <c r="D619" s="14"/>
      <c r="E619" s="14"/>
      <c r="F619" s="14"/>
      <c r="G619" s="14"/>
      <c r="H619" s="10"/>
      <c r="I619" s="10"/>
      <c r="L619" s="62"/>
      <c r="M619" s="62"/>
      <c r="N619" s="62"/>
      <c r="O619" s="62"/>
      <c r="P619" s="62"/>
      <c r="Q619" s="62"/>
      <c r="R619" s="8"/>
      <c r="S619" s="8"/>
      <c r="T619" s="8"/>
      <c r="U619" s="8"/>
      <c r="V619" s="8"/>
    </row>
    <row r="620" spans="1:71" s="240" customFormat="1" ht="34.5" customHeight="1">
      <c r="A620" s="178"/>
      <c r="B620" s="14"/>
      <c r="C620" s="3"/>
      <c r="D620" s="3"/>
      <c r="E620" s="3"/>
      <c r="F620" s="3"/>
      <c r="G620" s="3"/>
      <c r="H620" s="214"/>
      <c r="I620" s="214"/>
      <c r="J620" s="63" t="s">
        <v>81</v>
      </c>
      <c r="K620" s="161"/>
      <c r="L620" s="245" t="str">
        <f t="shared" ref="L620:AQ620" si="105">IF(ISBLANK(L$390),"",L$390)</f>
        <v>4階病棟</v>
      </c>
      <c r="M620" s="249" t="str">
        <f t="shared" si="105"/>
        <v>回復期リハビリテーション病棟</v>
      </c>
      <c r="N620" s="247" t="str">
        <f t="shared" si="105"/>
        <v>地域包括ケア病棟</v>
      </c>
      <c r="O620" s="247" t="str">
        <f t="shared" si="105"/>
        <v>特殊疾患病棟</v>
      </c>
      <c r="P620" s="247" t="str">
        <f t="shared" si="105"/>
        <v>療養病棟2階</v>
      </c>
      <c r="Q620" s="247" t="str">
        <f t="shared" si="105"/>
        <v/>
      </c>
      <c r="R620" s="247" t="str">
        <f t="shared" si="105"/>
        <v/>
      </c>
      <c r="S620" s="247" t="str">
        <f t="shared" si="105"/>
        <v/>
      </c>
      <c r="T620" s="247" t="str">
        <f t="shared" si="105"/>
        <v/>
      </c>
      <c r="U620" s="247" t="str">
        <f t="shared" si="105"/>
        <v/>
      </c>
      <c r="V620" s="247" t="str">
        <f t="shared" si="105"/>
        <v/>
      </c>
      <c r="W620" s="247" t="str">
        <f t="shared" si="105"/>
        <v/>
      </c>
      <c r="X620" s="247" t="str">
        <f t="shared" si="105"/>
        <v/>
      </c>
      <c r="Y620" s="247" t="str">
        <f t="shared" si="105"/>
        <v/>
      </c>
      <c r="Z620" s="247" t="str">
        <f t="shared" si="105"/>
        <v/>
      </c>
      <c r="AA620" s="247" t="str">
        <f t="shared" si="105"/>
        <v/>
      </c>
      <c r="AB620" s="247" t="str">
        <f t="shared" si="105"/>
        <v/>
      </c>
      <c r="AC620" s="247" t="str">
        <f t="shared" si="105"/>
        <v/>
      </c>
      <c r="AD620" s="247" t="str">
        <f t="shared" si="105"/>
        <v/>
      </c>
      <c r="AE620" s="247" t="str">
        <f t="shared" si="105"/>
        <v/>
      </c>
      <c r="AF620" s="247" t="str">
        <f t="shared" si="105"/>
        <v/>
      </c>
      <c r="AG620" s="247" t="str">
        <f t="shared" si="105"/>
        <v/>
      </c>
      <c r="AH620" s="247" t="str">
        <f t="shared" si="105"/>
        <v/>
      </c>
      <c r="AI620" s="247" t="str">
        <f t="shared" si="105"/>
        <v/>
      </c>
      <c r="AJ620" s="247" t="str">
        <f t="shared" si="105"/>
        <v/>
      </c>
      <c r="AK620" s="247" t="str">
        <f t="shared" si="105"/>
        <v/>
      </c>
      <c r="AL620" s="247" t="str">
        <f t="shared" si="105"/>
        <v/>
      </c>
      <c r="AM620" s="247" t="str">
        <f t="shared" si="105"/>
        <v/>
      </c>
      <c r="AN620" s="247" t="str">
        <f t="shared" si="105"/>
        <v/>
      </c>
      <c r="AO620" s="247" t="str">
        <f t="shared" si="105"/>
        <v/>
      </c>
      <c r="AP620" s="247" t="str">
        <f t="shared" si="105"/>
        <v/>
      </c>
      <c r="AQ620" s="247" t="str">
        <f t="shared" si="105"/>
        <v/>
      </c>
      <c r="AR620" s="247" t="str">
        <f t="shared" ref="AR620:BS620" si="106">IF(ISBLANK(AR$390),"",AR$390)</f>
        <v/>
      </c>
      <c r="AS620" s="247" t="str">
        <f t="shared" si="106"/>
        <v/>
      </c>
      <c r="AT620" s="247" t="str">
        <f t="shared" si="106"/>
        <v/>
      </c>
      <c r="AU620" s="247" t="str">
        <f t="shared" si="106"/>
        <v/>
      </c>
      <c r="AV620" s="247" t="str">
        <f t="shared" si="106"/>
        <v/>
      </c>
      <c r="AW620" s="247" t="str">
        <f t="shared" si="106"/>
        <v/>
      </c>
      <c r="AX620" s="247" t="str">
        <f t="shared" si="106"/>
        <v/>
      </c>
      <c r="AY620" s="247" t="str">
        <f t="shared" si="106"/>
        <v/>
      </c>
      <c r="AZ620" s="247" t="str">
        <f t="shared" si="106"/>
        <v/>
      </c>
      <c r="BA620" s="247" t="str">
        <f t="shared" si="106"/>
        <v/>
      </c>
      <c r="BB620" s="247" t="str">
        <f t="shared" si="106"/>
        <v/>
      </c>
      <c r="BC620" s="247" t="str">
        <f t="shared" si="106"/>
        <v/>
      </c>
      <c r="BD620" s="247" t="str">
        <f t="shared" si="106"/>
        <v/>
      </c>
      <c r="BE620" s="247" t="str">
        <f t="shared" si="106"/>
        <v/>
      </c>
      <c r="BF620" s="247" t="str">
        <f t="shared" si="106"/>
        <v/>
      </c>
      <c r="BG620" s="247" t="str">
        <f t="shared" si="106"/>
        <v/>
      </c>
      <c r="BH620" s="247" t="str">
        <f t="shared" si="106"/>
        <v/>
      </c>
      <c r="BI620" s="247" t="str">
        <f t="shared" si="106"/>
        <v/>
      </c>
      <c r="BJ620" s="247" t="str">
        <f t="shared" si="106"/>
        <v/>
      </c>
      <c r="BK620" s="247" t="str">
        <f t="shared" si="106"/>
        <v/>
      </c>
      <c r="BL620" s="247" t="str">
        <f t="shared" si="106"/>
        <v/>
      </c>
      <c r="BM620" s="247" t="str">
        <f t="shared" si="106"/>
        <v/>
      </c>
      <c r="BN620" s="247" t="str">
        <f t="shared" si="106"/>
        <v/>
      </c>
      <c r="BO620" s="247" t="str">
        <f t="shared" si="106"/>
        <v/>
      </c>
      <c r="BP620" s="247" t="str">
        <f t="shared" si="106"/>
        <v/>
      </c>
      <c r="BQ620" s="247" t="str">
        <f t="shared" si="106"/>
        <v/>
      </c>
      <c r="BR620" s="247" t="str">
        <f t="shared" si="106"/>
        <v/>
      </c>
      <c r="BS620" s="247" t="str">
        <f t="shared" si="106"/>
        <v/>
      </c>
    </row>
    <row r="621" spans="1:71" s="240" customFormat="1" ht="20.25" customHeight="1">
      <c r="A621" s="178"/>
      <c r="B621" s="1"/>
      <c r="C621" s="52"/>
      <c r="D621" s="3"/>
      <c r="E621" s="3"/>
      <c r="F621" s="3"/>
      <c r="G621" s="3"/>
      <c r="H621" s="214"/>
      <c r="I621" s="56" t="s">
        <v>82</v>
      </c>
      <c r="J621" s="57"/>
      <c r="K621" s="162"/>
      <c r="L621" s="59" t="str">
        <f t="shared" ref="L621:AQ621" si="107">IF(ISBLANK(L$391),"",L$391)</f>
        <v>-</v>
      </c>
      <c r="M621" s="250" t="str">
        <f t="shared" si="107"/>
        <v>-</v>
      </c>
      <c r="N621" s="59" t="str">
        <f t="shared" si="107"/>
        <v>-</v>
      </c>
      <c r="O621" s="59" t="str">
        <f t="shared" si="107"/>
        <v>-</v>
      </c>
      <c r="P621" s="59" t="str">
        <f t="shared" si="107"/>
        <v>-</v>
      </c>
      <c r="Q621" s="59" t="str">
        <f t="shared" si="107"/>
        <v/>
      </c>
      <c r="R621" s="59" t="str">
        <f t="shared" si="107"/>
        <v/>
      </c>
      <c r="S621" s="59" t="str">
        <f t="shared" si="107"/>
        <v/>
      </c>
      <c r="T621" s="59" t="str">
        <f t="shared" si="107"/>
        <v/>
      </c>
      <c r="U621" s="59" t="str">
        <f t="shared" si="107"/>
        <v/>
      </c>
      <c r="V621" s="59" t="str">
        <f t="shared" si="107"/>
        <v/>
      </c>
      <c r="W621" s="59" t="str">
        <f t="shared" si="107"/>
        <v/>
      </c>
      <c r="X621" s="59" t="str">
        <f t="shared" si="107"/>
        <v/>
      </c>
      <c r="Y621" s="59" t="str">
        <f t="shared" si="107"/>
        <v/>
      </c>
      <c r="Z621" s="59" t="str">
        <f t="shared" si="107"/>
        <v/>
      </c>
      <c r="AA621" s="59" t="str">
        <f t="shared" si="107"/>
        <v/>
      </c>
      <c r="AB621" s="59" t="str">
        <f t="shared" si="107"/>
        <v/>
      </c>
      <c r="AC621" s="59" t="str">
        <f t="shared" si="107"/>
        <v/>
      </c>
      <c r="AD621" s="59" t="str">
        <f t="shared" si="107"/>
        <v/>
      </c>
      <c r="AE621" s="59" t="str">
        <f t="shared" si="107"/>
        <v/>
      </c>
      <c r="AF621" s="59" t="str">
        <f t="shared" si="107"/>
        <v/>
      </c>
      <c r="AG621" s="59" t="str">
        <f t="shared" si="107"/>
        <v/>
      </c>
      <c r="AH621" s="59" t="str">
        <f t="shared" si="107"/>
        <v/>
      </c>
      <c r="AI621" s="59" t="str">
        <f t="shared" si="107"/>
        <v/>
      </c>
      <c r="AJ621" s="59" t="str">
        <f t="shared" si="107"/>
        <v/>
      </c>
      <c r="AK621" s="59" t="str">
        <f t="shared" si="107"/>
        <v/>
      </c>
      <c r="AL621" s="59" t="str">
        <f t="shared" si="107"/>
        <v/>
      </c>
      <c r="AM621" s="59" t="str">
        <f t="shared" si="107"/>
        <v/>
      </c>
      <c r="AN621" s="59" t="str">
        <f t="shared" si="107"/>
        <v/>
      </c>
      <c r="AO621" s="59" t="str">
        <f t="shared" si="107"/>
        <v/>
      </c>
      <c r="AP621" s="59" t="str">
        <f t="shared" si="107"/>
        <v/>
      </c>
      <c r="AQ621" s="59" t="str">
        <f t="shared" si="107"/>
        <v/>
      </c>
      <c r="AR621" s="59" t="str">
        <f t="shared" ref="AR621:BS621" si="108">IF(ISBLANK(AR$391),"",AR$391)</f>
        <v/>
      </c>
      <c r="AS621" s="59" t="str">
        <f t="shared" si="108"/>
        <v/>
      </c>
      <c r="AT621" s="59" t="str">
        <f t="shared" si="108"/>
        <v/>
      </c>
      <c r="AU621" s="59" t="str">
        <f t="shared" si="108"/>
        <v/>
      </c>
      <c r="AV621" s="59" t="str">
        <f t="shared" si="108"/>
        <v/>
      </c>
      <c r="AW621" s="59" t="str">
        <f t="shared" si="108"/>
        <v/>
      </c>
      <c r="AX621" s="59" t="str">
        <f t="shared" si="108"/>
        <v/>
      </c>
      <c r="AY621" s="59" t="str">
        <f t="shared" si="108"/>
        <v/>
      </c>
      <c r="AZ621" s="59" t="str">
        <f t="shared" si="108"/>
        <v/>
      </c>
      <c r="BA621" s="59" t="str">
        <f t="shared" si="108"/>
        <v/>
      </c>
      <c r="BB621" s="59" t="str">
        <f t="shared" si="108"/>
        <v/>
      </c>
      <c r="BC621" s="59" t="str">
        <f t="shared" si="108"/>
        <v/>
      </c>
      <c r="BD621" s="59" t="str">
        <f t="shared" si="108"/>
        <v/>
      </c>
      <c r="BE621" s="59" t="str">
        <f t="shared" si="108"/>
        <v/>
      </c>
      <c r="BF621" s="59" t="str">
        <f t="shared" si="108"/>
        <v/>
      </c>
      <c r="BG621" s="59" t="str">
        <f t="shared" si="108"/>
        <v/>
      </c>
      <c r="BH621" s="59" t="str">
        <f t="shared" si="108"/>
        <v/>
      </c>
      <c r="BI621" s="59" t="str">
        <f t="shared" si="108"/>
        <v/>
      </c>
      <c r="BJ621" s="59" t="str">
        <f t="shared" si="108"/>
        <v/>
      </c>
      <c r="BK621" s="59" t="str">
        <f t="shared" si="108"/>
        <v/>
      </c>
      <c r="BL621" s="59" t="str">
        <f t="shared" si="108"/>
        <v/>
      </c>
      <c r="BM621" s="59" t="str">
        <f t="shared" si="108"/>
        <v/>
      </c>
      <c r="BN621" s="59" t="str">
        <f t="shared" si="108"/>
        <v/>
      </c>
      <c r="BO621" s="59" t="str">
        <f t="shared" si="108"/>
        <v/>
      </c>
      <c r="BP621" s="59" t="str">
        <f t="shared" si="108"/>
        <v/>
      </c>
      <c r="BQ621" s="59" t="str">
        <f t="shared" si="108"/>
        <v/>
      </c>
      <c r="BR621" s="59" t="str">
        <f t="shared" si="108"/>
        <v/>
      </c>
      <c r="BS621" s="59" t="str">
        <f t="shared" si="108"/>
        <v/>
      </c>
    </row>
    <row r="622" spans="1:71" s="95" customFormat="1" ht="71.25" customHeight="1">
      <c r="A622" s="186" t="s">
        <v>678</v>
      </c>
      <c r="B622" s="92"/>
      <c r="C622" s="301" t="s">
        <v>679</v>
      </c>
      <c r="D622" s="302"/>
      <c r="E622" s="302"/>
      <c r="F622" s="302"/>
      <c r="G622" s="302"/>
      <c r="H622" s="303"/>
      <c r="I622" s="392" t="s">
        <v>680</v>
      </c>
      <c r="J622" s="93">
        <f>IF(SUM(L622:BS622)=0,IF(COUNTIF(L622:BS622,"未確認")&gt;0,"未確認",IF(COUNTIF(L622:BS622,"~*")&gt;0,"*",SUM(L622:BS622))),SUM(L622:BS622))</f>
        <v>285</v>
      </c>
      <c r="K622" s="152" t="str">
        <f t="shared" ref="K622:K633" si="109">IF(OR(COUNTIF(L622:BS622,"未確認")&gt;0,COUNTIF(L622:BS622,"*")&gt;0),"※","")</f>
        <v>※</v>
      </c>
      <c r="L622" s="94" t="s">
        <v>382</v>
      </c>
      <c r="M622" s="259" t="s">
        <v>382</v>
      </c>
      <c r="N622" s="259">
        <v>285</v>
      </c>
      <c r="O622" s="259" t="s">
        <v>382</v>
      </c>
      <c r="P622" s="259" t="s">
        <v>382</v>
      </c>
      <c r="Q622" s="259"/>
      <c r="R622" s="259"/>
      <c r="S622" s="259"/>
      <c r="T622" s="259"/>
      <c r="U622" s="259"/>
      <c r="V622" s="259"/>
      <c r="W622" s="259"/>
      <c r="X622" s="259"/>
      <c r="Y622" s="259"/>
      <c r="Z622" s="259"/>
      <c r="AA622" s="259"/>
      <c r="AB622" s="259"/>
      <c r="AC622" s="259"/>
      <c r="AD622" s="259"/>
      <c r="AE622" s="259"/>
      <c r="AF622" s="259"/>
      <c r="AG622" s="259"/>
      <c r="AH622" s="259"/>
      <c r="AI622" s="259"/>
      <c r="AJ622" s="259"/>
      <c r="AK622" s="259"/>
      <c r="AL622" s="259"/>
      <c r="AM622" s="259"/>
      <c r="AN622" s="259"/>
      <c r="AO622" s="259"/>
      <c r="AP622" s="259"/>
      <c r="AQ622" s="259"/>
      <c r="AR622" s="259"/>
      <c r="AS622" s="259"/>
      <c r="AT622" s="259"/>
      <c r="AU622" s="259"/>
      <c r="AV622" s="259"/>
      <c r="AW622" s="259"/>
      <c r="AX622" s="259"/>
      <c r="AY622" s="259"/>
      <c r="AZ622" s="259"/>
      <c r="BA622" s="259"/>
      <c r="BB622" s="259"/>
      <c r="BC622" s="259"/>
      <c r="BD622" s="259"/>
      <c r="BE622" s="259"/>
      <c r="BF622" s="259"/>
      <c r="BG622" s="259"/>
      <c r="BH622" s="259"/>
      <c r="BI622" s="259"/>
      <c r="BJ622" s="259"/>
      <c r="BK622" s="259"/>
      <c r="BL622" s="259"/>
      <c r="BM622" s="259"/>
      <c r="BN622" s="259"/>
      <c r="BO622" s="259"/>
      <c r="BP622" s="259"/>
      <c r="BQ622" s="259"/>
      <c r="BR622" s="259"/>
      <c r="BS622" s="259"/>
    </row>
    <row r="623" spans="1:71" s="95" customFormat="1" ht="71.25" customHeight="1">
      <c r="A623" s="186" t="s">
        <v>681</v>
      </c>
      <c r="B623" s="92"/>
      <c r="C623" s="301" t="s">
        <v>682</v>
      </c>
      <c r="D623" s="302"/>
      <c r="E623" s="302"/>
      <c r="F623" s="302"/>
      <c r="G623" s="302"/>
      <c r="H623" s="303"/>
      <c r="I623" s="393"/>
      <c r="J623" s="93">
        <f t="shared" ref="J623:J633" si="110">IF(SUM(L623:BS623)=0,IF(COUNTIF(L623:BS623,"未確認")&gt;0,"未確認",IF(COUNTIF(L623:BS623,"~*")&gt;0,"*",SUM(L623:BS623))),SUM(L623:BS623))</f>
        <v>0</v>
      </c>
      <c r="K623" s="152" t="str">
        <f t="shared" si="109"/>
        <v/>
      </c>
      <c r="L623" s="94">
        <v>0</v>
      </c>
      <c r="M623" s="259">
        <v>0</v>
      </c>
      <c r="N623" s="259">
        <v>0</v>
      </c>
      <c r="O623" s="259">
        <v>0</v>
      </c>
      <c r="P623" s="259">
        <v>0</v>
      </c>
      <c r="Q623" s="259"/>
      <c r="R623" s="259"/>
      <c r="S623" s="259"/>
      <c r="T623" s="259"/>
      <c r="U623" s="259"/>
      <c r="V623" s="259"/>
      <c r="W623" s="259"/>
      <c r="X623" s="259"/>
      <c r="Y623" s="259"/>
      <c r="Z623" s="259"/>
      <c r="AA623" s="259"/>
      <c r="AB623" s="259"/>
      <c r="AC623" s="259"/>
      <c r="AD623" s="259"/>
      <c r="AE623" s="259"/>
      <c r="AF623" s="259"/>
      <c r="AG623" s="259"/>
      <c r="AH623" s="259"/>
      <c r="AI623" s="259"/>
      <c r="AJ623" s="259"/>
      <c r="AK623" s="259"/>
      <c r="AL623" s="259"/>
      <c r="AM623" s="259"/>
      <c r="AN623" s="259"/>
      <c r="AO623" s="259"/>
      <c r="AP623" s="259"/>
      <c r="AQ623" s="259"/>
      <c r="AR623" s="259"/>
      <c r="AS623" s="259"/>
      <c r="AT623" s="259"/>
      <c r="AU623" s="259"/>
      <c r="AV623" s="259"/>
      <c r="AW623" s="259"/>
      <c r="AX623" s="259"/>
      <c r="AY623" s="259"/>
      <c r="AZ623" s="259"/>
      <c r="BA623" s="259"/>
      <c r="BB623" s="259"/>
      <c r="BC623" s="259"/>
      <c r="BD623" s="259"/>
      <c r="BE623" s="259"/>
      <c r="BF623" s="259"/>
      <c r="BG623" s="259"/>
      <c r="BH623" s="259"/>
      <c r="BI623" s="259"/>
      <c r="BJ623" s="259"/>
      <c r="BK623" s="259"/>
      <c r="BL623" s="259"/>
      <c r="BM623" s="259"/>
      <c r="BN623" s="259"/>
      <c r="BO623" s="259"/>
      <c r="BP623" s="259"/>
      <c r="BQ623" s="259"/>
      <c r="BR623" s="259"/>
      <c r="BS623" s="259"/>
    </row>
    <row r="624" spans="1:71" s="95" customFormat="1" ht="71.25" customHeight="1">
      <c r="A624" s="186" t="s">
        <v>683</v>
      </c>
      <c r="B624" s="92"/>
      <c r="C624" s="301" t="s">
        <v>684</v>
      </c>
      <c r="D624" s="302"/>
      <c r="E624" s="302"/>
      <c r="F624" s="302"/>
      <c r="G624" s="302"/>
      <c r="H624" s="303"/>
      <c r="I624" s="394"/>
      <c r="J624" s="93">
        <f t="shared" si="110"/>
        <v>0</v>
      </c>
      <c r="K624" s="152" t="str">
        <f t="shared" si="109"/>
        <v/>
      </c>
      <c r="L624" s="94">
        <v>0</v>
      </c>
      <c r="M624" s="259">
        <v>0</v>
      </c>
      <c r="N624" s="259">
        <v>0</v>
      </c>
      <c r="O624" s="259">
        <v>0</v>
      </c>
      <c r="P624" s="259">
        <v>0</v>
      </c>
      <c r="Q624" s="259"/>
      <c r="R624" s="259"/>
      <c r="S624" s="259"/>
      <c r="T624" s="259"/>
      <c r="U624" s="259"/>
      <c r="V624" s="259"/>
      <c r="W624" s="259"/>
      <c r="X624" s="259"/>
      <c r="Y624" s="259"/>
      <c r="Z624" s="259"/>
      <c r="AA624" s="259"/>
      <c r="AB624" s="259"/>
      <c r="AC624" s="259"/>
      <c r="AD624" s="259"/>
      <c r="AE624" s="259"/>
      <c r="AF624" s="259"/>
      <c r="AG624" s="259"/>
      <c r="AH624" s="259"/>
      <c r="AI624" s="259"/>
      <c r="AJ624" s="259"/>
      <c r="AK624" s="259"/>
      <c r="AL624" s="259"/>
      <c r="AM624" s="259"/>
      <c r="AN624" s="259"/>
      <c r="AO624" s="259"/>
      <c r="AP624" s="259"/>
      <c r="AQ624" s="259"/>
      <c r="AR624" s="259"/>
      <c r="AS624" s="259"/>
      <c r="AT624" s="259"/>
      <c r="AU624" s="259"/>
      <c r="AV624" s="259"/>
      <c r="AW624" s="259"/>
      <c r="AX624" s="259"/>
      <c r="AY624" s="259"/>
      <c r="AZ624" s="259"/>
      <c r="BA624" s="259"/>
      <c r="BB624" s="259"/>
      <c r="BC624" s="259"/>
      <c r="BD624" s="259"/>
      <c r="BE624" s="259"/>
      <c r="BF624" s="259"/>
      <c r="BG624" s="259"/>
      <c r="BH624" s="259"/>
      <c r="BI624" s="259"/>
      <c r="BJ624" s="259"/>
      <c r="BK624" s="259"/>
      <c r="BL624" s="259"/>
      <c r="BM624" s="259"/>
      <c r="BN624" s="259"/>
      <c r="BO624" s="259"/>
      <c r="BP624" s="259"/>
      <c r="BQ624" s="259"/>
      <c r="BR624" s="259"/>
      <c r="BS624" s="259"/>
    </row>
    <row r="625" spans="1:71" s="95" customFormat="1" ht="70.150000000000006" customHeight="1">
      <c r="A625" s="186" t="s">
        <v>685</v>
      </c>
      <c r="B625" s="92"/>
      <c r="C625" s="301" t="s">
        <v>686</v>
      </c>
      <c r="D625" s="302"/>
      <c r="E625" s="302"/>
      <c r="F625" s="302"/>
      <c r="G625" s="302"/>
      <c r="H625" s="303"/>
      <c r="I625" s="395" t="s">
        <v>687</v>
      </c>
      <c r="J625" s="93">
        <f t="shared" si="110"/>
        <v>0</v>
      </c>
      <c r="K625" s="152" t="str">
        <f t="shared" si="109"/>
        <v/>
      </c>
      <c r="L625" s="94">
        <v>0</v>
      </c>
      <c r="M625" s="259">
        <v>0</v>
      </c>
      <c r="N625" s="259">
        <v>0</v>
      </c>
      <c r="O625" s="259">
        <v>0</v>
      </c>
      <c r="P625" s="259">
        <v>0</v>
      </c>
      <c r="Q625" s="259"/>
      <c r="R625" s="259"/>
      <c r="S625" s="259"/>
      <c r="T625" s="259"/>
      <c r="U625" s="259"/>
      <c r="V625" s="259"/>
      <c r="W625" s="259"/>
      <c r="X625" s="259"/>
      <c r="Y625" s="259"/>
      <c r="Z625" s="259"/>
      <c r="AA625" s="259"/>
      <c r="AB625" s="259"/>
      <c r="AC625" s="259"/>
      <c r="AD625" s="259"/>
      <c r="AE625" s="259"/>
      <c r="AF625" s="259"/>
      <c r="AG625" s="259"/>
      <c r="AH625" s="259"/>
      <c r="AI625" s="259"/>
      <c r="AJ625" s="259"/>
      <c r="AK625" s="259"/>
      <c r="AL625" s="259"/>
      <c r="AM625" s="259"/>
      <c r="AN625" s="259"/>
      <c r="AO625" s="259"/>
      <c r="AP625" s="259"/>
      <c r="AQ625" s="259"/>
      <c r="AR625" s="259"/>
      <c r="AS625" s="259"/>
      <c r="AT625" s="259"/>
      <c r="AU625" s="259"/>
      <c r="AV625" s="259"/>
      <c r="AW625" s="259"/>
      <c r="AX625" s="259"/>
      <c r="AY625" s="259"/>
      <c r="AZ625" s="259"/>
      <c r="BA625" s="259"/>
      <c r="BB625" s="259"/>
      <c r="BC625" s="259"/>
      <c r="BD625" s="259"/>
      <c r="BE625" s="259"/>
      <c r="BF625" s="259"/>
      <c r="BG625" s="259"/>
      <c r="BH625" s="259"/>
      <c r="BI625" s="259"/>
      <c r="BJ625" s="259"/>
      <c r="BK625" s="259"/>
      <c r="BL625" s="259"/>
      <c r="BM625" s="259"/>
      <c r="BN625" s="259"/>
      <c r="BO625" s="259"/>
      <c r="BP625" s="259"/>
      <c r="BQ625" s="259"/>
      <c r="BR625" s="259"/>
      <c r="BS625" s="259"/>
    </row>
    <row r="626" spans="1:71" s="95" customFormat="1" ht="70.150000000000006" customHeight="1">
      <c r="A626" s="186"/>
      <c r="B626" s="92"/>
      <c r="C626" s="301" t="s">
        <v>688</v>
      </c>
      <c r="D626" s="302"/>
      <c r="E626" s="302"/>
      <c r="F626" s="302"/>
      <c r="G626" s="302"/>
      <c r="H626" s="303"/>
      <c r="I626" s="396"/>
      <c r="J626" s="93">
        <f>IF(SUM(L626:BS626)=0,IF(COUNTIF(L626:BS626,"未確認")&gt;0,"未確認",IF(COUNTIF(L626:BS626,"~*")&gt;0,"*",SUM(L626:BS626))),SUM(L626:BS626))</f>
        <v>0</v>
      </c>
      <c r="K626" s="152" t="str">
        <f>IF(OR(COUNTIF(L626:BS626,"未確認")&gt;0,COUNTIF(L626:BS626,"*")&gt;0),"※","")</f>
        <v/>
      </c>
      <c r="L626" s="94">
        <v>0</v>
      </c>
      <c r="M626" s="259">
        <v>0</v>
      </c>
      <c r="N626" s="259">
        <v>0</v>
      </c>
      <c r="O626" s="259">
        <v>0</v>
      </c>
      <c r="P626" s="259">
        <v>0</v>
      </c>
      <c r="Q626" s="259"/>
      <c r="R626" s="259"/>
      <c r="S626" s="259"/>
      <c r="T626" s="259"/>
      <c r="U626" s="259"/>
      <c r="V626" s="259"/>
      <c r="W626" s="259"/>
      <c r="X626" s="259"/>
      <c r="Y626" s="259"/>
      <c r="Z626" s="259"/>
      <c r="AA626" s="259"/>
      <c r="AB626" s="259"/>
      <c r="AC626" s="259"/>
      <c r="AD626" s="259"/>
      <c r="AE626" s="259"/>
      <c r="AF626" s="259"/>
      <c r="AG626" s="259"/>
      <c r="AH626" s="259"/>
      <c r="AI626" s="259"/>
      <c r="AJ626" s="259"/>
      <c r="AK626" s="259"/>
      <c r="AL626" s="259"/>
      <c r="AM626" s="259"/>
      <c r="AN626" s="259"/>
      <c r="AO626" s="259"/>
      <c r="AP626" s="259"/>
      <c r="AQ626" s="259"/>
      <c r="AR626" s="259"/>
      <c r="AS626" s="259"/>
      <c r="AT626" s="259"/>
      <c r="AU626" s="259"/>
      <c r="AV626" s="259"/>
      <c r="AW626" s="259"/>
      <c r="AX626" s="259"/>
      <c r="AY626" s="259"/>
      <c r="AZ626" s="259"/>
      <c r="BA626" s="259"/>
      <c r="BB626" s="259"/>
      <c r="BC626" s="259"/>
      <c r="BD626" s="259"/>
      <c r="BE626" s="259"/>
      <c r="BF626" s="259"/>
      <c r="BG626" s="259"/>
      <c r="BH626" s="259"/>
      <c r="BI626" s="259"/>
      <c r="BJ626" s="259"/>
      <c r="BK626" s="259"/>
      <c r="BL626" s="259"/>
      <c r="BM626" s="259"/>
      <c r="BN626" s="259"/>
      <c r="BO626" s="259"/>
      <c r="BP626" s="259"/>
      <c r="BQ626" s="259"/>
      <c r="BR626" s="259"/>
      <c r="BS626" s="259"/>
    </row>
    <row r="627" spans="1:71" s="95" customFormat="1" ht="84" customHeight="1">
      <c r="A627" s="186" t="s">
        <v>689</v>
      </c>
      <c r="B627" s="92"/>
      <c r="C627" s="274" t="s">
        <v>690</v>
      </c>
      <c r="D627" s="275"/>
      <c r="E627" s="275"/>
      <c r="F627" s="275"/>
      <c r="G627" s="275"/>
      <c r="H627" s="276"/>
      <c r="I627" s="98" t="s">
        <v>691</v>
      </c>
      <c r="J627" s="93">
        <f t="shared" si="110"/>
        <v>0</v>
      </c>
      <c r="K627" s="152" t="str">
        <f t="shared" si="109"/>
        <v/>
      </c>
      <c r="L627" s="94">
        <v>0</v>
      </c>
      <c r="M627" s="259">
        <v>0</v>
      </c>
      <c r="N627" s="259">
        <v>0</v>
      </c>
      <c r="O627" s="259">
        <v>0</v>
      </c>
      <c r="P627" s="259">
        <v>0</v>
      </c>
      <c r="Q627" s="259"/>
      <c r="R627" s="259"/>
      <c r="S627" s="259"/>
      <c r="T627" s="259"/>
      <c r="U627" s="259"/>
      <c r="V627" s="259"/>
      <c r="W627" s="259"/>
      <c r="X627" s="259"/>
      <c r="Y627" s="259"/>
      <c r="Z627" s="259"/>
      <c r="AA627" s="259"/>
      <c r="AB627" s="259"/>
      <c r="AC627" s="259"/>
      <c r="AD627" s="259"/>
      <c r="AE627" s="259"/>
      <c r="AF627" s="259"/>
      <c r="AG627" s="259"/>
      <c r="AH627" s="259"/>
      <c r="AI627" s="259"/>
      <c r="AJ627" s="259"/>
      <c r="AK627" s="259"/>
      <c r="AL627" s="259"/>
      <c r="AM627" s="259"/>
      <c r="AN627" s="259"/>
      <c r="AO627" s="259"/>
      <c r="AP627" s="259"/>
      <c r="AQ627" s="259"/>
      <c r="AR627" s="259"/>
      <c r="AS627" s="259"/>
      <c r="AT627" s="259"/>
      <c r="AU627" s="259"/>
      <c r="AV627" s="259"/>
      <c r="AW627" s="259"/>
      <c r="AX627" s="259"/>
      <c r="AY627" s="259"/>
      <c r="AZ627" s="259"/>
      <c r="BA627" s="259"/>
      <c r="BB627" s="259"/>
      <c r="BC627" s="259"/>
      <c r="BD627" s="259"/>
      <c r="BE627" s="259"/>
      <c r="BF627" s="259"/>
      <c r="BG627" s="259"/>
      <c r="BH627" s="259"/>
      <c r="BI627" s="259"/>
      <c r="BJ627" s="259"/>
      <c r="BK627" s="259"/>
      <c r="BL627" s="259"/>
      <c r="BM627" s="259"/>
      <c r="BN627" s="259"/>
      <c r="BO627" s="259"/>
      <c r="BP627" s="259"/>
      <c r="BQ627" s="259"/>
      <c r="BR627" s="259"/>
      <c r="BS627" s="259"/>
    </row>
    <row r="628" spans="1:71" s="95" customFormat="1" ht="100.35" customHeight="1">
      <c r="A628" s="186" t="s">
        <v>692</v>
      </c>
      <c r="B628" s="92"/>
      <c r="C628" s="301" t="s">
        <v>693</v>
      </c>
      <c r="D628" s="302"/>
      <c r="E628" s="302"/>
      <c r="F628" s="302"/>
      <c r="G628" s="302"/>
      <c r="H628" s="303"/>
      <c r="I628" s="103" t="s">
        <v>694</v>
      </c>
      <c r="J628" s="93">
        <f t="shared" si="110"/>
        <v>503</v>
      </c>
      <c r="K628" s="152" t="str">
        <f t="shared" si="109"/>
        <v>※</v>
      </c>
      <c r="L628" s="94">
        <v>0</v>
      </c>
      <c r="M628" s="259">
        <v>0</v>
      </c>
      <c r="N628" s="259">
        <v>503</v>
      </c>
      <c r="O628" s="259">
        <v>0</v>
      </c>
      <c r="P628" s="259" t="s">
        <v>382</v>
      </c>
      <c r="Q628" s="259"/>
      <c r="R628" s="259"/>
      <c r="S628" s="259"/>
      <c r="T628" s="259"/>
      <c r="U628" s="259"/>
      <c r="V628" s="259"/>
      <c r="W628" s="259"/>
      <c r="X628" s="259"/>
      <c r="Y628" s="259"/>
      <c r="Z628" s="259"/>
      <c r="AA628" s="259"/>
      <c r="AB628" s="259"/>
      <c r="AC628" s="259"/>
      <c r="AD628" s="259"/>
      <c r="AE628" s="259"/>
      <c r="AF628" s="259"/>
      <c r="AG628" s="259"/>
      <c r="AH628" s="259"/>
      <c r="AI628" s="259"/>
      <c r="AJ628" s="259"/>
      <c r="AK628" s="259"/>
      <c r="AL628" s="259"/>
      <c r="AM628" s="259"/>
      <c r="AN628" s="259"/>
      <c r="AO628" s="259"/>
      <c r="AP628" s="259"/>
      <c r="AQ628" s="259"/>
      <c r="AR628" s="259"/>
      <c r="AS628" s="259"/>
      <c r="AT628" s="259"/>
      <c r="AU628" s="259"/>
      <c r="AV628" s="259"/>
      <c r="AW628" s="259"/>
      <c r="AX628" s="259"/>
      <c r="AY628" s="259"/>
      <c r="AZ628" s="259"/>
      <c r="BA628" s="259"/>
      <c r="BB628" s="259"/>
      <c r="BC628" s="259"/>
      <c r="BD628" s="259"/>
      <c r="BE628" s="259"/>
      <c r="BF628" s="259"/>
      <c r="BG628" s="259"/>
      <c r="BH628" s="259"/>
      <c r="BI628" s="259"/>
      <c r="BJ628" s="259"/>
      <c r="BK628" s="259"/>
      <c r="BL628" s="259"/>
      <c r="BM628" s="259"/>
      <c r="BN628" s="259"/>
      <c r="BO628" s="259"/>
      <c r="BP628" s="259"/>
      <c r="BQ628" s="259"/>
      <c r="BR628" s="259"/>
      <c r="BS628" s="259"/>
    </row>
    <row r="629" spans="1:71" s="95" customFormat="1" ht="84" customHeight="1">
      <c r="A629" s="186" t="s">
        <v>695</v>
      </c>
      <c r="B629" s="96"/>
      <c r="C629" s="301" t="s">
        <v>696</v>
      </c>
      <c r="D629" s="302"/>
      <c r="E629" s="302"/>
      <c r="F629" s="302"/>
      <c r="G629" s="302"/>
      <c r="H629" s="303"/>
      <c r="I629" s="103" t="s">
        <v>697</v>
      </c>
      <c r="J629" s="93" t="str">
        <f t="shared" si="110"/>
        <v>*</v>
      </c>
      <c r="K629" s="152" t="str">
        <f t="shared" si="109"/>
        <v>※</v>
      </c>
      <c r="L629" s="94">
        <v>0</v>
      </c>
      <c r="M629" s="259" t="s">
        <v>382</v>
      </c>
      <c r="N629" s="259">
        <v>0</v>
      </c>
      <c r="O629" s="259">
        <v>0</v>
      </c>
      <c r="P629" s="259">
        <v>0</v>
      </c>
      <c r="Q629" s="259"/>
      <c r="R629" s="259"/>
      <c r="S629" s="259"/>
      <c r="T629" s="259"/>
      <c r="U629" s="259"/>
      <c r="V629" s="259"/>
      <c r="W629" s="259"/>
      <c r="X629" s="259"/>
      <c r="Y629" s="259"/>
      <c r="Z629" s="259"/>
      <c r="AA629" s="259"/>
      <c r="AB629" s="259"/>
      <c r="AC629" s="259"/>
      <c r="AD629" s="259"/>
      <c r="AE629" s="259"/>
      <c r="AF629" s="259"/>
      <c r="AG629" s="259"/>
      <c r="AH629" s="259"/>
      <c r="AI629" s="259"/>
      <c r="AJ629" s="259"/>
      <c r="AK629" s="259"/>
      <c r="AL629" s="259"/>
      <c r="AM629" s="259"/>
      <c r="AN629" s="259"/>
      <c r="AO629" s="259"/>
      <c r="AP629" s="259"/>
      <c r="AQ629" s="259"/>
      <c r="AR629" s="259"/>
      <c r="AS629" s="259"/>
      <c r="AT629" s="259"/>
      <c r="AU629" s="259"/>
      <c r="AV629" s="259"/>
      <c r="AW629" s="259"/>
      <c r="AX629" s="259"/>
      <c r="AY629" s="259"/>
      <c r="AZ629" s="259"/>
      <c r="BA629" s="259"/>
      <c r="BB629" s="259"/>
      <c r="BC629" s="259"/>
      <c r="BD629" s="259"/>
      <c r="BE629" s="259"/>
      <c r="BF629" s="259"/>
      <c r="BG629" s="259"/>
      <c r="BH629" s="259"/>
      <c r="BI629" s="259"/>
      <c r="BJ629" s="259"/>
      <c r="BK629" s="259"/>
      <c r="BL629" s="259"/>
      <c r="BM629" s="259"/>
      <c r="BN629" s="259"/>
      <c r="BO629" s="259"/>
      <c r="BP629" s="259"/>
      <c r="BQ629" s="259"/>
      <c r="BR629" s="259"/>
      <c r="BS629" s="259"/>
    </row>
    <row r="630" spans="1:71" s="95" customFormat="1" ht="98.1" customHeight="1">
      <c r="A630" s="186" t="s">
        <v>698</v>
      </c>
      <c r="B630" s="96"/>
      <c r="C630" s="274" t="s">
        <v>699</v>
      </c>
      <c r="D630" s="275"/>
      <c r="E630" s="275"/>
      <c r="F630" s="275"/>
      <c r="G630" s="275"/>
      <c r="H630" s="276"/>
      <c r="I630" s="98" t="s">
        <v>700</v>
      </c>
      <c r="J630" s="93">
        <f t="shared" si="110"/>
        <v>0</v>
      </c>
      <c r="K630" s="152" t="str">
        <f t="shared" si="109"/>
        <v/>
      </c>
      <c r="L630" s="94">
        <v>0</v>
      </c>
      <c r="M630" s="259">
        <v>0</v>
      </c>
      <c r="N630" s="259">
        <v>0</v>
      </c>
      <c r="O630" s="259">
        <v>0</v>
      </c>
      <c r="P630" s="259">
        <v>0</v>
      </c>
      <c r="Q630" s="259"/>
      <c r="R630" s="259"/>
      <c r="S630" s="259"/>
      <c r="T630" s="259"/>
      <c r="U630" s="259"/>
      <c r="V630" s="259"/>
      <c r="W630" s="259"/>
      <c r="X630" s="259"/>
      <c r="Y630" s="259"/>
      <c r="Z630" s="259"/>
      <c r="AA630" s="259"/>
      <c r="AB630" s="259"/>
      <c r="AC630" s="259"/>
      <c r="AD630" s="259"/>
      <c r="AE630" s="259"/>
      <c r="AF630" s="259"/>
      <c r="AG630" s="259"/>
      <c r="AH630" s="259"/>
      <c r="AI630" s="259"/>
      <c r="AJ630" s="259"/>
      <c r="AK630" s="259"/>
      <c r="AL630" s="259"/>
      <c r="AM630" s="259"/>
      <c r="AN630" s="259"/>
      <c r="AO630" s="259"/>
      <c r="AP630" s="259"/>
      <c r="AQ630" s="259"/>
      <c r="AR630" s="259"/>
      <c r="AS630" s="259"/>
      <c r="AT630" s="259"/>
      <c r="AU630" s="259"/>
      <c r="AV630" s="259"/>
      <c r="AW630" s="259"/>
      <c r="AX630" s="259"/>
      <c r="AY630" s="259"/>
      <c r="AZ630" s="259"/>
      <c r="BA630" s="259"/>
      <c r="BB630" s="259"/>
      <c r="BC630" s="259"/>
      <c r="BD630" s="259"/>
      <c r="BE630" s="259"/>
      <c r="BF630" s="259"/>
      <c r="BG630" s="259"/>
      <c r="BH630" s="259"/>
      <c r="BI630" s="259"/>
      <c r="BJ630" s="259"/>
      <c r="BK630" s="259"/>
      <c r="BL630" s="259"/>
      <c r="BM630" s="259"/>
      <c r="BN630" s="259"/>
      <c r="BO630" s="259"/>
      <c r="BP630" s="259"/>
      <c r="BQ630" s="259"/>
      <c r="BR630" s="259"/>
      <c r="BS630" s="259"/>
    </row>
    <row r="631" spans="1:71" s="95" customFormat="1" ht="84" customHeight="1">
      <c r="A631" s="186" t="s">
        <v>701</v>
      </c>
      <c r="B631" s="96"/>
      <c r="C631" s="301" t="s">
        <v>702</v>
      </c>
      <c r="D631" s="302"/>
      <c r="E631" s="302"/>
      <c r="F631" s="302"/>
      <c r="G631" s="302"/>
      <c r="H631" s="303"/>
      <c r="I631" s="98" t="s">
        <v>703</v>
      </c>
      <c r="J631" s="93">
        <f t="shared" si="110"/>
        <v>286</v>
      </c>
      <c r="K631" s="152" t="str">
        <f t="shared" si="109"/>
        <v>※</v>
      </c>
      <c r="L631" s="94">
        <v>286</v>
      </c>
      <c r="M631" s="259">
        <v>0</v>
      </c>
      <c r="N631" s="259" t="s">
        <v>382</v>
      </c>
      <c r="O631" s="259">
        <v>0</v>
      </c>
      <c r="P631" s="259">
        <v>0</v>
      </c>
      <c r="Q631" s="259"/>
      <c r="R631" s="259"/>
      <c r="S631" s="259"/>
      <c r="T631" s="259"/>
      <c r="U631" s="259"/>
      <c r="V631" s="259"/>
      <c r="W631" s="259"/>
      <c r="X631" s="259"/>
      <c r="Y631" s="259"/>
      <c r="Z631" s="259"/>
      <c r="AA631" s="259"/>
      <c r="AB631" s="259"/>
      <c r="AC631" s="259"/>
      <c r="AD631" s="259"/>
      <c r="AE631" s="259"/>
      <c r="AF631" s="259"/>
      <c r="AG631" s="259"/>
      <c r="AH631" s="259"/>
      <c r="AI631" s="259"/>
      <c r="AJ631" s="259"/>
      <c r="AK631" s="259"/>
      <c r="AL631" s="259"/>
      <c r="AM631" s="259"/>
      <c r="AN631" s="259"/>
      <c r="AO631" s="259"/>
      <c r="AP631" s="259"/>
      <c r="AQ631" s="259"/>
      <c r="AR631" s="259"/>
      <c r="AS631" s="259"/>
      <c r="AT631" s="259"/>
      <c r="AU631" s="259"/>
      <c r="AV631" s="259"/>
      <c r="AW631" s="259"/>
      <c r="AX631" s="259"/>
      <c r="AY631" s="259"/>
      <c r="AZ631" s="259"/>
      <c r="BA631" s="259"/>
      <c r="BB631" s="259"/>
      <c r="BC631" s="259"/>
      <c r="BD631" s="259"/>
      <c r="BE631" s="259"/>
      <c r="BF631" s="259"/>
      <c r="BG631" s="259"/>
      <c r="BH631" s="259"/>
      <c r="BI631" s="259"/>
      <c r="BJ631" s="259"/>
      <c r="BK631" s="259"/>
      <c r="BL631" s="259"/>
      <c r="BM631" s="259"/>
      <c r="BN631" s="259"/>
      <c r="BO631" s="259"/>
      <c r="BP631" s="259"/>
      <c r="BQ631" s="259"/>
      <c r="BR631" s="259"/>
      <c r="BS631" s="259"/>
    </row>
    <row r="632" spans="1:71" s="95" customFormat="1" ht="70.150000000000006" customHeight="1">
      <c r="A632" s="186" t="s">
        <v>704</v>
      </c>
      <c r="B632" s="96"/>
      <c r="C632" s="274" t="s">
        <v>705</v>
      </c>
      <c r="D632" s="275"/>
      <c r="E632" s="275"/>
      <c r="F632" s="275"/>
      <c r="G632" s="275"/>
      <c r="H632" s="276"/>
      <c r="I632" s="98" t="s">
        <v>706</v>
      </c>
      <c r="J632" s="93" t="str">
        <f t="shared" si="110"/>
        <v>*</v>
      </c>
      <c r="K632" s="152" t="str">
        <f t="shared" si="109"/>
        <v>※</v>
      </c>
      <c r="L632" s="94" t="s">
        <v>382</v>
      </c>
      <c r="M632" s="259">
        <v>0</v>
      </c>
      <c r="N632" s="259" t="s">
        <v>382</v>
      </c>
      <c r="O632" s="259">
        <v>0</v>
      </c>
      <c r="P632" s="259">
        <v>0</v>
      </c>
      <c r="Q632" s="259"/>
      <c r="R632" s="259"/>
      <c r="S632" s="259"/>
      <c r="T632" s="259"/>
      <c r="U632" s="259"/>
      <c r="V632" s="259"/>
      <c r="W632" s="259"/>
      <c r="X632" s="259"/>
      <c r="Y632" s="259"/>
      <c r="Z632" s="259"/>
      <c r="AA632" s="259"/>
      <c r="AB632" s="259"/>
      <c r="AC632" s="259"/>
      <c r="AD632" s="259"/>
      <c r="AE632" s="259"/>
      <c r="AF632" s="259"/>
      <c r="AG632" s="259"/>
      <c r="AH632" s="259"/>
      <c r="AI632" s="259"/>
      <c r="AJ632" s="259"/>
      <c r="AK632" s="259"/>
      <c r="AL632" s="259"/>
      <c r="AM632" s="259"/>
      <c r="AN632" s="259"/>
      <c r="AO632" s="259"/>
      <c r="AP632" s="259"/>
      <c r="AQ632" s="259"/>
      <c r="AR632" s="259"/>
      <c r="AS632" s="259"/>
      <c r="AT632" s="259"/>
      <c r="AU632" s="259"/>
      <c r="AV632" s="259"/>
      <c r="AW632" s="259"/>
      <c r="AX632" s="259"/>
      <c r="AY632" s="259"/>
      <c r="AZ632" s="259"/>
      <c r="BA632" s="259"/>
      <c r="BB632" s="259"/>
      <c r="BC632" s="259"/>
      <c r="BD632" s="259"/>
      <c r="BE632" s="259"/>
      <c r="BF632" s="259"/>
      <c r="BG632" s="259"/>
      <c r="BH632" s="259"/>
      <c r="BI632" s="259"/>
      <c r="BJ632" s="259"/>
      <c r="BK632" s="259"/>
      <c r="BL632" s="259"/>
      <c r="BM632" s="259"/>
      <c r="BN632" s="259"/>
      <c r="BO632" s="259"/>
      <c r="BP632" s="259"/>
      <c r="BQ632" s="259"/>
      <c r="BR632" s="259"/>
      <c r="BS632" s="259"/>
    </row>
    <row r="633" spans="1:71" s="95" customFormat="1" ht="84" customHeight="1">
      <c r="A633" s="186" t="s">
        <v>707</v>
      </c>
      <c r="B633" s="96"/>
      <c r="C633" s="274" t="s">
        <v>708</v>
      </c>
      <c r="D633" s="275"/>
      <c r="E633" s="275"/>
      <c r="F633" s="275"/>
      <c r="G633" s="275"/>
      <c r="H633" s="276"/>
      <c r="I633" s="98" t="s">
        <v>709</v>
      </c>
      <c r="J633" s="93" t="str">
        <f t="shared" si="110"/>
        <v>*</v>
      </c>
      <c r="K633" s="152" t="str">
        <f t="shared" si="109"/>
        <v>※</v>
      </c>
      <c r="L633" s="94" t="s">
        <v>382</v>
      </c>
      <c r="M633" s="259">
        <v>0</v>
      </c>
      <c r="N633" s="259">
        <v>0</v>
      </c>
      <c r="O633" s="259">
        <v>0</v>
      </c>
      <c r="P633" s="259">
        <v>0</v>
      </c>
      <c r="Q633" s="259"/>
      <c r="R633" s="259"/>
      <c r="S633" s="259"/>
      <c r="T633" s="259"/>
      <c r="U633" s="259"/>
      <c r="V633" s="259"/>
      <c r="W633" s="259"/>
      <c r="X633" s="259"/>
      <c r="Y633" s="259"/>
      <c r="Z633" s="259"/>
      <c r="AA633" s="259"/>
      <c r="AB633" s="259"/>
      <c r="AC633" s="259"/>
      <c r="AD633" s="259"/>
      <c r="AE633" s="259"/>
      <c r="AF633" s="259"/>
      <c r="AG633" s="259"/>
      <c r="AH633" s="259"/>
      <c r="AI633" s="259"/>
      <c r="AJ633" s="259"/>
      <c r="AK633" s="259"/>
      <c r="AL633" s="259"/>
      <c r="AM633" s="259"/>
      <c r="AN633" s="259"/>
      <c r="AO633" s="259"/>
      <c r="AP633" s="259"/>
      <c r="AQ633" s="259"/>
      <c r="AR633" s="259"/>
      <c r="AS633" s="259"/>
      <c r="AT633" s="259"/>
      <c r="AU633" s="259"/>
      <c r="AV633" s="259"/>
      <c r="AW633" s="259"/>
      <c r="AX633" s="259"/>
      <c r="AY633" s="259"/>
      <c r="AZ633" s="259"/>
      <c r="BA633" s="259"/>
      <c r="BB633" s="259"/>
      <c r="BC633" s="259"/>
      <c r="BD633" s="259"/>
      <c r="BE633" s="259"/>
      <c r="BF633" s="259"/>
      <c r="BG633" s="259"/>
      <c r="BH633" s="259"/>
      <c r="BI633" s="259"/>
      <c r="BJ633" s="259"/>
      <c r="BK633" s="259"/>
      <c r="BL633" s="259"/>
      <c r="BM633" s="259"/>
      <c r="BN633" s="259"/>
      <c r="BO633" s="259"/>
      <c r="BP633" s="259"/>
      <c r="BQ633" s="259"/>
      <c r="BR633" s="259"/>
      <c r="BS633" s="259"/>
    </row>
    <row r="634" spans="1:71" s="74" customFormat="1">
      <c r="A634" s="178"/>
      <c r="B634" s="14"/>
      <c r="C634" s="14"/>
      <c r="D634" s="14"/>
      <c r="E634" s="14"/>
      <c r="F634" s="14"/>
      <c r="G634" s="14"/>
      <c r="H634" s="10"/>
      <c r="I634" s="10"/>
      <c r="J634" s="71"/>
      <c r="K634" s="72"/>
      <c r="L634" s="73"/>
      <c r="M634" s="73"/>
      <c r="N634" s="73"/>
      <c r="O634" s="73"/>
      <c r="P634" s="73"/>
      <c r="Q634" s="73"/>
    </row>
    <row r="635" spans="1:71" s="67" customFormat="1">
      <c r="A635" s="178"/>
      <c r="B635" s="68"/>
      <c r="C635" s="52"/>
      <c r="D635" s="52"/>
      <c r="E635" s="52"/>
      <c r="F635" s="52"/>
      <c r="G635" s="52"/>
      <c r="H635" s="75"/>
      <c r="I635" s="75"/>
      <c r="J635" s="71"/>
      <c r="K635" s="72"/>
      <c r="L635" s="73"/>
      <c r="M635" s="73"/>
      <c r="N635" s="73"/>
      <c r="O635" s="73"/>
      <c r="P635" s="73"/>
      <c r="Q635" s="73"/>
    </row>
    <row r="636" spans="1:71" s="92" customFormat="1">
      <c r="A636" s="178"/>
      <c r="B636" s="96"/>
      <c r="C636" s="3"/>
      <c r="D636" s="3"/>
      <c r="E636" s="3"/>
      <c r="F636" s="3"/>
      <c r="G636" s="3"/>
      <c r="H636" s="214"/>
      <c r="I636" s="214"/>
      <c r="J636" s="51"/>
      <c r="K636" s="24"/>
      <c r="L636" s="86"/>
      <c r="M636" s="86"/>
      <c r="N636" s="86"/>
      <c r="O636" s="86"/>
      <c r="P636" s="86"/>
      <c r="Q636" s="86"/>
    </row>
    <row r="637" spans="1:71" s="92" customFormat="1">
      <c r="A637" s="178"/>
      <c r="B637" s="14" t="s">
        <v>710</v>
      </c>
      <c r="C637" s="3"/>
      <c r="D637" s="3"/>
      <c r="E637" s="3"/>
      <c r="F637" s="3"/>
      <c r="G637" s="3"/>
      <c r="H637" s="214"/>
      <c r="I637" s="214"/>
      <c r="J637" s="51"/>
      <c r="K637" s="24"/>
      <c r="L637" s="86"/>
      <c r="M637" s="86"/>
      <c r="N637" s="86"/>
      <c r="O637" s="86"/>
      <c r="P637" s="86"/>
      <c r="Q637" s="86"/>
    </row>
    <row r="638" spans="1:71">
      <c r="A638" s="178"/>
      <c r="B638" s="14"/>
      <c r="C638" s="14"/>
      <c r="D638" s="14"/>
      <c r="E638" s="14"/>
      <c r="F638" s="14"/>
      <c r="G638" s="14"/>
      <c r="H638" s="10"/>
      <c r="I638" s="10"/>
      <c r="J638" s="53"/>
      <c r="K638" s="24"/>
      <c r="L638" s="62"/>
      <c r="M638" s="62"/>
      <c r="N638" s="62"/>
      <c r="O638" s="62"/>
      <c r="P638" s="62"/>
      <c r="Q638" s="62"/>
      <c r="R638" s="8"/>
      <c r="S638" s="8"/>
      <c r="T638" s="8"/>
      <c r="U638" s="8"/>
      <c r="V638" s="8"/>
    </row>
    <row r="639" spans="1:71" s="240" customFormat="1" ht="34.5" customHeight="1">
      <c r="A639" s="178"/>
      <c r="B639" s="14"/>
      <c r="C639" s="3"/>
      <c r="D639" s="3"/>
      <c r="E639" s="3"/>
      <c r="F639" s="3"/>
      <c r="G639" s="3"/>
      <c r="H639" s="214"/>
      <c r="I639" s="214"/>
      <c r="J639" s="63" t="s">
        <v>81</v>
      </c>
      <c r="K639" s="136"/>
      <c r="L639" s="245" t="str">
        <f t="shared" ref="L639:AQ639" si="111">IF(ISBLANK(L$390),"",L$390)</f>
        <v>4階病棟</v>
      </c>
      <c r="M639" s="249" t="str">
        <f t="shared" si="111"/>
        <v>回復期リハビリテーション病棟</v>
      </c>
      <c r="N639" s="247" t="str">
        <f t="shared" si="111"/>
        <v>地域包括ケア病棟</v>
      </c>
      <c r="O639" s="247" t="str">
        <f t="shared" si="111"/>
        <v>特殊疾患病棟</v>
      </c>
      <c r="P639" s="247" t="str">
        <f t="shared" si="111"/>
        <v>療養病棟2階</v>
      </c>
      <c r="Q639" s="247" t="str">
        <f t="shared" si="111"/>
        <v/>
      </c>
      <c r="R639" s="247" t="str">
        <f t="shared" si="111"/>
        <v/>
      </c>
      <c r="S639" s="247" t="str">
        <f t="shared" si="111"/>
        <v/>
      </c>
      <c r="T639" s="247" t="str">
        <f t="shared" si="111"/>
        <v/>
      </c>
      <c r="U639" s="247" t="str">
        <f t="shared" si="111"/>
        <v/>
      </c>
      <c r="V639" s="247" t="str">
        <f t="shared" si="111"/>
        <v/>
      </c>
      <c r="W639" s="247" t="str">
        <f t="shared" si="111"/>
        <v/>
      </c>
      <c r="X639" s="247" t="str">
        <f t="shared" si="111"/>
        <v/>
      </c>
      <c r="Y639" s="247" t="str">
        <f t="shared" si="111"/>
        <v/>
      </c>
      <c r="Z639" s="247" t="str">
        <f t="shared" si="111"/>
        <v/>
      </c>
      <c r="AA639" s="247" t="str">
        <f t="shared" si="111"/>
        <v/>
      </c>
      <c r="AB639" s="247" t="str">
        <f t="shared" si="111"/>
        <v/>
      </c>
      <c r="AC639" s="247" t="str">
        <f t="shared" si="111"/>
        <v/>
      </c>
      <c r="AD639" s="247" t="str">
        <f t="shared" si="111"/>
        <v/>
      </c>
      <c r="AE639" s="247" t="str">
        <f t="shared" si="111"/>
        <v/>
      </c>
      <c r="AF639" s="247" t="str">
        <f t="shared" si="111"/>
        <v/>
      </c>
      <c r="AG639" s="247" t="str">
        <f t="shared" si="111"/>
        <v/>
      </c>
      <c r="AH639" s="247" t="str">
        <f t="shared" si="111"/>
        <v/>
      </c>
      <c r="AI639" s="247" t="str">
        <f t="shared" si="111"/>
        <v/>
      </c>
      <c r="AJ639" s="247" t="str">
        <f t="shared" si="111"/>
        <v/>
      </c>
      <c r="AK639" s="247" t="str">
        <f t="shared" si="111"/>
        <v/>
      </c>
      <c r="AL639" s="247" t="str">
        <f t="shared" si="111"/>
        <v/>
      </c>
      <c r="AM639" s="247" t="str">
        <f t="shared" si="111"/>
        <v/>
      </c>
      <c r="AN639" s="247" t="str">
        <f t="shared" si="111"/>
        <v/>
      </c>
      <c r="AO639" s="247" t="str">
        <f t="shared" si="111"/>
        <v/>
      </c>
      <c r="AP639" s="247" t="str">
        <f t="shared" si="111"/>
        <v/>
      </c>
      <c r="AQ639" s="247" t="str">
        <f t="shared" si="111"/>
        <v/>
      </c>
      <c r="AR639" s="247" t="str">
        <f t="shared" ref="AR639:BS639" si="112">IF(ISBLANK(AR$390),"",AR$390)</f>
        <v/>
      </c>
      <c r="AS639" s="247" t="str">
        <f t="shared" si="112"/>
        <v/>
      </c>
      <c r="AT639" s="247" t="str">
        <f t="shared" si="112"/>
        <v/>
      </c>
      <c r="AU639" s="247" t="str">
        <f t="shared" si="112"/>
        <v/>
      </c>
      <c r="AV639" s="247" t="str">
        <f t="shared" si="112"/>
        <v/>
      </c>
      <c r="AW639" s="247" t="str">
        <f t="shared" si="112"/>
        <v/>
      </c>
      <c r="AX639" s="247" t="str">
        <f t="shared" si="112"/>
        <v/>
      </c>
      <c r="AY639" s="247" t="str">
        <f t="shared" si="112"/>
        <v/>
      </c>
      <c r="AZ639" s="247" t="str">
        <f t="shared" si="112"/>
        <v/>
      </c>
      <c r="BA639" s="247" t="str">
        <f t="shared" si="112"/>
        <v/>
      </c>
      <c r="BB639" s="247" t="str">
        <f t="shared" si="112"/>
        <v/>
      </c>
      <c r="BC639" s="247" t="str">
        <f t="shared" si="112"/>
        <v/>
      </c>
      <c r="BD639" s="247" t="str">
        <f t="shared" si="112"/>
        <v/>
      </c>
      <c r="BE639" s="247" t="str">
        <f t="shared" si="112"/>
        <v/>
      </c>
      <c r="BF639" s="247" t="str">
        <f t="shared" si="112"/>
        <v/>
      </c>
      <c r="BG639" s="247" t="str">
        <f t="shared" si="112"/>
        <v/>
      </c>
      <c r="BH639" s="247" t="str">
        <f t="shared" si="112"/>
        <v/>
      </c>
      <c r="BI639" s="247" t="str">
        <f t="shared" si="112"/>
        <v/>
      </c>
      <c r="BJ639" s="247" t="str">
        <f t="shared" si="112"/>
        <v/>
      </c>
      <c r="BK639" s="247" t="str">
        <f t="shared" si="112"/>
        <v/>
      </c>
      <c r="BL639" s="247" t="str">
        <f t="shared" si="112"/>
        <v/>
      </c>
      <c r="BM639" s="247" t="str">
        <f t="shared" si="112"/>
        <v/>
      </c>
      <c r="BN639" s="247" t="str">
        <f t="shared" si="112"/>
        <v/>
      </c>
      <c r="BO639" s="247" t="str">
        <f t="shared" si="112"/>
        <v/>
      </c>
      <c r="BP639" s="247" t="str">
        <f t="shared" si="112"/>
        <v/>
      </c>
      <c r="BQ639" s="247" t="str">
        <f t="shared" si="112"/>
        <v/>
      </c>
      <c r="BR639" s="247" t="str">
        <f t="shared" si="112"/>
        <v/>
      </c>
      <c r="BS639" s="247" t="str">
        <f t="shared" si="112"/>
        <v/>
      </c>
    </row>
    <row r="640" spans="1:71" s="240" customFormat="1" ht="20.25" customHeight="1">
      <c r="A640" s="178"/>
      <c r="B640" s="1"/>
      <c r="C640" s="52"/>
      <c r="D640" s="3"/>
      <c r="E640" s="3"/>
      <c r="F640" s="3"/>
      <c r="G640" s="3"/>
      <c r="H640" s="214"/>
      <c r="I640" s="56" t="s">
        <v>82</v>
      </c>
      <c r="J640" s="57"/>
      <c r="K640" s="137"/>
      <c r="L640" s="59" t="str">
        <f t="shared" ref="L640:AQ640" si="113">IF(ISBLANK(L$391),"",L$391)</f>
        <v>-</v>
      </c>
      <c r="M640" s="250" t="str">
        <f t="shared" si="113"/>
        <v>-</v>
      </c>
      <c r="N640" s="59" t="str">
        <f t="shared" si="113"/>
        <v>-</v>
      </c>
      <c r="O640" s="59" t="str">
        <f t="shared" si="113"/>
        <v>-</v>
      </c>
      <c r="P640" s="59" t="str">
        <f t="shared" si="113"/>
        <v>-</v>
      </c>
      <c r="Q640" s="59" t="str">
        <f t="shared" si="113"/>
        <v/>
      </c>
      <c r="R640" s="59" t="str">
        <f t="shared" si="113"/>
        <v/>
      </c>
      <c r="S640" s="59" t="str">
        <f t="shared" si="113"/>
        <v/>
      </c>
      <c r="T640" s="59" t="str">
        <f t="shared" si="113"/>
        <v/>
      </c>
      <c r="U640" s="59" t="str">
        <f t="shared" si="113"/>
        <v/>
      </c>
      <c r="V640" s="59" t="str">
        <f t="shared" si="113"/>
        <v/>
      </c>
      <c r="W640" s="59" t="str">
        <f t="shared" si="113"/>
        <v/>
      </c>
      <c r="X640" s="59" t="str">
        <f t="shared" si="113"/>
        <v/>
      </c>
      <c r="Y640" s="59" t="str">
        <f t="shared" si="113"/>
        <v/>
      </c>
      <c r="Z640" s="59" t="str">
        <f t="shared" si="113"/>
        <v/>
      </c>
      <c r="AA640" s="59" t="str">
        <f t="shared" si="113"/>
        <v/>
      </c>
      <c r="AB640" s="59" t="str">
        <f t="shared" si="113"/>
        <v/>
      </c>
      <c r="AC640" s="59" t="str">
        <f t="shared" si="113"/>
        <v/>
      </c>
      <c r="AD640" s="59" t="str">
        <f t="shared" si="113"/>
        <v/>
      </c>
      <c r="AE640" s="59" t="str">
        <f t="shared" si="113"/>
        <v/>
      </c>
      <c r="AF640" s="59" t="str">
        <f t="shared" si="113"/>
        <v/>
      </c>
      <c r="AG640" s="59" t="str">
        <f t="shared" si="113"/>
        <v/>
      </c>
      <c r="AH640" s="59" t="str">
        <f t="shared" si="113"/>
        <v/>
      </c>
      <c r="AI640" s="59" t="str">
        <f t="shared" si="113"/>
        <v/>
      </c>
      <c r="AJ640" s="59" t="str">
        <f t="shared" si="113"/>
        <v/>
      </c>
      <c r="AK640" s="59" t="str">
        <f t="shared" si="113"/>
        <v/>
      </c>
      <c r="AL640" s="59" t="str">
        <f t="shared" si="113"/>
        <v/>
      </c>
      <c r="AM640" s="59" t="str">
        <f t="shared" si="113"/>
        <v/>
      </c>
      <c r="AN640" s="59" t="str">
        <f t="shared" si="113"/>
        <v/>
      </c>
      <c r="AO640" s="59" t="str">
        <f t="shared" si="113"/>
        <v/>
      </c>
      <c r="AP640" s="59" t="str">
        <f t="shared" si="113"/>
        <v/>
      </c>
      <c r="AQ640" s="59" t="str">
        <f t="shared" si="113"/>
        <v/>
      </c>
      <c r="AR640" s="59" t="str">
        <f t="shared" ref="AR640:BS640" si="114">IF(ISBLANK(AR$391),"",AR$391)</f>
        <v/>
      </c>
      <c r="AS640" s="59" t="str">
        <f t="shared" si="114"/>
        <v/>
      </c>
      <c r="AT640" s="59" t="str">
        <f t="shared" si="114"/>
        <v/>
      </c>
      <c r="AU640" s="59" t="str">
        <f t="shared" si="114"/>
        <v/>
      </c>
      <c r="AV640" s="59" t="str">
        <f t="shared" si="114"/>
        <v/>
      </c>
      <c r="AW640" s="59" t="str">
        <f t="shared" si="114"/>
        <v/>
      </c>
      <c r="AX640" s="59" t="str">
        <f t="shared" si="114"/>
        <v/>
      </c>
      <c r="AY640" s="59" t="str">
        <f t="shared" si="114"/>
        <v/>
      </c>
      <c r="AZ640" s="59" t="str">
        <f t="shared" si="114"/>
        <v/>
      </c>
      <c r="BA640" s="59" t="str">
        <f t="shared" si="114"/>
        <v/>
      </c>
      <c r="BB640" s="59" t="str">
        <f t="shared" si="114"/>
        <v/>
      </c>
      <c r="BC640" s="59" t="str">
        <f t="shared" si="114"/>
        <v/>
      </c>
      <c r="BD640" s="59" t="str">
        <f t="shared" si="114"/>
        <v/>
      </c>
      <c r="BE640" s="59" t="str">
        <f t="shared" si="114"/>
        <v/>
      </c>
      <c r="BF640" s="59" t="str">
        <f t="shared" si="114"/>
        <v/>
      </c>
      <c r="BG640" s="59" t="str">
        <f t="shared" si="114"/>
        <v/>
      </c>
      <c r="BH640" s="59" t="str">
        <f t="shared" si="114"/>
        <v/>
      </c>
      <c r="BI640" s="59" t="str">
        <f t="shared" si="114"/>
        <v/>
      </c>
      <c r="BJ640" s="59" t="str">
        <f t="shared" si="114"/>
        <v/>
      </c>
      <c r="BK640" s="59" t="str">
        <f t="shared" si="114"/>
        <v/>
      </c>
      <c r="BL640" s="59" t="str">
        <f t="shared" si="114"/>
        <v/>
      </c>
      <c r="BM640" s="59" t="str">
        <f t="shared" si="114"/>
        <v/>
      </c>
      <c r="BN640" s="59" t="str">
        <f t="shared" si="114"/>
        <v/>
      </c>
      <c r="BO640" s="59" t="str">
        <f t="shared" si="114"/>
        <v/>
      </c>
      <c r="BP640" s="59" t="str">
        <f t="shared" si="114"/>
        <v/>
      </c>
      <c r="BQ640" s="59" t="str">
        <f t="shared" si="114"/>
        <v/>
      </c>
      <c r="BR640" s="59" t="str">
        <f t="shared" si="114"/>
        <v/>
      </c>
      <c r="BS640" s="59" t="str">
        <f t="shared" si="114"/>
        <v/>
      </c>
    </row>
    <row r="641" spans="1:71" s="95" customFormat="1" ht="70.150000000000006" customHeight="1">
      <c r="A641" s="186" t="s">
        <v>711</v>
      </c>
      <c r="B641" s="92"/>
      <c r="C641" s="274" t="s">
        <v>712</v>
      </c>
      <c r="D641" s="275"/>
      <c r="E641" s="275"/>
      <c r="F641" s="275"/>
      <c r="G641" s="275"/>
      <c r="H641" s="276"/>
      <c r="I641" s="98" t="s">
        <v>713</v>
      </c>
      <c r="J641" s="93" t="str">
        <f>IF(SUM(L641:BS641)=0,IF(COUNTIF(L641:BS641,"未確認")&gt;0,"未確認",IF(COUNTIF(L641:BS641,"~*")&gt;0,"*",SUM(L641:BS641))),SUM(L641:BS641))</f>
        <v>*</v>
      </c>
      <c r="K641" s="152" t="str">
        <f t="shared" ref="K641:K648" si="115">IF(OR(COUNTIF(L641:BS641,"未確認")&gt;0,COUNTIF(L641:BS641,"*")&gt;0),"※","")</f>
        <v>※</v>
      </c>
      <c r="L641" s="94" t="s">
        <v>382</v>
      </c>
      <c r="M641" s="259">
        <v>0</v>
      </c>
      <c r="N641" s="259">
        <v>0</v>
      </c>
      <c r="O641" s="259">
        <v>0</v>
      </c>
      <c r="P641" s="259">
        <v>0</v>
      </c>
      <c r="Q641" s="259"/>
      <c r="R641" s="259"/>
      <c r="S641" s="259"/>
      <c r="T641" s="259"/>
      <c r="U641" s="259"/>
      <c r="V641" s="259"/>
      <c r="W641" s="259"/>
      <c r="X641" s="259"/>
      <c r="Y641" s="259"/>
      <c r="Z641" s="259"/>
      <c r="AA641" s="259"/>
      <c r="AB641" s="259"/>
      <c r="AC641" s="259"/>
      <c r="AD641" s="259"/>
      <c r="AE641" s="259"/>
      <c r="AF641" s="259"/>
      <c r="AG641" s="259"/>
      <c r="AH641" s="259"/>
      <c r="AI641" s="259"/>
      <c r="AJ641" s="259"/>
      <c r="AK641" s="259"/>
      <c r="AL641" s="259"/>
      <c r="AM641" s="259"/>
      <c r="AN641" s="259"/>
      <c r="AO641" s="259"/>
      <c r="AP641" s="259"/>
      <c r="AQ641" s="259"/>
      <c r="AR641" s="259"/>
      <c r="AS641" s="259"/>
      <c r="AT641" s="259"/>
      <c r="AU641" s="259"/>
      <c r="AV641" s="259"/>
      <c r="AW641" s="259"/>
      <c r="AX641" s="259"/>
      <c r="AY641" s="259"/>
      <c r="AZ641" s="259"/>
      <c r="BA641" s="259"/>
      <c r="BB641" s="259"/>
      <c r="BC641" s="259"/>
      <c r="BD641" s="259"/>
      <c r="BE641" s="259"/>
      <c r="BF641" s="259"/>
      <c r="BG641" s="259"/>
      <c r="BH641" s="259"/>
      <c r="BI641" s="259"/>
      <c r="BJ641" s="259"/>
      <c r="BK641" s="259"/>
      <c r="BL641" s="259"/>
      <c r="BM641" s="259"/>
      <c r="BN641" s="259"/>
      <c r="BO641" s="259"/>
      <c r="BP641" s="259"/>
      <c r="BQ641" s="259"/>
      <c r="BR641" s="259"/>
      <c r="BS641" s="259"/>
    </row>
    <row r="642" spans="1:71" s="95" customFormat="1" ht="56.1" customHeight="1">
      <c r="A642" s="186" t="s">
        <v>714</v>
      </c>
      <c r="B642" s="96"/>
      <c r="C642" s="274" t="s">
        <v>715</v>
      </c>
      <c r="D642" s="275"/>
      <c r="E642" s="275"/>
      <c r="F642" s="275"/>
      <c r="G642" s="275"/>
      <c r="H642" s="276"/>
      <c r="I642" s="98" t="s">
        <v>716</v>
      </c>
      <c r="J642" s="93">
        <f t="shared" ref="J642:J648" si="116">IF(SUM(L642:BS642)=0,IF(COUNTIF(L642:BS642,"未確認")&gt;0,"未確認",IF(COUNTIF(L642:BS642,"~*")&gt;0,"*",SUM(L642:BS642))),SUM(L642:BS642))</f>
        <v>270</v>
      </c>
      <c r="K642" s="152" t="str">
        <f t="shared" si="115"/>
        <v>※</v>
      </c>
      <c r="L642" s="94">
        <v>270</v>
      </c>
      <c r="M642" s="259">
        <v>0</v>
      </c>
      <c r="N642" s="259" t="s">
        <v>382</v>
      </c>
      <c r="O642" s="259">
        <v>0</v>
      </c>
      <c r="P642" s="259">
        <v>0</v>
      </c>
      <c r="Q642" s="259"/>
      <c r="R642" s="259"/>
      <c r="S642" s="259"/>
      <c r="T642" s="259"/>
      <c r="U642" s="259"/>
      <c r="V642" s="259"/>
      <c r="W642" s="259"/>
      <c r="X642" s="259"/>
      <c r="Y642" s="259"/>
      <c r="Z642" s="259"/>
      <c r="AA642" s="259"/>
      <c r="AB642" s="259"/>
      <c r="AC642" s="259"/>
      <c r="AD642" s="259"/>
      <c r="AE642" s="259"/>
      <c r="AF642" s="259"/>
      <c r="AG642" s="259"/>
      <c r="AH642" s="259"/>
      <c r="AI642" s="259"/>
      <c r="AJ642" s="259"/>
      <c r="AK642" s="259"/>
      <c r="AL642" s="259"/>
      <c r="AM642" s="259"/>
      <c r="AN642" s="259"/>
      <c r="AO642" s="259"/>
      <c r="AP642" s="259"/>
      <c r="AQ642" s="259"/>
      <c r="AR642" s="259"/>
      <c r="AS642" s="259"/>
      <c r="AT642" s="259"/>
      <c r="AU642" s="259"/>
      <c r="AV642" s="259"/>
      <c r="AW642" s="259"/>
      <c r="AX642" s="259"/>
      <c r="AY642" s="259"/>
      <c r="AZ642" s="259"/>
      <c r="BA642" s="259"/>
      <c r="BB642" s="259"/>
      <c r="BC642" s="259"/>
      <c r="BD642" s="259"/>
      <c r="BE642" s="259"/>
      <c r="BF642" s="259"/>
      <c r="BG642" s="259"/>
      <c r="BH642" s="259"/>
      <c r="BI642" s="259"/>
      <c r="BJ642" s="259"/>
      <c r="BK642" s="259"/>
      <c r="BL642" s="259"/>
      <c r="BM642" s="259"/>
      <c r="BN642" s="259"/>
      <c r="BO642" s="259"/>
      <c r="BP642" s="259"/>
      <c r="BQ642" s="259"/>
      <c r="BR642" s="259"/>
      <c r="BS642" s="259"/>
    </row>
    <row r="643" spans="1:71" s="95" customFormat="1" ht="57">
      <c r="A643" s="186" t="s">
        <v>717</v>
      </c>
      <c r="B643" s="96"/>
      <c r="C643" s="274" t="s">
        <v>718</v>
      </c>
      <c r="D643" s="275"/>
      <c r="E643" s="275"/>
      <c r="F643" s="275"/>
      <c r="G643" s="275"/>
      <c r="H643" s="276"/>
      <c r="I643" s="98" t="s">
        <v>719</v>
      </c>
      <c r="J643" s="93">
        <f t="shared" si="116"/>
        <v>330</v>
      </c>
      <c r="K643" s="152" t="str">
        <f t="shared" si="115"/>
        <v>※</v>
      </c>
      <c r="L643" s="94">
        <v>330</v>
      </c>
      <c r="M643" s="259">
        <v>0</v>
      </c>
      <c r="N643" s="259" t="s">
        <v>382</v>
      </c>
      <c r="O643" s="259">
        <v>0</v>
      </c>
      <c r="P643" s="259">
        <v>0</v>
      </c>
      <c r="Q643" s="259"/>
      <c r="R643" s="259"/>
      <c r="S643" s="259"/>
      <c r="T643" s="259"/>
      <c r="U643" s="259"/>
      <c r="V643" s="259"/>
      <c r="W643" s="259"/>
      <c r="X643" s="259"/>
      <c r="Y643" s="259"/>
      <c r="Z643" s="259"/>
      <c r="AA643" s="259"/>
      <c r="AB643" s="259"/>
      <c r="AC643" s="259"/>
      <c r="AD643" s="259"/>
      <c r="AE643" s="259"/>
      <c r="AF643" s="259"/>
      <c r="AG643" s="259"/>
      <c r="AH643" s="259"/>
      <c r="AI643" s="259"/>
      <c r="AJ643" s="259"/>
      <c r="AK643" s="259"/>
      <c r="AL643" s="259"/>
      <c r="AM643" s="259"/>
      <c r="AN643" s="259"/>
      <c r="AO643" s="259"/>
      <c r="AP643" s="259"/>
      <c r="AQ643" s="259"/>
      <c r="AR643" s="259"/>
      <c r="AS643" s="259"/>
      <c r="AT643" s="259"/>
      <c r="AU643" s="259"/>
      <c r="AV643" s="259"/>
      <c r="AW643" s="259"/>
      <c r="AX643" s="259"/>
      <c r="AY643" s="259"/>
      <c r="AZ643" s="259"/>
      <c r="BA643" s="259"/>
      <c r="BB643" s="259"/>
      <c r="BC643" s="259"/>
      <c r="BD643" s="259"/>
      <c r="BE643" s="259"/>
      <c r="BF643" s="259"/>
      <c r="BG643" s="259"/>
      <c r="BH643" s="259"/>
      <c r="BI643" s="259"/>
      <c r="BJ643" s="259"/>
      <c r="BK643" s="259"/>
      <c r="BL643" s="259"/>
      <c r="BM643" s="259"/>
      <c r="BN643" s="259"/>
      <c r="BO643" s="259"/>
      <c r="BP643" s="259"/>
      <c r="BQ643" s="259"/>
      <c r="BR643" s="259"/>
      <c r="BS643" s="259"/>
    </row>
    <row r="644" spans="1:71" s="95" customFormat="1" ht="56.1" customHeight="1">
      <c r="A644" s="186" t="s">
        <v>720</v>
      </c>
      <c r="B644" s="96"/>
      <c r="C644" s="301" t="s">
        <v>721</v>
      </c>
      <c r="D644" s="302"/>
      <c r="E644" s="302"/>
      <c r="F644" s="302"/>
      <c r="G644" s="302"/>
      <c r="H644" s="303"/>
      <c r="I644" s="98" t="s">
        <v>722</v>
      </c>
      <c r="J644" s="93" t="str">
        <f t="shared" si="116"/>
        <v>*</v>
      </c>
      <c r="K644" s="152" t="str">
        <f t="shared" si="115"/>
        <v>※</v>
      </c>
      <c r="L644" s="94" t="s">
        <v>382</v>
      </c>
      <c r="M644" s="259">
        <v>0</v>
      </c>
      <c r="N644" s="259">
        <v>0</v>
      </c>
      <c r="O644" s="259">
        <v>0</v>
      </c>
      <c r="P644" s="259">
        <v>0</v>
      </c>
      <c r="Q644" s="259"/>
      <c r="R644" s="259"/>
      <c r="S644" s="259"/>
      <c r="T644" s="259"/>
      <c r="U644" s="259"/>
      <c r="V644" s="259"/>
      <c r="W644" s="259"/>
      <c r="X644" s="259"/>
      <c r="Y644" s="259"/>
      <c r="Z644" s="259"/>
      <c r="AA644" s="259"/>
      <c r="AB644" s="259"/>
      <c r="AC644" s="259"/>
      <c r="AD644" s="259"/>
      <c r="AE644" s="259"/>
      <c r="AF644" s="259"/>
      <c r="AG644" s="259"/>
      <c r="AH644" s="259"/>
      <c r="AI644" s="259"/>
      <c r="AJ644" s="259"/>
      <c r="AK644" s="259"/>
      <c r="AL644" s="259"/>
      <c r="AM644" s="259"/>
      <c r="AN644" s="259"/>
      <c r="AO644" s="259"/>
      <c r="AP644" s="259"/>
      <c r="AQ644" s="259"/>
      <c r="AR644" s="259"/>
      <c r="AS644" s="259"/>
      <c r="AT644" s="259"/>
      <c r="AU644" s="259"/>
      <c r="AV644" s="259"/>
      <c r="AW644" s="259"/>
      <c r="AX644" s="259"/>
      <c r="AY644" s="259"/>
      <c r="AZ644" s="259"/>
      <c r="BA644" s="259"/>
      <c r="BB644" s="259"/>
      <c r="BC644" s="259"/>
      <c r="BD644" s="259"/>
      <c r="BE644" s="259"/>
      <c r="BF644" s="259"/>
      <c r="BG644" s="259"/>
      <c r="BH644" s="259"/>
      <c r="BI644" s="259"/>
      <c r="BJ644" s="259"/>
      <c r="BK644" s="259"/>
      <c r="BL644" s="259"/>
      <c r="BM644" s="259"/>
      <c r="BN644" s="259"/>
      <c r="BO644" s="259"/>
      <c r="BP644" s="259"/>
      <c r="BQ644" s="259"/>
      <c r="BR644" s="259"/>
      <c r="BS644" s="259"/>
    </row>
    <row r="645" spans="1:71" s="95" customFormat="1" ht="84" customHeight="1">
      <c r="A645" s="186" t="s">
        <v>723</v>
      </c>
      <c r="B645" s="96"/>
      <c r="C645" s="274" t="s">
        <v>724</v>
      </c>
      <c r="D645" s="275"/>
      <c r="E645" s="275"/>
      <c r="F645" s="275"/>
      <c r="G645" s="275"/>
      <c r="H645" s="276"/>
      <c r="I645" s="98" t="s">
        <v>725</v>
      </c>
      <c r="J645" s="93" t="str">
        <f t="shared" si="116"/>
        <v>*</v>
      </c>
      <c r="K645" s="152" t="str">
        <f t="shared" si="115"/>
        <v>※</v>
      </c>
      <c r="L645" s="94" t="s">
        <v>382</v>
      </c>
      <c r="M645" s="259">
        <v>0</v>
      </c>
      <c r="N645" s="259">
        <v>0</v>
      </c>
      <c r="O645" s="259">
        <v>0</v>
      </c>
      <c r="P645" s="259" t="s">
        <v>382</v>
      </c>
      <c r="Q645" s="259"/>
      <c r="R645" s="259"/>
      <c r="S645" s="259"/>
      <c r="T645" s="259"/>
      <c r="U645" s="259"/>
      <c r="V645" s="259"/>
      <c r="W645" s="259"/>
      <c r="X645" s="259"/>
      <c r="Y645" s="259"/>
      <c r="Z645" s="259"/>
      <c r="AA645" s="259"/>
      <c r="AB645" s="259"/>
      <c r="AC645" s="259"/>
      <c r="AD645" s="259"/>
      <c r="AE645" s="259"/>
      <c r="AF645" s="259"/>
      <c r="AG645" s="259"/>
      <c r="AH645" s="259"/>
      <c r="AI645" s="259"/>
      <c r="AJ645" s="259"/>
      <c r="AK645" s="259"/>
      <c r="AL645" s="259"/>
      <c r="AM645" s="259"/>
      <c r="AN645" s="259"/>
      <c r="AO645" s="259"/>
      <c r="AP645" s="259"/>
      <c r="AQ645" s="259"/>
      <c r="AR645" s="259"/>
      <c r="AS645" s="259"/>
      <c r="AT645" s="259"/>
      <c r="AU645" s="259"/>
      <c r="AV645" s="259"/>
      <c r="AW645" s="259"/>
      <c r="AX645" s="259"/>
      <c r="AY645" s="259"/>
      <c r="AZ645" s="259"/>
      <c r="BA645" s="259"/>
      <c r="BB645" s="259"/>
      <c r="BC645" s="259"/>
      <c r="BD645" s="259"/>
      <c r="BE645" s="259"/>
      <c r="BF645" s="259"/>
      <c r="BG645" s="259"/>
      <c r="BH645" s="259"/>
      <c r="BI645" s="259"/>
      <c r="BJ645" s="259"/>
      <c r="BK645" s="259"/>
      <c r="BL645" s="259"/>
      <c r="BM645" s="259"/>
      <c r="BN645" s="259"/>
      <c r="BO645" s="259"/>
      <c r="BP645" s="259"/>
      <c r="BQ645" s="259"/>
      <c r="BR645" s="259"/>
      <c r="BS645" s="259"/>
    </row>
    <row r="646" spans="1:71" s="95" customFormat="1" ht="70.150000000000006" customHeight="1">
      <c r="A646" s="186" t="s">
        <v>726</v>
      </c>
      <c r="B646" s="96"/>
      <c r="C646" s="274" t="s">
        <v>727</v>
      </c>
      <c r="D646" s="275"/>
      <c r="E646" s="275"/>
      <c r="F646" s="275"/>
      <c r="G646" s="275"/>
      <c r="H646" s="276"/>
      <c r="I646" s="98" t="s">
        <v>728</v>
      </c>
      <c r="J646" s="93" t="str">
        <f t="shared" si="116"/>
        <v>*</v>
      </c>
      <c r="K646" s="152" t="str">
        <f t="shared" si="115"/>
        <v>※</v>
      </c>
      <c r="L646" s="94" t="s">
        <v>382</v>
      </c>
      <c r="M646" s="259">
        <v>0</v>
      </c>
      <c r="N646" s="259">
        <v>0</v>
      </c>
      <c r="O646" s="259">
        <v>0</v>
      </c>
      <c r="P646" s="259" t="s">
        <v>382</v>
      </c>
      <c r="Q646" s="259"/>
      <c r="R646" s="259"/>
      <c r="S646" s="259"/>
      <c r="T646" s="259"/>
      <c r="U646" s="259"/>
      <c r="V646" s="259"/>
      <c r="W646" s="259"/>
      <c r="X646" s="259"/>
      <c r="Y646" s="259"/>
      <c r="Z646" s="259"/>
      <c r="AA646" s="259"/>
      <c r="AB646" s="259"/>
      <c r="AC646" s="259"/>
      <c r="AD646" s="259"/>
      <c r="AE646" s="259"/>
      <c r="AF646" s="259"/>
      <c r="AG646" s="259"/>
      <c r="AH646" s="259"/>
      <c r="AI646" s="259"/>
      <c r="AJ646" s="259"/>
      <c r="AK646" s="259"/>
      <c r="AL646" s="259"/>
      <c r="AM646" s="259"/>
      <c r="AN646" s="259"/>
      <c r="AO646" s="259"/>
      <c r="AP646" s="259"/>
      <c r="AQ646" s="259"/>
      <c r="AR646" s="259"/>
      <c r="AS646" s="259"/>
      <c r="AT646" s="259"/>
      <c r="AU646" s="259"/>
      <c r="AV646" s="259"/>
      <c r="AW646" s="259"/>
      <c r="AX646" s="259"/>
      <c r="AY646" s="259"/>
      <c r="AZ646" s="259"/>
      <c r="BA646" s="259"/>
      <c r="BB646" s="259"/>
      <c r="BC646" s="259"/>
      <c r="BD646" s="259"/>
      <c r="BE646" s="259"/>
      <c r="BF646" s="259"/>
      <c r="BG646" s="259"/>
      <c r="BH646" s="259"/>
      <c r="BI646" s="259"/>
      <c r="BJ646" s="259"/>
      <c r="BK646" s="259"/>
      <c r="BL646" s="259"/>
      <c r="BM646" s="259"/>
      <c r="BN646" s="259"/>
      <c r="BO646" s="259"/>
      <c r="BP646" s="259"/>
      <c r="BQ646" s="259"/>
      <c r="BR646" s="259"/>
      <c r="BS646" s="259"/>
    </row>
    <row r="647" spans="1:71" s="95" customFormat="1" ht="98.1" customHeight="1">
      <c r="A647" s="186" t="s">
        <v>729</v>
      </c>
      <c r="B647" s="96"/>
      <c r="C647" s="274" t="s">
        <v>730</v>
      </c>
      <c r="D647" s="275"/>
      <c r="E647" s="275"/>
      <c r="F647" s="275"/>
      <c r="G647" s="275"/>
      <c r="H647" s="276"/>
      <c r="I647" s="98" t="s">
        <v>731</v>
      </c>
      <c r="J647" s="93" t="str">
        <f t="shared" si="116"/>
        <v>*</v>
      </c>
      <c r="K647" s="152" t="str">
        <f t="shared" si="115"/>
        <v>※</v>
      </c>
      <c r="L647" s="94" t="s">
        <v>382</v>
      </c>
      <c r="M647" s="259" t="s">
        <v>382</v>
      </c>
      <c r="N647" s="259" t="s">
        <v>382</v>
      </c>
      <c r="O647" s="259">
        <v>0</v>
      </c>
      <c r="P647" s="259" t="s">
        <v>382</v>
      </c>
      <c r="Q647" s="259"/>
      <c r="R647" s="259"/>
      <c r="S647" s="259"/>
      <c r="T647" s="259"/>
      <c r="U647" s="259"/>
      <c r="V647" s="259"/>
      <c r="W647" s="259"/>
      <c r="X647" s="259"/>
      <c r="Y647" s="259"/>
      <c r="Z647" s="259"/>
      <c r="AA647" s="259"/>
      <c r="AB647" s="259"/>
      <c r="AC647" s="259"/>
      <c r="AD647" s="259"/>
      <c r="AE647" s="259"/>
      <c r="AF647" s="259"/>
      <c r="AG647" s="259"/>
      <c r="AH647" s="259"/>
      <c r="AI647" s="259"/>
      <c r="AJ647" s="259"/>
      <c r="AK647" s="259"/>
      <c r="AL647" s="259"/>
      <c r="AM647" s="259"/>
      <c r="AN647" s="259"/>
      <c r="AO647" s="259"/>
      <c r="AP647" s="259"/>
      <c r="AQ647" s="259"/>
      <c r="AR647" s="259"/>
      <c r="AS647" s="259"/>
      <c r="AT647" s="259"/>
      <c r="AU647" s="259"/>
      <c r="AV647" s="259"/>
      <c r="AW647" s="259"/>
      <c r="AX647" s="259"/>
      <c r="AY647" s="259"/>
      <c r="AZ647" s="259"/>
      <c r="BA647" s="259"/>
      <c r="BB647" s="259"/>
      <c r="BC647" s="259"/>
      <c r="BD647" s="259"/>
      <c r="BE647" s="259"/>
      <c r="BF647" s="259"/>
      <c r="BG647" s="259"/>
      <c r="BH647" s="259"/>
      <c r="BI647" s="259"/>
      <c r="BJ647" s="259"/>
      <c r="BK647" s="259"/>
      <c r="BL647" s="259"/>
      <c r="BM647" s="259"/>
      <c r="BN647" s="259"/>
      <c r="BO647" s="259"/>
      <c r="BP647" s="259"/>
      <c r="BQ647" s="259"/>
      <c r="BR647" s="259"/>
      <c r="BS647" s="259"/>
    </row>
    <row r="648" spans="1:71" s="95" customFormat="1" ht="84" customHeight="1">
      <c r="A648" s="186" t="s">
        <v>732</v>
      </c>
      <c r="B648" s="96"/>
      <c r="C648" s="301" t="s">
        <v>733</v>
      </c>
      <c r="D648" s="302"/>
      <c r="E648" s="302"/>
      <c r="F648" s="302"/>
      <c r="G648" s="302"/>
      <c r="H648" s="303"/>
      <c r="I648" s="98" t="s">
        <v>734</v>
      </c>
      <c r="J648" s="93" t="str">
        <f t="shared" si="116"/>
        <v>*</v>
      </c>
      <c r="K648" s="152" t="str">
        <f t="shared" si="115"/>
        <v>※</v>
      </c>
      <c r="L648" s="94" t="s">
        <v>382</v>
      </c>
      <c r="M648" s="259">
        <v>0</v>
      </c>
      <c r="N648" s="259">
        <v>0</v>
      </c>
      <c r="O648" s="259">
        <v>0</v>
      </c>
      <c r="P648" s="259" t="s">
        <v>382</v>
      </c>
      <c r="Q648" s="259"/>
      <c r="R648" s="259"/>
      <c r="S648" s="259"/>
      <c r="T648" s="259"/>
      <c r="U648" s="259"/>
      <c r="V648" s="259"/>
      <c r="W648" s="259"/>
      <c r="X648" s="259"/>
      <c r="Y648" s="259"/>
      <c r="Z648" s="259"/>
      <c r="AA648" s="259"/>
      <c r="AB648" s="259"/>
      <c r="AC648" s="259"/>
      <c r="AD648" s="259"/>
      <c r="AE648" s="259"/>
      <c r="AF648" s="259"/>
      <c r="AG648" s="259"/>
      <c r="AH648" s="259"/>
      <c r="AI648" s="259"/>
      <c r="AJ648" s="259"/>
      <c r="AK648" s="259"/>
      <c r="AL648" s="259"/>
      <c r="AM648" s="259"/>
      <c r="AN648" s="259"/>
      <c r="AO648" s="259"/>
      <c r="AP648" s="259"/>
      <c r="AQ648" s="259"/>
      <c r="AR648" s="259"/>
      <c r="AS648" s="259"/>
      <c r="AT648" s="259"/>
      <c r="AU648" s="259"/>
      <c r="AV648" s="259"/>
      <c r="AW648" s="259"/>
      <c r="AX648" s="259"/>
      <c r="AY648" s="259"/>
      <c r="AZ648" s="259"/>
      <c r="BA648" s="259"/>
      <c r="BB648" s="259"/>
      <c r="BC648" s="259"/>
      <c r="BD648" s="259"/>
      <c r="BE648" s="259"/>
      <c r="BF648" s="259"/>
      <c r="BG648" s="259"/>
      <c r="BH648" s="259"/>
      <c r="BI648" s="259"/>
      <c r="BJ648" s="259"/>
      <c r="BK648" s="259"/>
      <c r="BL648" s="259"/>
      <c r="BM648" s="259"/>
      <c r="BN648" s="259"/>
      <c r="BO648" s="259"/>
      <c r="BP648" s="259"/>
      <c r="BQ648" s="259"/>
      <c r="BR648" s="259"/>
      <c r="BS648" s="259"/>
    </row>
    <row r="649" spans="1:71" s="74" customFormat="1">
      <c r="A649" s="178"/>
      <c r="B649" s="14"/>
      <c r="C649" s="14"/>
      <c r="D649" s="14"/>
      <c r="E649" s="14"/>
      <c r="F649" s="14"/>
      <c r="G649" s="14"/>
      <c r="H649" s="10"/>
      <c r="I649" s="10"/>
      <c r="J649" s="71"/>
      <c r="K649" s="72"/>
      <c r="L649" s="73"/>
      <c r="M649" s="73"/>
      <c r="N649" s="73"/>
      <c r="O649" s="73"/>
      <c r="P649" s="73"/>
      <c r="Q649" s="73"/>
    </row>
    <row r="650" spans="1:71" s="67" customFormat="1">
      <c r="A650" s="178"/>
      <c r="B650" s="68"/>
      <c r="C650" s="52"/>
      <c r="D650" s="52"/>
      <c r="E650" s="52"/>
      <c r="F650" s="52"/>
      <c r="G650" s="52"/>
      <c r="H650" s="75"/>
      <c r="I650" s="75"/>
      <c r="J650" s="71"/>
      <c r="K650" s="72"/>
      <c r="L650" s="73"/>
      <c r="M650" s="73"/>
      <c r="N650" s="73"/>
      <c r="O650" s="73"/>
      <c r="P650" s="73"/>
      <c r="Q650" s="73"/>
    </row>
    <row r="651" spans="1:71" s="92" customFormat="1">
      <c r="A651" s="178"/>
      <c r="B651" s="96"/>
      <c r="C651" s="3"/>
      <c r="D651" s="3"/>
      <c r="E651" s="3"/>
      <c r="F651" s="3"/>
      <c r="G651" s="3"/>
      <c r="H651" s="214"/>
      <c r="I651" s="214"/>
      <c r="J651" s="51"/>
      <c r="K651" s="24"/>
      <c r="L651" s="86"/>
      <c r="M651" s="86"/>
      <c r="N651" s="86"/>
      <c r="O651" s="86"/>
      <c r="P651" s="86"/>
      <c r="Q651" s="86"/>
    </row>
    <row r="652" spans="1:71" s="92" customFormat="1">
      <c r="A652" s="178"/>
      <c r="B652" s="14" t="s">
        <v>735</v>
      </c>
      <c r="C652" s="3"/>
      <c r="D652" s="3"/>
      <c r="E652" s="3"/>
      <c r="F652" s="3"/>
      <c r="G652" s="3"/>
      <c r="H652" s="214"/>
      <c r="I652" s="214"/>
      <c r="J652" s="51"/>
      <c r="K652" s="24"/>
      <c r="L652" s="86"/>
      <c r="M652" s="86"/>
      <c r="N652" s="86"/>
      <c r="O652" s="86"/>
      <c r="P652" s="86"/>
      <c r="Q652" s="86"/>
    </row>
    <row r="653" spans="1:71">
      <c r="A653" s="178"/>
      <c r="B653" s="14"/>
      <c r="C653" s="14"/>
      <c r="D653" s="14"/>
      <c r="E653" s="14"/>
      <c r="F653" s="14"/>
      <c r="G653" s="14"/>
      <c r="H653" s="10"/>
      <c r="I653" s="10"/>
      <c r="J653" s="53"/>
      <c r="K653" s="24"/>
      <c r="L653" s="62"/>
      <c r="M653" s="62"/>
      <c r="N653" s="62"/>
      <c r="O653" s="62"/>
      <c r="P653" s="62"/>
      <c r="Q653" s="62"/>
      <c r="R653" s="8"/>
      <c r="S653" s="8"/>
      <c r="T653" s="8"/>
      <c r="U653" s="8"/>
      <c r="V653" s="8"/>
    </row>
    <row r="654" spans="1:71" s="240" customFormat="1" ht="34.5" customHeight="1">
      <c r="A654" s="178"/>
      <c r="B654" s="14"/>
      <c r="C654" s="3"/>
      <c r="D654" s="3"/>
      <c r="E654" s="3"/>
      <c r="F654" s="3"/>
      <c r="G654" s="3"/>
      <c r="H654" s="214"/>
      <c r="I654" s="214"/>
      <c r="J654" s="63" t="s">
        <v>81</v>
      </c>
      <c r="K654" s="136"/>
      <c r="L654" s="245" t="str">
        <f t="shared" ref="L654:AQ654" si="117">IF(ISBLANK(L$390),"",L$390)</f>
        <v>4階病棟</v>
      </c>
      <c r="M654" s="249" t="str">
        <f t="shared" si="117"/>
        <v>回復期リハビリテーション病棟</v>
      </c>
      <c r="N654" s="247" t="str">
        <f t="shared" si="117"/>
        <v>地域包括ケア病棟</v>
      </c>
      <c r="O654" s="247" t="str">
        <f t="shared" si="117"/>
        <v>特殊疾患病棟</v>
      </c>
      <c r="P654" s="247" t="str">
        <f t="shared" si="117"/>
        <v>療養病棟2階</v>
      </c>
      <c r="Q654" s="247" t="str">
        <f t="shared" si="117"/>
        <v/>
      </c>
      <c r="R654" s="247" t="str">
        <f t="shared" si="117"/>
        <v/>
      </c>
      <c r="S654" s="247" t="str">
        <f t="shared" si="117"/>
        <v/>
      </c>
      <c r="T654" s="247" t="str">
        <f t="shared" si="117"/>
        <v/>
      </c>
      <c r="U654" s="247" t="str">
        <f t="shared" si="117"/>
        <v/>
      </c>
      <c r="V654" s="247" t="str">
        <f t="shared" si="117"/>
        <v/>
      </c>
      <c r="W654" s="247" t="str">
        <f t="shared" si="117"/>
        <v/>
      </c>
      <c r="X654" s="247" t="str">
        <f t="shared" si="117"/>
        <v/>
      </c>
      <c r="Y654" s="247" t="str">
        <f t="shared" si="117"/>
        <v/>
      </c>
      <c r="Z654" s="247" t="str">
        <f t="shared" si="117"/>
        <v/>
      </c>
      <c r="AA654" s="247" t="str">
        <f t="shared" si="117"/>
        <v/>
      </c>
      <c r="AB654" s="247" t="str">
        <f t="shared" si="117"/>
        <v/>
      </c>
      <c r="AC654" s="247" t="str">
        <f t="shared" si="117"/>
        <v/>
      </c>
      <c r="AD654" s="247" t="str">
        <f t="shared" si="117"/>
        <v/>
      </c>
      <c r="AE654" s="247" t="str">
        <f t="shared" si="117"/>
        <v/>
      </c>
      <c r="AF654" s="247" t="str">
        <f t="shared" si="117"/>
        <v/>
      </c>
      <c r="AG654" s="247" t="str">
        <f t="shared" si="117"/>
        <v/>
      </c>
      <c r="AH654" s="247" t="str">
        <f t="shared" si="117"/>
        <v/>
      </c>
      <c r="AI654" s="247" t="str">
        <f t="shared" si="117"/>
        <v/>
      </c>
      <c r="AJ654" s="247" t="str">
        <f t="shared" si="117"/>
        <v/>
      </c>
      <c r="AK654" s="247" t="str">
        <f t="shared" si="117"/>
        <v/>
      </c>
      <c r="AL654" s="247" t="str">
        <f t="shared" si="117"/>
        <v/>
      </c>
      <c r="AM654" s="247" t="str">
        <f t="shared" si="117"/>
        <v/>
      </c>
      <c r="AN654" s="247" t="str">
        <f t="shared" si="117"/>
        <v/>
      </c>
      <c r="AO654" s="247" t="str">
        <f t="shared" si="117"/>
        <v/>
      </c>
      <c r="AP654" s="247" t="str">
        <f t="shared" si="117"/>
        <v/>
      </c>
      <c r="AQ654" s="247" t="str">
        <f t="shared" si="117"/>
        <v/>
      </c>
      <c r="AR654" s="247" t="str">
        <f t="shared" ref="AR654:BS654" si="118">IF(ISBLANK(AR$390),"",AR$390)</f>
        <v/>
      </c>
      <c r="AS654" s="247" t="str">
        <f t="shared" si="118"/>
        <v/>
      </c>
      <c r="AT654" s="247" t="str">
        <f t="shared" si="118"/>
        <v/>
      </c>
      <c r="AU654" s="247" t="str">
        <f t="shared" si="118"/>
        <v/>
      </c>
      <c r="AV654" s="247" t="str">
        <f t="shared" si="118"/>
        <v/>
      </c>
      <c r="AW654" s="247" t="str">
        <f t="shared" si="118"/>
        <v/>
      </c>
      <c r="AX654" s="247" t="str">
        <f t="shared" si="118"/>
        <v/>
      </c>
      <c r="AY654" s="247" t="str">
        <f t="shared" si="118"/>
        <v/>
      </c>
      <c r="AZ654" s="247" t="str">
        <f t="shared" si="118"/>
        <v/>
      </c>
      <c r="BA654" s="247" t="str">
        <f t="shared" si="118"/>
        <v/>
      </c>
      <c r="BB654" s="247" t="str">
        <f t="shared" si="118"/>
        <v/>
      </c>
      <c r="BC654" s="247" t="str">
        <f t="shared" si="118"/>
        <v/>
      </c>
      <c r="BD654" s="247" t="str">
        <f t="shared" si="118"/>
        <v/>
      </c>
      <c r="BE654" s="247" t="str">
        <f t="shared" si="118"/>
        <v/>
      </c>
      <c r="BF654" s="247" t="str">
        <f t="shared" si="118"/>
        <v/>
      </c>
      <c r="BG654" s="247" t="str">
        <f t="shared" si="118"/>
        <v/>
      </c>
      <c r="BH654" s="247" t="str">
        <f t="shared" si="118"/>
        <v/>
      </c>
      <c r="BI654" s="247" t="str">
        <f t="shared" si="118"/>
        <v/>
      </c>
      <c r="BJ654" s="247" t="str">
        <f t="shared" si="118"/>
        <v/>
      </c>
      <c r="BK654" s="247" t="str">
        <f t="shared" si="118"/>
        <v/>
      </c>
      <c r="BL654" s="247" t="str">
        <f t="shared" si="118"/>
        <v/>
      </c>
      <c r="BM654" s="247" t="str">
        <f t="shared" si="118"/>
        <v/>
      </c>
      <c r="BN654" s="247" t="str">
        <f t="shared" si="118"/>
        <v/>
      </c>
      <c r="BO654" s="247" t="str">
        <f t="shared" si="118"/>
        <v/>
      </c>
      <c r="BP654" s="247" t="str">
        <f t="shared" si="118"/>
        <v/>
      </c>
      <c r="BQ654" s="247" t="str">
        <f t="shared" si="118"/>
        <v/>
      </c>
      <c r="BR654" s="247" t="str">
        <f t="shared" si="118"/>
        <v/>
      </c>
      <c r="BS654" s="247" t="str">
        <f t="shared" si="118"/>
        <v/>
      </c>
    </row>
    <row r="655" spans="1:71" s="240" customFormat="1" ht="20.25" customHeight="1">
      <c r="A655" s="178"/>
      <c r="B655" s="1"/>
      <c r="C655" s="52"/>
      <c r="D655" s="3"/>
      <c r="E655" s="3"/>
      <c r="F655" s="3"/>
      <c r="G655" s="3"/>
      <c r="H655" s="214"/>
      <c r="I655" s="56" t="s">
        <v>82</v>
      </c>
      <c r="J655" s="57"/>
      <c r="K655" s="137"/>
      <c r="L655" s="59" t="str">
        <f t="shared" ref="L655:AQ655" si="119">IF(ISBLANK(L$391),"",L$391)</f>
        <v>-</v>
      </c>
      <c r="M655" s="250" t="str">
        <f t="shared" si="119"/>
        <v>-</v>
      </c>
      <c r="N655" s="59" t="str">
        <f t="shared" si="119"/>
        <v>-</v>
      </c>
      <c r="O655" s="59" t="str">
        <f t="shared" si="119"/>
        <v>-</v>
      </c>
      <c r="P655" s="59" t="str">
        <f t="shared" si="119"/>
        <v>-</v>
      </c>
      <c r="Q655" s="59" t="str">
        <f t="shared" si="119"/>
        <v/>
      </c>
      <c r="R655" s="59" t="str">
        <f t="shared" si="119"/>
        <v/>
      </c>
      <c r="S655" s="59" t="str">
        <f t="shared" si="119"/>
        <v/>
      </c>
      <c r="T655" s="59" t="str">
        <f t="shared" si="119"/>
        <v/>
      </c>
      <c r="U655" s="59" t="str">
        <f t="shared" si="119"/>
        <v/>
      </c>
      <c r="V655" s="59" t="str">
        <f t="shared" si="119"/>
        <v/>
      </c>
      <c r="W655" s="59" t="str">
        <f t="shared" si="119"/>
        <v/>
      </c>
      <c r="X655" s="59" t="str">
        <f t="shared" si="119"/>
        <v/>
      </c>
      <c r="Y655" s="59" t="str">
        <f t="shared" si="119"/>
        <v/>
      </c>
      <c r="Z655" s="59" t="str">
        <f t="shared" si="119"/>
        <v/>
      </c>
      <c r="AA655" s="59" t="str">
        <f t="shared" si="119"/>
        <v/>
      </c>
      <c r="AB655" s="59" t="str">
        <f t="shared" si="119"/>
        <v/>
      </c>
      <c r="AC655" s="59" t="str">
        <f t="shared" si="119"/>
        <v/>
      </c>
      <c r="AD655" s="59" t="str">
        <f t="shared" si="119"/>
        <v/>
      </c>
      <c r="AE655" s="59" t="str">
        <f t="shared" si="119"/>
        <v/>
      </c>
      <c r="AF655" s="59" t="str">
        <f t="shared" si="119"/>
        <v/>
      </c>
      <c r="AG655" s="59" t="str">
        <f t="shared" si="119"/>
        <v/>
      </c>
      <c r="AH655" s="59" t="str">
        <f t="shared" si="119"/>
        <v/>
      </c>
      <c r="AI655" s="59" t="str">
        <f t="shared" si="119"/>
        <v/>
      </c>
      <c r="AJ655" s="59" t="str">
        <f t="shared" si="119"/>
        <v/>
      </c>
      <c r="AK655" s="59" t="str">
        <f t="shared" si="119"/>
        <v/>
      </c>
      <c r="AL655" s="59" t="str">
        <f t="shared" si="119"/>
        <v/>
      </c>
      <c r="AM655" s="59" t="str">
        <f t="shared" si="119"/>
        <v/>
      </c>
      <c r="AN655" s="59" t="str">
        <f t="shared" si="119"/>
        <v/>
      </c>
      <c r="AO655" s="59" t="str">
        <f t="shared" si="119"/>
        <v/>
      </c>
      <c r="AP655" s="59" t="str">
        <f t="shared" si="119"/>
        <v/>
      </c>
      <c r="AQ655" s="59" t="str">
        <f t="shared" si="119"/>
        <v/>
      </c>
      <c r="AR655" s="59" t="str">
        <f t="shared" ref="AR655:BS655" si="120">IF(ISBLANK(AR$391),"",AR$391)</f>
        <v/>
      </c>
      <c r="AS655" s="59" t="str">
        <f t="shared" si="120"/>
        <v/>
      </c>
      <c r="AT655" s="59" t="str">
        <f t="shared" si="120"/>
        <v/>
      </c>
      <c r="AU655" s="59" t="str">
        <f t="shared" si="120"/>
        <v/>
      </c>
      <c r="AV655" s="59" t="str">
        <f t="shared" si="120"/>
        <v/>
      </c>
      <c r="AW655" s="59" t="str">
        <f t="shared" si="120"/>
        <v/>
      </c>
      <c r="AX655" s="59" t="str">
        <f t="shared" si="120"/>
        <v/>
      </c>
      <c r="AY655" s="59" t="str">
        <f t="shared" si="120"/>
        <v/>
      </c>
      <c r="AZ655" s="59" t="str">
        <f t="shared" si="120"/>
        <v/>
      </c>
      <c r="BA655" s="59" t="str">
        <f t="shared" si="120"/>
        <v/>
      </c>
      <c r="BB655" s="59" t="str">
        <f t="shared" si="120"/>
        <v/>
      </c>
      <c r="BC655" s="59" t="str">
        <f t="shared" si="120"/>
        <v/>
      </c>
      <c r="BD655" s="59" t="str">
        <f t="shared" si="120"/>
        <v/>
      </c>
      <c r="BE655" s="59" t="str">
        <f t="shared" si="120"/>
        <v/>
      </c>
      <c r="BF655" s="59" t="str">
        <f t="shared" si="120"/>
        <v/>
      </c>
      <c r="BG655" s="59" t="str">
        <f t="shared" si="120"/>
        <v/>
      </c>
      <c r="BH655" s="59" t="str">
        <f t="shared" si="120"/>
        <v/>
      </c>
      <c r="BI655" s="59" t="str">
        <f t="shared" si="120"/>
        <v/>
      </c>
      <c r="BJ655" s="59" t="str">
        <f t="shared" si="120"/>
        <v/>
      </c>
      <c r="BK655" s="59" t="str">
        <f t="shared" si="120"/>
        <v/>
      </c>
      <c r="BL655" s="59" t="str">
        <f t="shared" si="120"/>
        <v/>
      </c>
      <c r="BM655" s="59" t="str">
        <f t="shared" si="120"/>
        <v/>
      </c>
      <c r="BN655" s="59" t="str">
        <f t="shared" si="120"/>
        <v/>
      </c>
      <c r="BO655" s="59" t="str">
        <f t="shared" si="120"/>
        <v/>
      </c>
      <c r="BP655" s="59" t="str">
        <f t="shared" si="120"/>
        <v/>
      </c>
      <c r="BQ655" s="59" t="str">
        <f t="shared" si="120"/>
        <v/>
      </c>
      <c r="BR655" s="59" t="str">
        <f t="shared" si="120"/>
        <v/>
      </c>
      <c r="BS655" s="59" t="str">
        <f t="shared" si="120"/>
        <v/>
      </c>
    </row>
    <row r="656" spans="1:71" s="95" customFormat="1" ht="42" customHeight="1">
      <c r="A656" s="186" t="s">
        <v>736</v>
      </c>
      <c r="B656" s="92"/>
      <c r="C656" s="289" t="s">
        <v>737</v>
      </c>
      <c r="D656" s="295"/>
      <c r="E656" s="295"/>
      <c r="F656" s="295"/>
      <c r="G656" s="295"/>
      <c r="H656" s="290"/>
      <c r="I656" s="98" t="s">
        <v>738</v>
      </c>
      <c r="J656" s="93">
        <f>IF(SUM(L656:BS656)=0,IF(COUNTIF(L656:BS656,"未確認")&gt;0,"未確認",IF(COUNTIF(L656:BS656,"~*")&gt;0,"*",SUM(L656:BS656))),SUM(L656:BS656))</f>
        <v>1222</v>
      </c>
      <c r="K656" s="152" t="str">
        <f t="shared" ref="K656:K670" si="121">IF(OR(COUNTIF(L656:BS656,"未確認")&gt;0,COUNTIF(L656:BS656,"*")&gt;0),"※","")</f>
        <v/>
      </c>
      <c r="L656" s="94">
        <v>513</v>
      </c>
      <c r="M656" s="259">
        <v>574</v>
      </c>
      <c r="N656" s="259">
        <v>76</v>
      </c>
      <c r="O656" s="259">
        <v>0</v>
      </c>
      <c r="P656" s="259">
        <v>59</v>
      </c>
      <c r="Q656" s="259"/>
      <c r="R656" s="259"/>
      <c r="S656" s="259"/>
      <c r="T656" s="259"/>
      <c r="U656" s="259"/>
      <c r="V656" s="259"/>
      <c r="W656" s="259"/>
      <c r="X656" s="259"/>
      <c r="Y656" s="259"/>
      <c r="Z656" s="259"/>
      <c r="AA656" s="259"/>
      <c r="AB656" s="259"/>
      <c r="AC656" s="259"/>
      <c r="AD656" s="259"/>
      <c r="AE656" s="259"/>
      <c r="AF656" s="259"/>
      <c r="AG656" s="259"/>
      <c r="AH656" s="259"/>
      <c r="AI656" s="259"/>
      <c r="AJ656" s="259"/>
      <c r="AK656" s="259"/>
      <c r="AL656" s="259"/>
      <c r="AM656" s="259"/>
      <c r="AN656" s="259"/>
      <c r="AO656" s="259"/>
      <c r="AP656" s="259"/>
      <c r="AQ656" s="259"/>
      <c r="AR656" s="259"/>
      <c r="AS656" s="259"/>
      <c r="AT656" s="259"/>
      <c r="AU656" s="259"/>
      <c r="AV656" s="259"/>
      <c r="AW656" s="259"/>
      <c r="AX656" s="259"/>
      <c r="AY656" s="259"/>
      <c r="AZ656" s="259"/>
      <c r="BA656" s="259"/>
      <c r="BB656" s="259"/>
      <c r="BC656" s="259"/>
      <c r="BD656" s="259"/>
      <c r="BE656" s="259"/>
      <c r="BF656" s="259"/>
      <c r="BG656" s="259"/>
      <c r="BH656" s="259"/>
      <c r="BI656" s="259"/>
      <c r="BJ656" s="259"/>
      <c r="BK656" s="259"/>
      <c r="BL656" s="259"/>
      <c r="BM656" s="259"/>
      <c r="BN656" s="259"/>
      <c r="BO656" s="259"/>
      <c r="BP656" s="259"/>
      <c r="BQ656" s="259"/>
      <c r="BR656" s="259"/>
      <c r="BS656" s="259"/>
    </row>
    <row r="657" spans="1:71" s="95" customFormat="1" ht="70.150000000000006" customHeight="1">
      <c r="A657" s="186" t="s">
        <v>739</v>
      </c>
      <c r="B657" s="68"/>
      <c r="C657" s="139"/>
      <c r="D657" s="163"/>
      <c r="E657" s="274" t="s">
        <v>740</v>
      </c>
      <c r="F657" s="275"/>
      <c r="G657" s="275"/>
      <c r="H657" s="276"/>
      <c r="I657" s="98" t="s">
        <v>741</v>
      </c>
      <c r="J657" s="93">
        <f t="shared" ref="J657:J670" si="122">IF(SUM(L657:BS657)=0,IF(COUNTIF(L657:BS657,"未確認")&gt;0,"未確認",IF(COUNTIF(L657:BS657,"~*")&gt;0,"*",SUM(L657:BS657))),SUM(L657:BS657))</f>
        <v>0</v>
      </c>
      <c r="K657" s="152" t="str">
        <f t="shared" si="121"/>
        <v/>
      </c>
      <c r="L657" s="94">
        <v>0</v>
      </c>
      <c r="M657" s="259">
        <v>0</v>
      </c>
      <c r="N657" s="259">
        <v>0</v>
      </c>
      <c r="O657" s="259">
        <v>0</v>
      </c>
      <c r="P657" s="259">
        <v>0</v>
      </c>
      <c r="Q657" s="259"/>
      <c r="R657" s="259"/>
      <c r="S657" s="259"/>
      <c r="T657" s="259"/>
      <c r="U657" s="259"/>
      <c r="V657" s="259"/>
      <c r="W657" s="259"/>
      <c r="X657" s="259"/>
      <c r="Y657" s="259"/>
      <c r="Z657" s="259"/>
      <c r="AA657" s="259"/>
      <c r="AB657" s="259"/>
      <c r="AC657" s="259"/>
      <c r="AD657" s="259"/>
      <c r="AE657" s="259"/>
      <c r="AF657" s="259"/>
      <c r="AG657" s="259"/>
      <c r="AH657" s="259"/>
      <c r="AI657" s="259"/>
      <c r="AJ657" s="259"/>
      <c r="AK657" s="259"/>
      <c r="AL657" s="259"/>
      <c r="AM657" s="259"/>
      <c r="AN657" s="259"/>
      <c r="AO657" s="259"/>
      <c r="AP657" s="259"/>
      <c r="AQ657" s="259"/>
      <c r="AR657" s="259"/>
      <c r="AS657" s="259"/>
      <c r="AT657" s="259"/>
      <c r="AU657" s="259"/>
      <c r="AV657" s="259"/>
      <c r="AW657" s="259"/>
      <c r="AX657" s="259"/>
      <c r="AY657" s="259"/>
      <c r="AZ657" s="259"/>
      <c r="BA657" s="259"/>
      <c r="BB657" s="259"/>
      <c r="BC657" s="259"/>
      <c r="BD657" s="259"/>
      <c r="BE657" s="259"/>
      <c r="BF657" s="259"/>
      <c r="BG657" s="259"/>
      <c r="BH657" s="259"/>
      <c r="BI657" s="259"/>
      <c r="BJ657" s="259"/>
      <c r="BK657" s="259"/>
      <c r="BL657" s="259"/>
      <c r="BM657" s="259"/>
      <c r="BN657" s="259"/>
      <c r="BO657" s="259"/>
      <c r="BP657" s="259"/>
      <c r="BQ657" s="259"/>
      <c r="BR657" s="259"/>
      <c r="BS657" s="259"/>
    </row>
    <row r="658" spans="1:71" s="95" customFormat="1" ht="70.150000000000006" customHeight="1">
      <c r="A658" s="186" t="s">
        <v>742</v>
      </c>
      <c r="B658" s="68"/>
      <c r="C658" s="139"/>
      <c r="D658" s="163"/>
      <c r="E658" s="274" t="s">
        <v>743</v>
      </c>
      <c r="F658" s="275"/>
      <c r="G658" s="275"/>
      <c r="H658" s="276"/>
      <c r="I658" s="98" t="s">
        <v>744</v>
      </c>
      <c r="J658" s="93">
        <f t="shared" si="122"/>
        <v>336</v>
      </c>
      <c r="K658" s="152" t="str">
        <f t="shared" si="121"/>
        <v>※</v>
      </c>
      <c r="L658" s="94">
        <v>21</v>
      </c>
      <c r="M658" s="259">
        <v>298</v>
      </c>
      <c r="N658" s="259" t="s">
        <v>382</v>
      </c>
      <c r="O658" s="259">
        <v>0</v>
      </c>
      <c r="P658" s="259">
        <v>17</v>
      </c>
      <c r="Q658" s="259"/>
      <c r="R658" s="259"/>
      <c r="S658" s="259"/>
      <c r="T658" s="259"/>
      <c r="U658" s="259"/>
      <c r="V658" s="259"/>
      <c r="W658" s="259"/>
      <c r="X658" s="259"/>
      <c r="Y658" s="259"/>
      <c r="Z658" s="259"/>
      <c r="AA658" s="259"/>
      <c r="AB658" s="259"/>
      <c r="AC658" s="259"/>
      <c r="AD658" s="259"/>
      <c r="AE658" s="259"/>
      <c r="AF658" s="259"/>
      <c r="AG658" s="259"/>
      <c r="AH658" s="259"/>
      <c r="AI658" s="259"/>
      <c r="AJ658" s="259"/>
      <c r="AK658" s="259"/>
      <c r="AL658" s="259"/>
      <c r="AM658" s="259"/>
      <c r="AN658" s="259"/>
      <c r="AO658" s="259"/>
      <c r="AP658" s="259"/>
      <c r="AQ658" s="259"/>
      <c r="AR658" s="259"/>
      <c r="AS658" s="259"/>
      <c r="AT658" s="259"/>
      <c r="AU658" s="259"/>
      <c r="AV658" s="259"/>
      <c r="AW658" s="259"/>
      <c r="AX658" s="259"/>
      <c r="AY658" s="259"/>
      <c r="AZ658" s="259"/>
      <c r="BA658" s="259"/>
      <c r="BB658" s="259"/>
      <c r="BC658" s="259"/>
      <c r="BD658" s="259"/>
      <c r="BE658" s="259"/>
      <c r="BF658" s="259"/>
      <c r="BG658" s="259"/>
      <c r="BH658" s="259"/>
      <c r="BI658" s="259"/>
      <c r="BJ658" s="259"/>
      <c r="BK658" s="259"/>
      <c r="BL658" s="259"/>
      <c r="BM658" s="259"/>
      <c r="BN658" s="259"/>
      <c r="BO658" s="259"/>
      <c r="BP658" s="259"/>
      <c r="BQ658" s="259"/>
      <c r="BR658" s="259"/>
      <c r="BS658" s="259"/>
    </row>
    <row r="659" spans="1:71" s="95" customFormat="1" ht="70.150000000000006" customHeight="1">
      <c r="A659" s="186" t="s">
        <v>745</v>
      </c>
      <c r="B659" s="68"/>
      <c r="C659" s="221"/>
      <c r="D659" s="222"/>
      <c r="E659" s="274" t="s">
        <v>746</v>
      </c>
      <c r="F659" s="275"/>
      <c r="G659" s="275"/>
      <c r="H659" s="276"/>
      <c r="I659" s="98" t="s">
        <v>747</v>
      </c>
      <c r="J659" s="93">
        <f t="shared" si="122"/>
        <v>180</v>
      </c>
      <c r="K659" s="152" t="str">
        <f t="shared" si="121"/>
        <v>※</v>
      </c>
      <c r="L659" s="94">
        <v>149</v>
      </c>
      <c r="M659" s="259" t="s">
        <v>382</v>
      </c>
      <c r="N659" s="259">
        <v>12</v>
      </c>
      <c r="O659" s="259">
        <v>0</v>
      </c>
      <c r="P659" s="259">
        <v>19</v>
      </c>
      <c r="Q659" s="259"/>
      <c r="R659" s="259"/>
      <c r="S659" s="259"/>
      <c r="T659" s="259"/>
      <c r="U659" s="259"/>
      <c r="V659" s="259"/>
      <c r="W659" s="259"/>
      <c r="X659" s="259"/>
      <c r="Y659" s="259"/>
      <c r="Z659" s="259"/>
      <c r="AA659" s="259"/>
      <c r="AB659" s="259"/>
      <c r="AC659" s="259"/>
      <c r="AD659" s="259"/>
      <c r="AE659" s="259"/>
      <c r="AF659" s="259"/>
      <c r="AG659" s="259"/>
      <c r="AH659" s="259"/>
      <c r="AI659" s="259"/>
      <c r="AJ659" s="259"/>
      <c r="AK659" s="259"/>
      <c r="AL659" s="259"/>
      <c r="AM659" s="259"/>
      <c r="AN659" s="259"/>
      <c r="AO659" s="259"/>
      <c r="AP659" s="259"/>
      <c r="AQ659" s="259"/>
      <c r="AR659" s="259"/>
      <c r="AS659" s="259"/>
      <c r="AT659" s="259"/>
      <c r="AU659" s="259"/>
      <c r="AV659" s="259"/>
      <c r="AW659" s="259"/>
      <c r="AX659" s="259"/>
      <c r="AY659" s="259"/>
      <c r="AZ659" s="259"/>
      <c r="BA659" s="259"/>
      <c r="BB659" s="259"/>
      <c r="BC659" s="259"/>
      <c r="BD659" s="259"/>
      <c r="BE659" s="259"/>
      <c r="BF659" s="259"/>
      <c r="BG659" s="259"/>
      <c r="BH659" s="259"/>
      <c r="BI659" s="259"/>
      <c r="BJ659" s="259"/>
      <c r="BK659" s="259"/>
      <c r="BL659" s="259"/>
      <c r="BM659" s="259"/>
      <c r="BN659" s="259"/>
      <c r="BO659" s="259"/>
      <c r="BP659" s="259"/>
      <c r="BQ659" s="259"/>
      <c r="BR659" s="259"/>
      <c r="BS659" s="259"/>
    </row>
    <row r="660" spans="1:71" s="95" customFormat="1" ht="84" customHeight="1">
      <c r="A660" s="186" t="s">
        <v>748</v>
      </c>
      <c r="B660" s="68"/>
      <c r="C660" s="221"/>
      <c r="D660" s="222"/>
      <c r="E660" s="274" t="s">
        <v>749</v>
      </c>
      <c r="F660" s="275"/>
      <c r="G660" s="275"/>
      <c r="H660" s="276"/>
      <c r="I660" s="98" t="s">
        <v>750</v>
      </c>
      <c r="J660" s="93">
        <f t="shared" si="122"/>
        <v>593</v>
      </c>
      <c r="K660" s="152" t="str">
        <f t="shared" si="121"/>
        <v>※</v>
      </c>
      <c r="L660" s="94">
        <v>259</v>
      </c>
      <c r="M660" s="259">
        <v>276</v>
      </c>
      <c r="N660" s="259">
        <v>58</v>
      </c>
      <c r="O660" s="259">
        <v>0</v>
      </c>
      <c r="P660" s="259" t="s">
        <v>382</v>
      </c>
      <c r="Q660" s="259"/>
      <c r="R660" s="259"/>
      <c r="S660" s="259"/>
      <c r="T660" s="259"/>
      <c r="U660" s="259"/>
      <c r="V660" s="259"/>
      <c r="W660" s="259"/>
      <c r="X660" s="259"/>
      <c r="Y660" s="259"/>
      <c r="Z660" s="259"/>
      <c r="AA660" s="259"/>
      <c r="AB660" s="259"/>
      <c r="AC660" s="259"/>
      <c r="AD660" s="259"/>
      <c r="AE660" s="259"/>
      <c r="AF660" s="259"/>
      <c r="AG660" s="259"/>
      <c r="AH660" s="259"/>
      <c r="AI660" s="259"/>
      <c r="AJ660" s="259"/>
      <c r="AK660" s="259"/>
      <c r="AL660" s="259"/>
      <c r="AM660" s="259"/>
      <c r="AN660" s="259"/>
      <c r="AO660" s="259"/>
      <c r="AP660" s="259"/>
      <c r="AQ660" s="259"/>
      <c r="AR660" s="259"/>
      <c r="AS660" s="259"/>
      <c r="AT660" s="259"/>
      <c r="AU660" s="259"/>
      <c r="AV660" s="259"/>
      <c r="AW660" s="259"/>
      <c r="AX660" s="259"/>
      <c r="AY660" s="259"/>
      <c r="AZ660" s="259"/>
      <c r="BA660" s="259"/>
      <c r="BB660" s="259"/>
      <c r="BC660" s="259"/>
      <c r="BD660" s="259"/>
      <c r="BE660" s="259"/>
      <c r="BF660" s="259"/>
      <c r="BG660" s="259"/>
      <c r="BH660" s="259"/>
      <c r="BI660" s="259"/>
      <c r="BJ660" s="259"/>
      <c r="BK660" s="259"/>
      <c r="BL660" s="259"/>
      <c r="BM660" s="259"/>
      <c r="BN660" s="259"/>
      <c r="BO660" s="259"/>
      <c r="BP660" s="259"/>
      <c r="BQ660" s="259"/>
      <c r="BR660" s="259"/>
      <c r="BS660" s="259"/>
    </row>
    <row r="661" spans="1:71" s="95" customFormat="1" ht="70.150000000000006" customHeight="1">
      <c r="A661" s="186" t="s">
        <v>751</v>
      </c>
      <c r="B661" s="68"/>
      <c r="C661" s="139"/>
      <c r="D661" s="163"/>
      <c r="E661" s="274" t="s">
        <v>752</v>
      </c>
      <c r="F661" s="275"/>
      <c r="G661" s="275"/>
      <c r="H661" s="276"/>
      <c r="I661" s="98" t="s">
        <v>753</v>
      </c>
      <c r="J661" s="93">
        <f t="shared" si="122"/>
        <v>50</v>
      </c>
      <c r="K661" s="152" t="str">
        <f t="shared" si="121"/>
        <v>※</v>
      </c>
      <c r="L661" s="94">
        <v>35</v>
      </c>
      <c r="M661" s="259">
        <v>0</v>
      </c>
      <c r="N661" s="259" t="s">
        <v>382</v>
      </c>
      <c r="O661" s="259">
        <v>0</v>
      </c>
      <c r="P661" s="259">
        <v>15</v>
      </c>
      <c r="Q661" s="259"/>
      <c r="R661" s="259"/>
      <c r="S661" s="259"/>
      <c r="T661" s="259"/>
      <c r="U661" s="259"/>
      <c r="V661" s="259"/>
      <c r="W661" s="259"/>
      <c r="X661" s="259"/>
      <c r="Y661" s="259"/>
      <c r="Z661" s="259"/>
      <c r="AA661" s="259"/>
      <c r="AB661" s="259"/>
      <c r="AC661" s="259"/>
      <c r="AD661" s="259"/>
      <c r="AE661" s="259"/>
      <c r="AF661" s="259"/>
      <c r="AG661" s="259"/>
      <c r="AH661" s="259"/>
      <c r="AI661" s="259"/>
      <c r="AJ661" s="259"/>
      <c r="AK661" s="259"/>
      <c r="AL661" s="259"/>
      <c r="AM661" s="259"/>
      <c r="AN661" s="259"/>
      <c r="AO661" s="259"/>
      <c r="AP661" s="259"/>
      <c r="AQ661" s="259"/>
      <c r="AR661" s="259"/>
      <c r="AS661" s="259"/>
      <c r="AT661" s="259"/>
      <c r="AU661" s="259"/>
      <c r="AV661" s="259"/>
      <c r="AW661" s="259"/>
      <c r="AX661" s="259"/>
      <c r="AY661" s="259"/>
      <c r="AZ661" s="259"/>
      <c r="BA661" s="259"/>
      <c r="BB661" s="259"/>
      <c r="BC661" s="259"/>
      <c r="BD661" s="259"/>
      <c r="BE661" s="259"/>
      <c r="BF661" s="259"/>
      <c r="BG661" s="259"/>
      <c r="BH661" s="259"/>
      <c r="BI661" s="259"/>
      <c r="BJ661" s="259"/>
      <c r="BK661" s="259"/>
      <c r="BL661" s="259"/>
      <c r="BM661" s="259"/>
      <c r="BN661" s="259"/>
      <c r="BO661" s="259"/>
      <c r="BP661" s="259"/>
      <c r="BQ661" s="259"/>
      <c r="BR661" s="259"/>
      <c r="BS661" s="259"/>
    </row>
    <row r="662" spans="1:71" s="95" customFormat="1" ht="56.1" customHeight="1">
      <c r="A662" s="186" t="s">
        <v>754</v>
      </c>
      <c r="B662" s="68"/>
      <c r="C662" s="139"/>
      <c r="D662" s="163"/>
      <c r="E662" s="274" t="s">
        <v>755</v>
      </c>
      <c r="F662" s="275"/>
      <c r="G662" s="275"/>
      <c r="H662" s="276"/>
      <c r="I662" s="98" t="s">
        <v>756</v>
      </c>
      <c r="J662" s="93">
        <f t="shared" si="122"/>
        <v>0</v>
      </c>
      <c r="K662" s="152" t="str">
        <f t="shared" si="121"/>
        <v/>
      </c>
      <c r="L662" s="94">
        <v>0</v>
      </c>
      <c r="M662" s="259">
        <v>0</v>
      </c>
      <c r="N662" s="259">
        <v>0</v>
      </c>
      <c r="O662" s="259">
        <v>0</v>
      </c>
      <c r="P662" s="259">
        <v>0</v>
      </c>
      <c r="Q662" s="259"/>
      <c r="R662" s="259"/>
      <c r="S662" s="259"/>
      <c r="T662" s="259"/>
      <c r="U662" s="259"/>
      <c r="V662" s="259"/>
      <c r="W662" s="259"/>
      <c r="X662" s="259"/>
      <c r="Y662" s="259"/>
      <c r="Z662" s="259"/>
      <c r="AA662" s="259"/>
      <c r="AB662" s="259"/>
      <c r="AC662" s="259"/>
      <c r="AD662" s="259"/>
      <c r="AE662" s="259"/>
      <c r="AF662" s="259"/>
      <c r="AG662" s="259"/>
      <c r="AH662" s="259"/>
      <c r="AI662" s="259"/>
      <c r="AJ662" s="259"/>
      <c r="AK662" s="259"/>
      <c r="AL662" s="259"/>
      <c r="AM662" s="259"/>
      <c r="AN662" s="259"/>
      <c r="AO662" s="259"/>
      <c r="AP662" s="259"/>
      <c r="AQ662" s="259"/>
      <c r="AR662" s="259"/>
      <c r="AS662" s="259"/>
      <c r="AT662" s="259"/>
      <c r="AU662" s="259"/>
      <c r="AV662" s="259"/>
      <c r="AW662" s="259"/>
      <c r="AX662" s="259"/>
      <c r="AY662" s="259"/>
      <c r="AZ662" s="259"/>
      <c r="BA662" s="259"/>
      <c r="BB662" s="259"/>
      <c r="BC662" s="259"/>
      <c r="BD662" s="259"/>
      <c r="BE662" s="259"/>
      <c r="BF662" s="259"/>
      <c r="BG662" s="259"/>
      <c r="BH662" s="259"/>
      <c r="BI662" s="259"/>
      <c r="BJ662" s="259"/>
      <c r="BK662" s="259"/>
      <c r="BL662" s="259"/>
      <c r="BM662" s="259"/>
      <c r="BN662" s="259"/>
      <c r="BO662" s="259"/>
      <c r="BP662" s="259"/>
      <c r="BQ662" s="259"/>
      <c r="BR662" s="259"/>
      <c r="BS662" s="259"/>
    </row>
    <row r="663" spans="1:71" s="95" customFormat="1" ht="70.150000000000006" customHeight="1">
      <c r="A663" s="186" t="s">
        <v>757</v>
      </c>
      <c r="B663" s="68"/>
      <c r="C663" s="139"/>
      <c r="D663" s="163"/>
      <c r="E663" s="274" t="s">
        <v>758</v>
      </c>
      <c r="F663" s="275"/>
      <c r="G663" s="275"/>
      <c r="H663" s="276"/>
      <c r="I663" s="98" t="s">
        <v>759</v>
      </c>
      <c r="J663" s="93">
        <f t="shared" si="122"/>
        <v>53</v>
      </c>
      <c r="K663" s="152" t="str">
        <f t="shared" si="121"/>
        <v/>
      </c>
      <c r="L663" s="94">
        <v>53</v>
      </c>
      <c r="M663" s="259">
        <v>0</v>
      </c>
      <c r="N663" s="259">
        <v>0</v>
      </c>
      <c r="O663" s="259">
        <v>0</v>
      </c>
      <c r="P663" s="259">
        <v>0</v>
      </c>
      <c r="Q663" s="259"/>
      <c r="R663" s="259"/>
      <c r="S663" s="259"/>
      <c r="T663" s="259"/>
      <c r="U663" s="259"/>
      <c r="V663" s="259"/>
      <c r="W663" s="259"/>
      <c r="X663" s="259"/>
      <c r="Y663" s="259"/>
      <c r="Z663" s="259"/>
      <c r="AA663" s="259"/>
      <c r="AB663" s="259"/>
      <c r="AC663" s="259"/>
      <c r="AD663" s="259"/>
      <c r="AE663" s="259"/>
      <c r="AF663" s="259"/>
      <c r="AG663" s="259"/>
      <c r="AH663" s="259"/>
      <c r="AI663" s="259"/>
      <c r="AJ663" s="259"/>
      <c r="AK663" s="259"/>
      <c r="AL663" s="259"/>
      <c r="AM663" s="259"/>
      <c r="AN663" s="259"/>
      <c r="AO663" s="259"/>
      <c r="AP663" s="259"/>
      <c r="AQ663" s="259"/>
      <c r="AR663" s="259"/>
      <c r="AS663" s="259"/>
      <c r="AT663" s="259"/>
      <c r="AU663" s="259"/>
      <c r="AV663" s="259"/>
      <c r="AW663" s="259"/>
      <c r="AX663" s="259"/>
      <c r="AY663" s="259"/>
      <c r="AZ663" s="259"/>
      <c r="BA663" s="259"/>
      <c r="BB663" s="259"/>
      <c r="BC663" s="259"/>
      <c r="BD663" s="259"/>
      <c r="BE663" s="259"/>
      <c r="BF663" s="259"/>
      <c r="BG663" s="259"/>
      <c r="BH663" s="259"/>
      <c r="BI663" s="259"/>
      <c r="BJ663" s="259"/>
      <c r="BK663" s="259"/>
      <c r="BL663" s="259"/>
      <c r="BM663" s="259"/>
      <c r="BN663" s="259"/>
      <c r="BO663" s="259"/>
      <c r="BP663" s="259"/>
      <c r="BQ663" s="259"/>
      <c r="BR663" s="259"/>
      <c r="BS663" s="259"/>
    </row>
    <row r="664" spans="1:71" s="95" customFormat="1" ht="70.150000000000006" customHeight="1">
      <c r="A664" s="186" t="s">
        <v>760</v>
      </c>
      <c r="B664" s="68"/>
      <c r="C664" s="141"/>
      <c r="D664" s="164"/>
      <c r="E664" s="274" t="s">
        <v>761</v>
      </c>
      <c r="F664" s="275"/>
      <c r="G664" s="275"/>
      <c r="H664" s="276"/>
      <c r="I664" s="98" t="s">
        <v>762</v>
      </c>
      <c r="J664" s="93">
        <f t="shared" si="122"/>
        <v>0</v>
      </c>
      <c r="K664" s="152" t="str">
        <f t="shared" si="121"/>
        <v/>
      </c>
      <c r="L664" s="94">
        <v>0</v>
      </c>
      <c r="M664" s="259">
        <v>0</v>
      </c>
      <c r="N664" s="259">
        <v>0</v>
      </c>
      <c r="O664" s="259">
        <v>0</v>
      </c>
      <c r="P664" s="259">
        <v>0</v>
      </c>
      <c r="Q664" s="259"/>
      <c r="R664" s="259"/>
      <c r="S664" s="259"/>
      <c r="T664" s="259"/>
      <c r="U664" s="259"/>
      <c r="V664" s="259"/>
      <c r="W664" s="259"/>
      <c r="X664" s="259"/>
      <c r="Y664" s="259"/>
      <c r="Z664" s="259"/>
      <c r="AA664" s="259"/>
      <c r="AB664" s="259"/>
      <c r="AC664" s="259"/>
      <c r="AD664" s="259"/>
      <c r="AE664" s="259"/>
      <c r="AF664" s="259"/>
      <c r="AG664" s="259"/>
      <c r="AH664" s="259"/>
      <c r="AI664" s="259"/>
      <c r="AJ664" s="259"/>
      <c r="AK664" s="259"/>
      <c r="AL664" s="259"/>
      <c r="AM664" s="259"/>
      <c r="AN664" s="259"/>
      <c r="AO664" s="259"/>
      <c r="AP664" s="259"/>
      <c r="AQ664" s="259"/>
      <c r="AR664" s="259"/>
      <c r="AS664" s="259"/>
      <c r="AT664" s="259"/>
      <c r="AU664" s="259"/>
      <c r="AV664" s="259"/>
      <c r="AW664" s="259"/>
      <c r="AX664" s="259"/>
      <c r="AY664" s="259"/>
      <c r="AZ664" s="259"/>
      <c r="BA664" s="259"/>
      <c r="BB664" s="259"/>
      <c r="BC664" s="259"/>
      <c r="BD664" s="259"/>
      <c r="BE664" s="259"/>
      <c r="BF664" s="259"/>
      <c r="BG664" s="259"/>
      <c r="BH664" s="259"/>
      <c r="BI664" s="259"/>
      <c r="BJ664" s="259"/>
      <c r="BK664" s="259"/>
      <c r="BL664" s="259"/>
      <c r="BM664" s="259"/>
      <c r="BN664" s="259"/>
      <c r="BO664" s="259"/>
      <c r="BP664" s="259"/>
      <c r="BQ664" s="259"/>
      <c r="BR664" s="259"/>
      <c r="BS664" s="259"/>
    </row>
    <row r="665" spans="1:71" s="95" customFormat="1" ht="70.150000000000006" customHeight="1">
      <c r="A665" s="186" t="s">
        <v>763</v>
      </c>
      <c r="B665" s="68"/>
      <c r="C665" s="274" t="s">
        <v>764</v>
      </c>
      <c r="D665" s="275"/>
      <c r="E665" s="275"/>
      <c r="F665" s="275"/>
      <c r="G665" s="275"/>
      <c r="H665" s="276"/>
      <c r="I665" s="98" t="s">
        <v>765</v>
      </c>
      <c r="J665" s="93">
        <f t="shared" si="122"/>
        <v>608</v>
      </c>
      <c r="K665" s="152" t="str">
        <f t="shared" si="121"/>
        <v>※</v>
      </c>
      <c r="L665" s="94">
        <v>399</v>
      </c>
      <c r="M665" s="259">
        <v>134</v>
      </c>
      <c r="N665" s="259">
        <v>75</v>
      </c>
      <c r="O665" s="259">
        <v>0</v>
      </c>
      <c r="P665" s="259" t="s">
        <v>382</v>
      </c>
      <c r="Q665" s="259"/>
      <c r="R665" s="259"/>
      <c r="S665" s="259"/>
      <c r="T665" s="259"/>
      <c r="U665" s="259"/>
      <c r="V665" s="259"/>
      <c r="W665" s="259"/>
      <c r="X665" s="259"/>
      <c r="Y665" s="259"/>
      <c r="Z665" s="259"/>
      <c r="AA665" s="259"/>
      <c r="AB665" s="259"/>
      <c r="AC665" s="259"/>
      <c r="AD665" s="259"/>
      <c r="AE665" s="259"/>
      <c r="AF665" s="259"/>
      <c r="AG665" s="259"/>
      <c r="AH665" s="259"/>
      <c r="AI665" s="259"/>
      <c r="AJ665" s="259"/>
      <c r="AK665" s="259"/>
      <c r="AL665" s="259"/>
      <c r="AM665" s="259"/>
      <c r="AN665" s="259"/>
      <c r="AO665" s="259"/>
      <c r="AP665" s="259"/>
      <c r="AQ665" s="259"/>
      <c r="AR665" s="259"/>
      <c r="AS665" s="259"/>
      <c r="AT665" s="259"/>
      <c r="AU665" s="259"/>
      <c r="AV665" s="259"/>
      <c r="AW665" s="259"/>
      <c r="AX665" s="259"/>
      <c r="AY665" s="259"/>
      <c r="AZ665" s="259"/>
      <c r="BA665" s="259"/>
      <c r="BB665" s="259"/>
      <c r="BC665" s="259"/>
      <c r="BD665" s="259"/>
      <c r="BE665" s="259"/>
      <c r="BF665" s="259"/>
      <c r="BG665" s="259"/>
      <c r="BH665" s="259"/>
      <c r="BI665" s="259"/>
      <c r="BJ665" s="259"/>
      <c r="BK665" s="259"/>
      <c r="BL665" s="259"/>
      <c r="BM665" s="259"/>
      <c r="BN665" s="259"/>
      <c r="BO665" s="259"/>
      <c r="BP665" s="259"/>
      <c r="BQ665" s="259"/>
      <c r="BR665" s="259"/>
      <c r="BS665" s="259"/>
    </row>
    <row r="666" spans="1:71" s="95" customFormat="1" ht="72" customHeight="1">
      <c r="A666" s="186" t="s">
        <v>766</v>
      </c>
      <c r="B666" s="68"/>
      <c r="C666" s="301" t="s">
        <v>767</v>
      </c>
      <c r="D666" s="302"/>
      <c r="E666" s="302"/>
      <c r="F666" s="302"/>
      <c r="G666" s="302"/>
      <c r="H666" s="303"/>
      <c r="I666" s="103" t="s">
        <v>768</v>
      </c>
      <c r="J666" s="93">
        <f t="shared" si="122"/>
        <v>0</v>
      </c>
      <c r="K666" s="152" t="str">
        <f t="shared" si="121"/>
        <v/>
      </c>
      <c r="L666" s="94">
        <v>0</v>
      </c>
      <c r="M666" s="259">
        <v>0</v>
      </c>
      <c r="N666" s="259">
        <v>0</v>
      </c>
      <c r="O666" s="259">
        <v>0</v>
      </c>
      <c r="P666" s="259">
        <v>0</v>
      </c>
      <c r="Q666" s="259"/>
      <c r="R666" s="259"/>
      <c r="S666" s="259"/>
      <c r="T666" s="259"/>
      <c r="U666" s="259"/>
      <c r="V666" s="259"/>
      <c r="W666" s="259"/>
      <c r="X666" s="259"/>
      <c r="Y666" s="259"/>
      <c r="Z666" s="259"/>
      <c r="AA666" s="259"/>
      <c r="AB666" s="259"/>
      <c r="AC666" s="259"/>
      <c r="AD666" s="259"/>
      <c r="AE666" s="259"/>
      <c r="AF666" s="259"/>
      <c r="AG666" s="259"/>
      <c r="AH666" s="259"/>
      <c r="AI666" s="259"/>
      <c r="AJ666" s="259"/>
      <c r="AK666" s="259"/>
      <c r="AL666" s="259"/>
      <c r="AM666" s="259"/>
      <c r="AN666" s="259"/>
      <c r="AO666" s="259"/>
      <c r="AP666" s="259"/>
      <c r="AQ666" s="259"/>
      <c r="AR666" s="259"/>
      <c r="AS666" s="259"/>
      <c r="AT666" s="259"/>
      <c r="AU666" s="259"/>
      <c r="AV666" s="259"/>
      <c r="AW666" s="259"/>
      <c r="AX666" s="259"/>
      <c r="AY666" s="259"/>
      <c r="AZ666" s="259"/>
      <c r="BA666" s="259"/>
      <c r="BB666" s="259"/>
      <c r="BC666" s="259"/>
      <c r="BD666" s="259"/>
      <c r="BE666" s="259"/>
      <c r="BF666" s="259"/>
      <c r="BG666" s="259"/>
      <c r="BH666" s="259"/>
      <c r="BI666" s="259"/>
      <c r="BJ666" s="259"/>
      <c r="BK666" s="259"/>
      <c r="BL666" s="259"/>
      <c r="BM666" s="259"/>
      <c r="BN666" s="259"/>
      <c r="BO666" s="259"/>
      <c r="BP666" s="259"/>
      <c r="BQ666" s="259"/>
      <c r="BR666" s="259"/>
      <c r="BS666" s="259"/>
    </row>
    <row r="667" spans="1:71" s="95" customFormat="1" ht="70.150000000000006" customHeight="1">
      <c r="A667" s="186" t="s">
        <v>769</v>
      </c>
      <c r="B667" s="68"/>
      <c r="C667" s="274" t="s">
        <v>770</v>
      </c>
      <c r="D667" s="275"/>
      <c r="E667" s="275"/>
      <c r="F667" s="275"/>
      <c r="G667" s="275"/>
      <c r="H667" s="276"/>
      <c r="I667" s="98" t="s">
        <v>771</v>
      </c>
      <c r="J667" s="93">
        <f t="shared" si="122"/>
        <v>423</v>
      </c>
      <c r="K667" s="152" t="str">
        <f t="shared" si="121"/>
        <v>※</v>
      </c>
      <c r="L667" s="94">
        <v>339</v>
      </c>
      <c r="M667" s="259">
        <v>31</v>
      </c>
      <c r="N667" s="259">
        <v>53</v>
      </c>
      <c r="O667" s="259">
        <v>0</v>
      </c>
      <c r="P667" s="259" t="s">
        <v>382</v>
      </c>
      <c r="Q667" s="259"/>
      <c r="R667" s="259"/>
      <c r="S667" s="259"/>
      <c r="T667" s="259"/>
      <c r="U667" s="259"/>
      <c r="V667" s="259"/>
      <c r="W667" s="259"/>
      <c r="X667" s="259"/>
      <c r="Y667" s="259"/>
      <c r="Z667" s="259"/>
      <c r="AA667" s="259"/>
      <c r="AB667" s="259"/>
      <c r="AC667" s="259"/>
      <c r="AD667" s="259"/>
      <c r="AE667" s="259"/>
      <c r="AF667" s="259"/>
      <c r="AG667" s="259"/>
      <c r="AH667" s="259"/>
      <c r="AI667" s="259"/>
      <c r="AJ667" s="259"/>
      <c r="AK667" s="259"/>
      <c r="AL667" s="259"/>
      <c r="AM667" s="259"/>
      <c r="AN667" s="259"/>
      <c r="AO667" s="259"/>
      <c r="AP667" s="259"/>
      <c r="AQ667" s="259"/>
      <c r="AR667" s="259"/>
      <c r="AS667" s="259"/>
      <c r="AT667" s="259"/>
      <c r="AU667" s="259"/>
      <c r="AV667" s="259"/>
      <c r="AW667" s="259"/>
      <c r="AX667" s="259"/>
      <c r="AY667" s="259"/>
      <c r="AZ667" s="259"/>
      <c r="BA667" s="259"/>
      <c r="BB667" s="259"/>
      <c r="BC667" s="259"/>
      <c r="BD667" s="259"/>
      <c r="BE667" s="259"/>
      <c r="BF667" s="259"/>
      <c r="BG667" s="259"/>
      <c r="BH667" s="259"/>
      <c r="BI667" s="259"/>
      <c r="BJ667" s="259"/>
      <c r="BK667" s="259"/>
      <c r="BL667" s="259"/>
      <c r="BM667" s="259"/>
      <c r="BN667" s="259"/>
      <c r="BO667" s="259"/>
      <c r="BP667" s="259"/>
      <c r="BQ667" s="259"/>
      <c r="BR667" s="259"/>
      <c r="BS667" s="259"/>
    </row>
    <row r="668" spans="1:71" s="95" customFormat="1" ht="56.1" customHeight="1">
      <c r="A668" s="186" t="s">
        <v>772</v>
      </c>
      <c r="B668" s="68"/>
      <c r="C668" s="274" t="s">
        <v>773</v>
      </c>
      <c r="D668" s="275"/>
      <c r="E668" s="275"/>
      <c r="F668" s="275"/>
      <c r="G668" s="275"/>
      <c r="H668" s="276"/>
      <c r="I668" s="98" t="s">
        <v>774</v>
      </c>
      <c r="J668" s="93">
        <f t="shared" si="122"/>
        <v>60</v>
      </c>
      <c r="K668" s="152" t="str">
        <f t="shared" si="121"/>
        <v>※</v>
      </c>
      <c r="L668" s="94">
        <v>31</v>
      </c>
      <c r="M668" s="259">
        <v>13</v>
      </c>
      <c r="N668" s="259">
        <v>16</v>
      </c>
      <c r="O668" s="259">
        <v>0</v>
      </c>
      <c r="P668" s="259" t="s">
        <v>382</v>
      </c>
      <c r="Q668" s="259"/>
      <c r="R668" s="259"/>
      <c r="S668" s="259"/>
      <c r="T668" s="259"/>
      <c r="U668" s="259"/>
      <c r="V668" s="259"/>
      <c r="W668" s="259"/>
      <c r="X668" s="259"/>
      <c r="Y668" s="259"/>
      <c r="Z668" s="259"/>
      <c r="AA668" s="259"/>
      <c r="AB668" s="259"/>
      <c r="AC668" s="259"/>
      <c r="AD668" s="259"/>
      <c r="AE668" s="259"/>
      <c r="AF668" s="259"/>
      <c r="AG668" s="259"/>
      <c r="AH668" s="259"/>
      <c r="AI668" s="259"/>
      <c r="AJ668" s="259"/>
      <c r="AK668" s="259"/>
      <c r="AL668" s="259"/>
      <c r="AM668" s="259"/>
      <c r="AN668" s="259"/>
      <c r="AO668" s="259"/>
      <c r="AP668" s="259"/>
      <c r="AQ668" s="259"/>
      <c r="AR668" s="259"/>
      <c r="AS668" s="259"/>
      <c r="AT668" s="259"/>
      <c r="AU668" s="259"/>
      <c r="AV668" s="259"/>
      <c r="AW668" s="259"/>
      <c r="AX668" s="259"/>
      <c r="AY668" s="259"/>
      <c r="AZ668" s="259"/>
      <c r="BA668" s="259"/>
      <c r="BB668" s="259"/>
      <c r="BC668" s="259"/>
      <c r="BD668" s="259"/>
      <c r="BE668" s="259"/>
      <c r="BF668" s="259"/>
      <c r="BG668" s="259"/>
      <c r="BH668" s="259"/>
      <c r="BI668" s="259"/>
      <c r="BJ668" s="259"/>
      <c r="BK668" s="259"/>
      <c r="BL668" s="259"/>
      <c r="BM668" s="259"/>
      <c r="BN668" s="259"/>
      <c r="BO668" s="259"/>
      <c r="BP668" s="259"/>
      <c r="BQ668" s="259"/>
      <c r="BR668" s="259"/>
      <c r="BS668" s="259"/>
    </row>
    <row r="669" spans="1:71" s="95" customFormat="1" ht="70.150000000000006" customHeight="1">
      <c r="A669" s="186" t="s">
        <v>775</v>
      </c>
      <c r="B669" s="68"/>
      <c r="C669" s="301" t="s">
        <v>776</v>
      </c>
      <c r="D669" s="302"/>
      <c r="E669" s="302"/>
      <c r="F669" s="302"/>
      <c r="G669" s="302"/>
      <c r="H669" s="303"/>
      <c r="I669" s="98" t="s">
        <v>777</v>
      </c>
      <c r="J669" s="93">
        <f t="shared" si="122"/>
        <v>0</v>
      </c>
      <c r="K669" s="152" t="str">
        <f t="shared" si="121"/>
        <v/>
      </c>
      <c r="L669" s="94">
        <v>0</v>
      </c>
      <c r="M669" s="259">
        <v>0</v>
      </c>
      <c r="N669" s="259">
        <v>0</v>
      </c>
      <c r="O669" s="259">
        <v>0</v>
      </c>
      <c r="P669" s="259">
        <v>0</v>
      </c>
      <c r="Q669" s="259"/>
      <c r="R669" s="259"/>
      <c r="S669" s="259"/>
      <c r="T669" s="259"/>
      <c r="U669" s="259"/>
      <c r="V669" s="259"/>
      <c r="W669" s="259"/>
      <c r="X669" s="259"/>
      <c r="Y669" s="259"/>
      <c r="Z669" s="259"/>
      <c r="AA669" s="259"/>
      <c r="AB669" s="259"/>
      <c r="AC669" s="259"/>
      <c r="AD669" s="259"/>
      <c r="AE669" s="259"/>
      <c r="AF669" s="259"/>
      <c r="AG669" s="259"/>
      <c r="AH669" s="259"/>
      <c r="AI669" s="259"/>
      <c r="AJ669" s="259"/>
      <c r="AK669" s="259"/>
      <c r="AL669" s="259"/>
      <c r="AM669" s="259"/>
      <c r="AN669" s="259"/>
      <c r="AO669" s="259"/>
      <c r="AP669" s="259"/>
      <c r="AQ669" s="259"/>
      <c r="AR669" s="259"/>
      <c r="AS669" s="259"/>
      <c r="AT669" s="259"/>
      <c r="AU669" s="259"/>
      <c r="AV669" s="259"/>
      <c r="AW669" s="259"/>
      <c r="AX669" s="259"/>
      <c r="AY669" s="259"/>
      <c r="AZ669" s="259"/>
      <c r="BA669" s="259"/>
      <c r="BB669" s="259"/>
      <c r="BC669" s="259"/>
      <c r="BD669" s="259"/>
      <c r="BE669" s="259"/>
      <c r="BF669" s="259"/>
      <c r="BG669" s="259"/>
      <c r="BH669" s="259"/>
      <c r="BI669" s="259"/>
      <c r="BJ669" s="259"/>
      <c r="BK669" s="259"/>
      <c r="BL669" s="259"/>
      <c r="BM669" s="259"/>
      <c r="BN669" s="259"/>
      <c r="BO669" s="259"/>
      <c r="BP669" s="259"/>
      <c r="BQ669" s="259"/>
      <c r="BR669" s="259"/>
      <c r="BS669" s="259"/>
    </row>
    <row r="670" spans="1:71" s="95" customFormat="1" ht="84" customHeight="1">
      <c r="A670" s="186" t="s">
        <v>778</v>
      </c>
      <c r="B670" s="68"/>
      <c r="C670" s="274" t="s">
        <v>779</v>
      </c>
      <c r="D670" s="275"/>
      <c r="E670" s="275"/>
      <c r="F670" s="275"/>
      <c r="G670" s="275"/>
      <c r="H670" s="276"/>
      <c r="I670" s="98" t="s">
        <v>780</v>
      </c>
      <c r="J670" s="93">
        <f t="shared" si="122"/>
        <v>135</v>
      </c>
      <c r="K670" s="152" t="str">
        <f t="shared" si="121"/>
        <v/>
      </c>
      <c r="L670" s="94">
        <v>0</v>
      </c>
      <c r="M670" s="259">
        <v>135</v>
      </c>
      <c r="N670" s="259">
        <v>0</v>
      </c>
      <c r="O670" s="259">
        <v>0</v>
      </c>
      <c r="P670" s="259">
        <v>0</v>
      </c>
      <c r="Q670" s="259"/>
      <c r="R670" s="259"/>
      <c r="S670" s="259"/>
      <c r="T670" s="259"/>
      <c r="U670" s="259"/>
      <c r="V670" s="259"/>
      <c r="W670" s="259"/>
      <c r="X670" s="259"/>
      <c r="Y670" s="259"/>
      <c r="Z670" s="259"/>
      <c r="AA670" s="259"/>
      <c r="AB670" s="259"/>
      <c r="AC670" s="259"/>
      <c r="AD670" s="259"/>
      <c r="AE670" s="259"/>
      <c r="AF670" s="259"/>
      <c r="AG670" s="259"/>
      <c r="AH670" s="259"/>
      <c r="AI670" s="259"/>
      <c r="AJ670" s="259"/>
      <c r="AK670" s="259"/>
      <c r="AL670" s="259"/>
      <c r="AM670" s="259"/>
      <c r="AN670" s="259"/>
      <c r="AO670" s="259"/>
      <c r="AP670" s="259"/>
      <c r="AQ670" s="259"/>
      <c r="AR670" s="259"/>
      <c r="AS670" s="259"/>
      <c r="AT670" s="259"/>
      <c r="AU670" s="259"/>
      <c r="AV670" s="259"/>
      <c r="AW670" s="259"/>
      <c r="AX670" s="259"/>
      <c r="AY670" s="259"/>
      <c r="AZ670" s="259"/>
      <c r="BA670" s="259"/>
      <c r="BB670" s="259"/>
      <c r="BC670" s="259"/>
      <c r="BD670" s="259"/>
      <c r="BE670" s="259"/>
      <c r="BF670" s="259"/>
      <c r="BG670" s="259"/>
      <c r="BH670" s="259"/>
      <c r="BI670" s="259"/>
      <c r="BJ670" s="259"/>
      <c r="BK670" s="259"/>
      <c r="BL670" s="259"/>
      <c r="BM670" s="259"/>
      <c r="BN670" s="259"/>
      <c r="BO670" s="259"/>
      <c r="BP670" s="259"/>
      <c r="BQ670" s="259"/>
      <c r="BR670" s="259"/>
      <c r="BS670" s="259"/>
    </row>
    <row r="671" spans="1:71" s="74" customFormat="1">
      <c r="A671" s="178"/>
      <c r="B671" s="14"/>
      <c r="C671" s="14"/>
      <c r="D671" s="14"/>
      <c r="E671" s="14"/>
      <c r="F671" s="14"/>
      <c r="G671" s="14"/>
      <c r="H671" s="10"/>
      <c r="I671" s="10"/>
      <c r="J671" s="71"/>
      <c r="K671" s="72"/>
      <c r="L671" s="73"/>
      <c r="M671" s="73"/>
      <c r="N671" s="73"/>
      <c r="O671" s="73"/>
      <c r="P671" s="73"/>
      <c r="Q671" s="73"/>
    </row>
    <row r="672" spans="1:71" s="67" customFormat="1">
      <c r="A672" s="178"/>
      <c r="B672" s="68"/>
      <c r="C672" s="52"/>
      <c r="D672" s="52"/>
      <c r="E672" s="52"/>
      <c r="F672" s="52"/>
      <c r="G672" s="52"/>
      <c r="H672" s="75"/>
      <c r="I672" s="75"/>
      <c r="J672" s="71"/>
      <c r="K672" s="72"/>
      <c r="L672" s="73"/>
      <c r="M672" s="73"/>
      <c r="N672" s="73"/>
      <c r="O672" s="73"/>
      <c r="P672" s="73"/>
      <c r="Q672" s="73"/>
    </row>
    <row r="673" spans="1:71" s="92" customFormat="1">
      <c r="A673" s="178"/>
      <c r="B673" s="96"/>
      <c r="C673" s="3"/>
      <c r="D673" s="3"/>
      <c r="E673" s="3"/>
      <c r="F673" s="3"/>
      <c r="G673" s="3"/>
      <c r="H673" s="214"/>
      <c r="I673" s="214"/>
      <c r="J673" s="51"/>
      <c r="K673" s="24"/>
      <c r="L673" s="86"/>
      <c r="M673" s="86"/>
      <c r="N673" s="86"/>
      <c r="O673" s="86"/>
      <c r="P673" s="86"/>
      <c r="Q673" s="86"/>
    </row>
    <row r="674" spans="1:71">
      <c r="A674" s="178"/>
      <c r="B674" s="14"/>
      <c r="C674" s="14"/>
      <c r="D674" s="14"/>
      <c r="E674" s="14"/>
      <c r="F674" s="14"/>
      <c r="G674" s="14"/>
      <c r="H674" s="10"/>
      <c r="I674" s="10"/>
      <c r="L674" s="62"/>
      <c r="M674" s="62"/>
      <c r="N674" s="62"/>
      <c r="O674" s="62"/>
      <c r="P674" s="62"/>
      <c r="Q674" s="62"/>
      <c r="R674" s="8"/>
      <c r="S674" s="8"/>
      <c r="T674" s="8"/>
      <c r="U674" s="8"/>
      <c r="V674" s="8"/>
    </row>
    <row r="675" spans="1:71" s="240" customFormat="1" ht="34.5" customHeight="1">
      <c r="A675" s="178"/>
      <c r="B675" s="14"/>
      <c r="C675" s="3"/>
      <c r="D675" s="3"/>
      <c r="E675" s="3"/>
      <c r="F675" s="3"/>
      <c r="G675" s="3"/>
      <c r="H675" s="214"/>
      <c r="I675" s="214"/>
      <c r="J675" s="63" t="s">
        <v>81</v>
      </c>
      <c r="K675" s="136"/>
      <c r="L675" s="245" t="str">
        <f>IF(ISBLANK(L$9),"",L$9)</f>
        <v>4階病棟</v>
      </c>
      <c r="M675" s="249" t="str">
        <f>IF(ISBLANK(M$9),"",M$9)</f>
        <v>回復期リハビリテーション病棟</v>
      </c>
      <c r="N675" s="247" t="str">
        <f t="shared" ref="N675:BS675" si="123">IF(ISBLANK(N$9),"",N$9)</f>
        <v>地域包括ケア病棟</v>
      </c>
      <c r="O675" s="247" t="str">
        <f t="shared" si="123"/>
        <v>地域包括ケア病棟サテライト</v>
      </c>
      <c r="P675" s="247" t="str">
        <f t="shared" si="123"/>
        <v>特殊疾患病棟</v>
      </c>
      <c r="Q675" s="247" t="str">
        <f t="shared" si="123"/>
        <v>療養病棟2階</v>
      </c>
      <c r="R675" s="247" t="str">
        <f t="shared" si="123"/>
        <v/>
      </c>
      <c r="S675" s="247" t="str">
        <f t="shared" si="123"/>
        <v/>
      </c>
      <c r="T675" s="247" t="str">
        <f t="shared" si="123"/>
        <v/>
      </c>
      <c r="U675" s="247" t="str">
        <f t="shared" si="123"/>
        <v/>
      </c>
      <c r="V675" s="247" t="str">
        <f t="shared" si="123"/>
        <v/>
      </c>
      <c r="W675" s="247" t="str">
        <f t="shared" si="123"/>
        <v/>
      </c>
      <c r="X675" s="247" t="str">
        <f t="shared" si="123"/>
        <v/>
      </c>
      <c r="Y675" s="247" t="str">
        <f t="shared" si="123"/>
        <v/>
      </c>
      <c r="Z675" s="247" t="str">
        <f t="shared" si="123"/>
        <v/>
      </c>
      <c r="AA675" s="247" t="str">
        <f t="shared" si="123"/>
        <v/>
      </c>
      <c r="AB675" s="247" t="str">
        <f t="shared" si="123"/>
        <v/>
      </c>
      <c r="AC675" s="247" t="str">
        <f t="shared" si="123"/>
        <v/>
      </c>
      <c r="AD675" s="247" t="str">
        <f t="shared" si="123"/>
        <v/>
      </c>
      <c r="AE675" s="247" t="str">
        <f t="shared" si="123"/>
        <v/>
      </c>
      <c r="AF675" s="247" t="str">
        <f t="shared" si="123"/>
        <v/>
      </c>
      <c r="AG675" s="247" t="str">
        <f t="shared" si="123"/>
        <v/>
      </c>
      <c r="AH675" s="247" t="str">
        <f t="shared" si="123"/>
        <v/>
      </c>
      <c r="AI675" s="247" t="str">
        <f t="shared" si="123"/>
        <v/>
      </c>
      <c r="AJ675" s="247" t="str">
        <f t="shared" si="123"/>
        <v/>
      </c>
      <c r="AK675" s="247" t="str">
        <f t="shared" si="123"/>
        <v/>
      </c>
      <c r="AL675" s="247" t="str">
        <f t="shared" si="123"/>
        <v/>
      </c>
      <c r="AM675" s="247" t="str">
        <f t="shared" si="123"/>
        <v/>
      </c>
      <c r="AN675" s="247" t="str">
        <f t="shared" si="123"/>
        <v/>
      </c>
      <c r="AO675" s="247" t="str">
        <f t="shared" si="123"/>
        <v/>
      </c>
      <c r="AP675" s="247" t="str">
        <f t="shared" si="123"/>
        <v/>
      </c>
      <c r="AQ675" s="247" t="str">
        <f t="shared" si="123"/>
        <v/>
      </c>
      <c r="AR675" s="247" t="str">
        <f t="shared" si="123"/>
        <v/>
      </c>
      <c r="AS675" s="247" t="str">
        <f t="shared" si="123"/>
        <v/>
      </c>
      <c r="AT675" s="247" t="str">
        <f t="shared" si="123"/>
        <v/>
      </c>
      <c r="AU675" s="247" t="str">
        <f t="shared" si="123"/>
        <v/>
      </c>
      <c r="AV675" s="247" t="str">
        <f t="shared" si="123"/>
        <v/>
      </c>
      <c r="AW675" s="247" t="str">
        <f t="shared" si="123"/>
        <v/>
      </c>
      <c r="AX675" s="247" t="str">
        <f t="shared" si="123"/>
        <v/>
      </c>
      <c r="AY675" s="247" t="str">
        <f t="shared" si="123"/>
        <v/>
      </c>
      <c r="AZ675" s="247" t="str">
        <f t="shared" si="123"/>
        <v/>
      </c>
      <c r="BA675" s="247" t="str">
        <f t="shared" si="123"/>
        <v/>
      </c>
      <c r="BB675" s="247" t="str">
        <f t="shared" si="123"/>
        <v/>
      </c>
      <c r="BC675" s="247" t="str">
        <f t="shared" si="123"/>
        <v/>
      </c>
      <c r="BD675" s="247" t="str">
        <f t="shared" si="123"/>
        <v/>
      </c>
      <c r="BE675" s="247" t="str">
        <f t="shared" si="123"/>
        <v/>
      </c>
      <c r="BF675" s="247" t="str">
        <f t="shared" si="123"/>
        <v/>
      </c>
      <c r="BG675" s="247" t="str">
        <f t="shared" si="123"/>
        <v/>
      </c>
      <c r="BH675" s="247" t="str">
        <f t="shared" si="123"/>
        <v/>
      </c>
      <c r="BI675" s="247" t="str">
        <f t="shared" si="123"/>
        <v/>
      </c>
      <c r="BJ675" s="247" t="str">
        <f t="shared" si="123"/>
        <v/>
      </c>
      <c r="BK675" s="247" t="str">
        <f t="shared" si="123"/>
        <v/>
      </c>
      <c r="BL675" s="247" t="str">
        <f t="shared" si="123"/>
        <v/>
      </c>
      <c r="BM675" s="247" t="str">
        <f t="shared" si="123"/>
        <v/>
      </c>
      <c r="BN675" s="247" t="str">
        <f t="shared" si="123"/>
        <v/>
      </c>
      <c r="BO675" s="247" t="str">
        <f t="shared" si="123"/>
        <v/>
      </c>
      <c r="BP675" s="247" t="str">
        <f t="shared" si="123"/>
        <v/>
      </c>
      <c r="BQ675" s="247" t="str">
        <f t="shared" si="123"/>
        <v/>
      </c>
      <c r="BR675" s="247" t="str">
        <f t="shared" si="123"/>
        <v/>
      </c>
      <c r="BS675" s="247" t="str">
        <f t="shared" si="123"/>
        <v/>
      </c>
    </row>
    <row r="676" spans="1:71" s="240" customFormat="1" ht="20.25" customHeight="1">
      <c r="A676" s="178"/>
      <c r="B676" s="1"/>
      <c r="C676" s="52"/>
      <c r="D676" s="3"/>
      <c r="E676" s="3"/>
      <c r="F676" s="3"/>
      <c r="G676" s="3"/>
      <c r="H676" s="214"/>
      <c r="I676" s="56" t="s">
        <v>82</v>
      </c>
      <c r="J676" s="57"/>
      <c r="K676" s="137"/>
      <c r="L676" s="59" t="str">
        <f>IF(ISBLANK(L$95),"",L$95)</f>
        <v>急性期</v>
      </c>
      <c r="M676" s="250" t="str">
        <f>IF(ISBLANK(M$95),"",M$95)</f>
        <v>回復期</v>
      </c>
      <c r="N676" s="59" t="str">
        <f t="shared" ref="N676:BS676" si="124">IF(ISBLANK(N$95),"",N$95)</f>
        <v>回復期</v>
      </c>
      <c r="O676" s="59" t="str">
        <f t="shared" si="124"/>
        <v>休棟中（今後廃止する予定）</v>
      </c>
      <c r="P676" s="59" t="str">
        <f t="shared" si="124"/>
        <v>慢性期</v>
      </c>
      <c r="Q676" s="59" t="str">
        <f t="shared" si="124"/>
        <v>慢性期</v>
      </c>
      <c r="R676" s="59" t="str">
        <f t="shared" si="124"/>
        <v/>
      </c>
      <c r="S676" s="59" t="str">
        <f t="shared" si="124"/>
        <v/>
      </c>
      <c r="T676" s="59" t="str">
        <f t="shared" si="124"/>
        <v/>
      </c>
      <c r="U676" s="59" t="str">
        <f t="shared" si="124"/>
        <v/>
      </c>
      <c r="V676" s="59" t="str">
        <f t="shared" si="124"/>
        <v/>
      </c>
      <c r="W676" s="59" t="str">
        <f t="shared" si="124"/>
        <v/>
      </c>
      <c r="X676" s="59" t="str">
        <f t="shared" si="124"/>
        <v/>
      </c>
      <c r="Y676" s="59" t="str">
        <f t="shared" si="124"/>
        <v/>
      </c>
      <c r="Z676" s="59" t="str">
        <f t="shared" si="124"/>
        <v/>
      </c>
      <c r="AA676" s="59" t="str">
        <f t="shared" si="124"/>
        <v/>
      </c>
      <c r="AB676" s="59" t="str">
        <f t="shared" si="124"/>
        <v/>
      </c>
      <c r="AC676" s="59" t="str">
        <f t="shared" si="124"/>
        <v/>
      </c>
      <c r="AD676" s="59" t="str">
        <f t="shared" si="124"/>
        <v/>
      </c>
      <c r="AE676" s="59" t="str">
        <f t="shared" si="124"/>
        <v/>
      </c>
      <c r="AF676" s="59" t="str">
        <f t="shared" si="124"/>
        <v/>
      </c>
      <c r="AG676" s="59" t="str">
        <f t="shared" si="124"/>
        <v/>
      </c>
      <c r="AH676" s="59" t="str">
        <f t="shared" si="124"/>
        <v/>
      </c>
      <c r="AI676" s="59" t="str">
        <f t="shared" si="124"/>
        <v/>
      </c>
      <c r="AJ676" s="59" t="str">
        <f t="shared" si="124"/>
        <v/>
      </c>
      <c r="AK676" s="59" t="str">
        <f t="shared" si="124"/>
        <v/>
      </c>
      <c r="AL676" s="59" t="str">
        <f t="shared" si="124"/>
        <v/>
      </c>
      <c r="AM676" s="59" t="str">
        <f t="shared" si="124"/>
        <v/>
      </c>
      <c r="AN676" s="59" t="str">
        <f t="shared" si="124"/>
        <v/>
      </c>
      <c r="AO676" s="59" t="str">
        <f t="shared" si="124"/>
        <v/>
      </c>
      <c r="AP676" s="59" t="str">
        <f t="shared" si="124"/>
        <v/>
      </c>
      <c r="AQ676" s="59" t="str">
        <f t="shared" si="124"/>
        <v/>
      </c>
      <c r="AR676" s="59" t="str">
        <f t="shared" si="124"/>
        <v/>
      </c>
      <c r="AS676" s="59" t="str">
        <f t="shared" si="124"/>
        <v/>
      </c>
      <c r="AT676" s="59" t="str">
        <f t="shared" si="124"/>
        <v/>
      </c>
      <c r="AU676" s="59" t="str">
        <f t="shared" si="124"/>
        <v/>
      </c>
      <c r="AV676" s="59" t="str">
        <f t="shared" si="124"/>
        <v/>
      </c>
      <c r="AW676" s="59" t="str">
        <f t="shared" si="124"/>
        <v/>
      </c>
      <c r="AX676" s="59" t="str">
        <f t="shared" si="124"/>
        <v/>
      </c>
      <c r="AY676" s="59" t="str">
        <f t="shared" si="124"/>
        <v/>
      </c>
      <c r="AZ676" s="59" t="str">
        <f t="shared" si="124"/>
        <v/>
      </c>
      <c r="BA676" s="59" t="str">
        <f t="shared" si="124"/>
        <v/>
      </c>
      <c r="BB676" s="59" t="str">
        <f t="shared" si="124"/>
        <v/>
      </c>
      <c r="BC676" s="59" t="str">
        <f t="shared" si="124"/>
        <v/>
      </c>
      <c r="BD676" s="59" t="str">
        <f t="shared" si="124"/>
        <v/>
      </c>
      <c r="BE676" s="59" t="str">
        <f t="shared" si="124"/>
        <v/>
      </c>
      <c r="BF676" s="59" t="str">
        <f t="shared" si="124"/>
        <v/>
      </c>
      <c r="BG676" s="59" t="str">
        <f t="shared" si="124"/>
        <v/>
      </c>
      <c r="BH676" s="59" t="str">
        <f t="shared" si="124"/>
        <v/>
      </c>
      <c r="BI676" s="59" t="str">
        <f t="shared" si="124"/>
        <v/>
      </c>
      <c r="BJ676" s="59" t="str">
        <f t="shared" si="124"/>
        <v/>
      </c>
      <c r="BK676" s="59" t="str">
        <f t="shared" si="124"/>
        <v/>
      </c>
      <c r="BL676" s="59" t="str">
        <f t="shared" si="124"/>
        <v/>
      </c>
      <c r="BM676" s="59" t="str">
        <f t="shared" si="124"/>
        <v/>
      </c>
      <c r="BN676" s="59" t="str">
        <f t="shared" si="124"/>
        <v/>
      </c>
      <c r="BO676" s="59" t="str">
        <f t="shared" si="124"/>
        <v/>
      </c>
      <c r="BP676" s="59" t="str">
        <f t="shared" si="124"/>
        <v/>
      </c>
      <c r="BQ676" s="59" t="str">
        <f t="shared" si="124"/>
        <v/>
      </c>
      <c r="BR676" s="59" t="str">
        <f t="shared" si="124"/>
        <v/>
      </c>
      <c r="BS676" s="59" t="str">
        <f t="shared" si="124"/>
        <v/>
      </c>
    </row>
    <row r="677" spans="1:71" s="67" customFormat="1" ht="56.1" customHeight="1">
      <c r="A677" s="185" t="s">
        <v>781</v>
      </c>
      <c r="B677" s="68"/>
      <c r="C677" s="301" t="s">
        <v>782</v>
      </c>
      <c r="D677" s="302"/>
      <c r="E677" s="302"/>
      <c r="F677" s="302"/>
      <c r="G677" s="302"/>
      <c r="H677" s="303"/>
      <c r="I677" s="103" t="s">
        <v>783</v>
      </c>
      <c r="J677" s="165"/>
      <c r="K677" s="166"/>
      <c r="L677" s="80" t="s">
        <v>42</v>
      </c>
      <c r="M677" s="253" t="s">
        <v>784</v>
      </c>
      <c r="N677" s="253" t="s">
        <v>42</v>
      </c>
      <c r="O677" s="253" t="s">
        <v>42</v>
      </c>
      <c r="P677" s="253" t="s">
        <v>42</v>
      </c>
      <c r="Q677" s="253" t="s">
        <v>42</v>
      </c>
      <c r="R677" s="253"/>
      <c r="S677" s="253"/>
      <c r="T677" s="253"/>
      <c r="U677" s="253"/>
      <c r="V677" s="253"/>
      <c r="W677" s="253"/>
      <c r="X677" s="253"/>
      <c r="Y677" s="253"/>
      <c r="Z677" s="253"/>
      <c r="AA677" s="253"/>
      <c r="AB677" s="253"/>
      <c r="AC677" s="253"/>
      <c r="AD677" s="253"/>
      <c r="AE677" s="253"/>
      <c r="AF677" s="253"/>
      <c r="AG677" s="253"/>
      <c r="AH677" s="253"/>
      <c r="AI677" s="253"/>
      <c r="AJ677" s="253"/>
      <c r="AK677" s="253"/>
      <c r="AL677" s="253"/>
      <c r="AM677" s="253"/>
      <c r="AN677" s="253"/>
      <c r="AO677" s="253"/>
      <c r="AP677" s="253"/>
      <c r="AQ677" s="253"/>
      <c r="AR677" s="253"/>
      <c r="AS677" s="253"/>
      <c r="AT677" s="253"/>
      <c r="AU677" s="253"/>
      <c r="AV677" s="253"/>
      <c r="AW677" s="253"/>
      <c r="AX677" s="253"/>
      <c r="AY677" s="253"/>
      <c r="AZ677" s="253"/>
      <c r="BA677" s="253"/>
      <c r="BB677" s="253"/>
      <c r="BC677" s="253"/>
      <c r="BD677" s="253"/>
      <c r="BE677" s="253"/>
      <c r="BF677" s="253"/>
      <c r="BG677" s="253"/>
      <c r="BH677" s="253"/>
      <c r="BI677" s="253"/>
      <c r="BJ677" s="253"/>
      <c r="BK677" s="253"/>
      <c r="BL677" s="253"/>
      <c r="BM677" s="253"/>
      <c r="BN677" s="253"/>
      <c r="BO677" s="253"/>
      <c r="BP677" s="253"/>
      <c r="BQ677" s="253"/>
      <c r="BR677" s="253"/>
      <c r="BS677" s="253"/>
    </row>
    <row r="678" spans="1:71" s="67" customFormat="1" ht="56.1" customHeight="1">
      <c r="A678" s="185" t="s">
        <v>785</v>
      </c>
      <c r="B678" s="68"/>
      <c r="C678" s="301" t="s">
        <v>786</v>
      </c>
      <c r="D678" s="302"/>
      <c r="E678" s="302"/>
      <c r="F678" s="302"/>
      <c r="G678" s="302"/>
      <c r="H678" s="303"/>
      <c r="I678" s="103" t="s">
        <v>787</v>
      </c>
      <c r="J678" s="165"/>
      <c r="K678" s="166"/>
      <c r="L678" s="167">
        <v>0</v>
      </c>
      <c r="M678" s="253">
        <v>100</v>
      </c>
      <c r="N678" s="253">
        <v>0</v>
      </c>
      <c r="O678" s="253">
        <v>0</v>
      </c>
      <c r="P678" s="253">
        <v>0</v>
      </c>
      <c r="Q678" s="253">
        <v>0</v>
      </c>
      <c r="R678" s="253"/>
      <c r="S678" s="253"/>
      <c r="T678" s="253"/>
      <c r="U678" s="253"/>
      <c r="V678" s="253"/>
      <c r="W678" s="253"/>
      <c r="X678" s="253"/>
      <c r="Y678" s="253"/>
      <c r="Z678" s="253"/>
      <c r="AA678" s="253"/>
      <c r="AB678" s="253"/>
      <c r="AC678" s="253"/>
      <c r="AD678" s="253"/>
      <c r="AE678" s="253"/>
      <c r="AF678" s="253"/>
      <c r="AG678" s="253"/>
      <c r="AH678" s="253"/>
      <c r="AI678" s="253"/>
      <c r="AJ678" s="253"/>
      <c r="AK678" s="253"/>
      <c r="AL678" s="253"/>
      <c r="AM678" s="253"/>
      <c r="AN678" s="253"/>
      <c r="AO678" s="253"/>
      <c r="AP678" s="253"/>
      <c r="AQ678" s="253"/>
      <c r="AR678" s="253"/>
      <c r="AS678" s="253"/>
      <c r="AT678" s="253"/>
      <c r="AU678" s="253"/>
      <c r="AV678" s="253"/>
      <c r="AW678" s="253"/>
      <c r="AX678" s="253"/>
      <c r="AY678" s="253"/>
      <c r="AZ678" s="253"/>
      <c r="BA678" s="253"/>
      <c r="BB678" s="253"/>
      <c r="BC678" s="253"/>
      <c r="BD678" s="253"/>
      <c r="BE678" s="253"/>
      <c r="BF678" s="253"/>
      <c r="BG678" s="253"/>
      <c r="BH678" s="253"/>
      <c r="BI678" s="253"/>
      <c r="BJ678" s="253"/>
      <c r="BK678" s="253"/>
      <c r="BL678" s="253"/>
      <c r="BM678" s="253"/>
      <c r="BN678" s="253"/>
      <c r="BO678" s="253"/>
      <c r="BP678" s="253"/>
      <c r="BQ678" s="253"/>
      <c r="BR678" s="253"/>
      <c r="BS678" s="253"/>
    </row>
    <row r="679" spans="1:71" s="67" customFormat="1" ht="56.1" customHeight="1">
      <c r="A679" s="185" t="s">
        <v>788</v>
      </c>
      <c r="B679" s="68"/>
      <c r="C679" s="301" t="s">
        <v>789</v>
      </c>
      <c r="D679" s="302"/>
      <c r="E679" s="302"/>
      <c r="F679" s="302"/>
      <c r="G679" s="302"/>
      <c r="H679" s="303"/>
      <c r="I679" s="103" t="s">
        <v>790</v>
      </c>
      <c r="J679" s="165"/>
      <c r="K679" s="166"/>
      <c r="L679" s="224">
        <v>0</v>
      </c>
      <c r="M679" s="253">
        <v>5.7</v>
      </c>
      <c r="N679" s="253">
        <v>0</v>
      </c>
      <c r="O679" s="253">
        <v>0</v>
      </c>
      <c r="P679" s="253">
        <v>0</v>
      </c>
      <c r="Q679" s="253">
        <v>0</v>
      </c>
      <c r="R679" s="253"/>
      <c r="S679" s="253"/>
      <c r="T679" s="253"/>
      <c r="U679" s="253"/>
      <c r="V679" s="253"/>
      <c r="W679" s="253"/>
      <c r="X679" s="253"/>
      <c r="Y679" s="253"/>
      <c r="Z679" s="253"/>
      <c r="AA679" s="253"/>
      <c r="AB679" s="253"/>
      <c r="AC679" s="253"/>
      <c r="AD679" s="253"/>
      <c r="AE679" s="253"/>
      <c r="AF679" s="253"/>
      <c r="AG679" s="253"/>
      <c r="AH679" s="253"/>
      <c r="AI679" s="253"/>
      <c r="AJ679" s="253"/>
      <c r="AK679" s="253"/>
      <c r="AL679" s="253"/>
      <c r="AM679" s="253"/>
      <c r="AN679" s="253"/>
      <c r="AO679" s="253"/>
      <c r="AP679" s="253"/>
      <c r="AQ679" s="253"/>
      <c r="AR679" s="253"/>
      <c r="AS679" s="253"/>
      <c r="AT679" s="253"/>
      <c r="AU679" s="253"/>
      <c r="AV679" s="253"/>
      <c r="AW679" s="253"/>
      <c r="AX679" s="253"/>
      <c r="AY679" s="253"/>
      <c r="AZ679" s="253"/>
      <c r="BA679" s="253"/>
      <c r="BB679" s="253"/>
      <c r="BC679" s="253"/>
      <c r="BD679" s="253"/>
      <c r="BE679" s="253"/>
      <c r="BF679" s="253"/>
      <c r="BG679" s="253"/>
      <c r="BH679" s="253"/>
      <c r="BI679" s="253"/>
      <c r="BJ679" s="253"/>
      <c r="BK679" s="253"/>
      <c r="BL679" s="253"/>
      <c r="BM679" s="253"/>
      <c r="BN679" s="253"/>
      <c r="BO679" s="253"/>
      <c r="BP679" s="253"/>
      <c r="BQ679" s="253"/>
      <c r="BR679" s="253"/>
      <c r="BS679" s="253"/>
    </row>
    <row r="680" spans="1:71" s="67" customFormat="1" ht="60" customHeight="1">
      <c r="A680" s="185" t="s">
        <v>791</v>
      </c>
      <c r="B680" s="68"/>
      <c r="C680" s="304" t="s">
        <v>792</v>
      </c>
      <c r="D680" s="305"/>
      <c r="E680" s="305"/>
      <c r="F680" s="305"/>
      <c r="G680" s="305"/>
      <c r="H680" s="306"/>
      <c r="I680" s="316" t="s">
        <v>793</v>
      </c>
      <c r="J680" s="165"/>
      <c r="K680" s="166"/>
      <c r="L680" s="225">
        <v>621</v>
      </c>
      <c r="M680" s="253">
        <v>174</v>
      </c>
      <c r="N680" s="253">
        <v>514</v>
      </c>
      <c r="O680" s="253" t="s">
        <v>382</v>
      </c>
      <c r="P680" s="253" t="s">
        <v>382</v>
      </c>
      <c r="Q680" s="253" t="s">
        <v>382</v>
      </c>
      <c r="R680" s="253"/>
      <c r="S680" s="253"/>
      <c r="T680" s="253"/>
      <c r="U680" s="253"/>
      <c r="V680" s="253"/>
      <c r="W680" s="253"/>
      <c r="X680" s="253"/>
      <c r="Y680" s="253"/>
      <c r="Z680" s="253"/>
      <c r="AA680" s="253"/>
      <c r="AB680" s="253"/>
      <c r="AC680" s="253"/>
      <c r="AD680" s="253"/>
      <c r="AE680" s="253"/>
      <c r="AF680" s="253"/>
      <c r="AG680" s="253"/>
      <c r="AH680" s="253"/>
      <c r="AI680" s="253"/>
      <c r="AJ680" s="253"/>
      <c r="AK680" s="253"/>
      <c r="AL680" s="253"/>
      <c r="AM680" s="253"/>
      <c r="AN680" s="253"/>
      <c r="AO680" s="253"/>
      <c r="AP680" s="253"/>
      <c r="AQ680" s="253"/>
      <c r="AR680" s="253"/>
      <c r="AS680" s="253"/>
      <c r="AT680" s="253"/>
      <c r="AU680" s="253"/>
      <c r="AV680" s="253"/>
      <c r="AW680" s="253"/>
      <c r="AX680" s="253"/>
      <c r="AY680" s="253"/>
      <c r="AZ680" s="253"/>
      <c r="BA680" s="253"/>
      <c r="BB680" s="253"/>
      <c r="BC680" s="253"/>
      <c r="BD680" s="253"/>
      <c r="BE680" s="253"/>
      <c r="BF680" s="253"/>
      <c r="BG680" s="253"/>
      <c r="BH680" s="253"/>
      <c r="BI680" s="253"/>
      <c r="BJ680" s="253"/>
      <c r="BK680" s="253"/>
      <c r="BL680" s="253"/>
      <c r="BM680" s="253"/>
      <c r="BN680" s="253"/>
      <c r="BO680" s="253"/>
      <c r="BP680" s="253"/>
      <c r="BQ680" s="253"/>
      <c r="BR680" s="253"/>
      <c r="BS680" s="253"/>
    </row>
    <row r="681" spans="1:71" s="67" customFormat="1" ht="35.1" customHeight="1">
      <c r="A681" s="185" t="s">
        <v>794</v>
      </c>
      <c r="B681" s="68"/>
      <c r="C681" s="168"/>
      <c r="D681" s="169"/>
      <c r="E681" s="304" t="s">
        <v>795</v>
      </c>
      <c r="F681" s="305"/>
      <c r="G681" s="305"/>
      <c r="H681" s="306"/>
      <c r="I681" s="374"/>
      <c r="J681" s="165"/>
      <c r="K681" s="166"/>
      <c r="L681" s="225">
        <v>0</v>
      </c>
      <c r="M681" s="253" t="s">
        <v>382</v>
      </c>
      <c r="N681" s="253">
        <v>0</v>
      </c>
      <c r="O681" s="253">
        <v>0</v>
      </c>
      <c r="P681" s="253">
        <v>0</v>
      </c>
      <c r="Q681" s="253">
        <v>0</v>
      </c>
      <c r="R681" s="253"/>
      <c r="S681" s="253"/>
      <c r="T681" s="253"/>
      <c r="U681" s="253"/>
      <c r="V681" s="253"/>
      <c r="W681" s="253"/>
      <c r="X681" s="253"/>
      <c r="Y681" s="253"/>
      <c r="Z681" s="253"/>
      <c r="AA681" s="253"/>
      <c r="AB681" s="253"/>
      <c r="AC681" s="253"/>
      <c r="AD681" s="253"/>
      <c r="AE681" s="253"/>
      <c r="AF681" s="253"/>
      <c r="AG681" s="253"/>
      <c r="AH681" s="253"/>
      <c r="AI681" s="253"/>
      <c r="AJ681" s="253"/>
      <c r="AK681" s="253"/>
      <c r="AL681" s="253"/>
      <c r="AM681" s="253"/>
      <c r="AN681" s="253"/>
      <c r="AO681" s="253"/>
      <c r="AP681" s="253"/>
      <c r="AQ681" s="253"/>
      <c r="AR681" s="253"/>
      <c r="AS681" s="253"/>
      <c r="AT681" s="253"/>
      <c r="AU681" s="253"/>
      <c r="AV681" s="253"/>
      <c r="AW681" s="253"/>
      <c r="AX681" s="253"/>
      <c r="AY681" s="253"/>
      <c r="AZ681" s="253"/>
      <c r="BA681" s="253"/>
      <c r="BB681" s="253"/>
      <c r="BC681" s="253"/>
      <c r="BD681" s="253"/>
      <c r="BE681" s="253"/>
      <c r="BF681" s="253"/>
      <c r="BG681" s="253"/>
      <c r="BH681" s="253"/>
      <c r="BI681" s="253"/>
      <c r="BJ681" s="253"/>
      <c r="BK681" s="253"/>
      <c r="BL681" s="253"/>
      <c r="BM681" s="253"/>
      <c r="BN681" s="253"/>
      <c r="BO681" s="253"/>
      <c r="BP681" s="253"/>
      <c r="BQ681" s="253"/>
      <c r="BR681" s="253"/>
      <c r="BS681" s="253"/>
    </row>
    <row r="682" spans="1:71" s="67" customFormat="1" ht="35.1" customHeight="1">
      <c r="A682" s="185"/>
      <c r="B682" s="68"/>
      <c r="C682" s="168"/>
      <c r="D682" s="169"/>
      <c r="E682" s="262"/>
      <c r="F682" s="263"/>
      <c r="G682" s="405" t="s">
        <v>796</v>
      </c>
      <c r="H682" s="405"/>
      <c r="I682" s="374"/>
      <c r="J682" s="165"/>
      <c r="K682" s="166"/>
      <c r="L682" s="225">
        <v>0</v>
      </c>
      <c r="M682" s="253" t="s">
        <v>382</v>
      </c>
      <c r="N682" s="253">
        <v>0</v>
      </c>
      <c r="O682" s="253">
        <v>0</v>
      </c>
      <c r="P682" s="253">
        <v>0</v>
      </c>
      <c r="Q682" s="253">
        <v>0</v>
      </c>
      <c r="R682" s="253"/>
      <c r="S682" s="253"/>
      <c r="T682" s="253"/>
      <c r="U682" s="253"/>
      <c r="V682" s="253"/>
      <c r="W682" s="253"/>
      <c r="X682" s="253"/>
      <c r="Y682" s="253"/>
      <c r="Z682" s="253"/>
      <c r="AA682" s="253"/>
      <c r="AB682" s="253"/>
      <c r="AC682" s="253"/>
      <c r="AD682" s="253"/>
      <c r="AE682" s="253"/>
      <c r="AF682" s="253"/>
      <c r="AG682" s="253"/>
      <c r="AH682" s="253"/>
      <c r="AI682" s="253"/>
      <c r="AJ682" s="253"/>
      <c r="AK682" s="253"/>
      <c r="AL682" s="253"/>
      <c r="AM682" s="253"/>
      <c r="AN682" s="253"/>
      <c r="AO682" s="253"/>
      <c r="AP682" s="253"/>
      <c r="AQ682" s="253"/>
      <c r="AR682" s="253"/>
      <c r="AS682" s="253"/>
      <c r="AT682" s="253"/>
      <c r="AU682" s="253"/>
      <c r="AV682" s="253"/>
      <c r="AW682" s="253"/>
      <c r="AX682" s="253"/>
      <c r="AY682" s="253"/>
      <c r="AZ682" s="253"/>
      <c r="BA682" s="253"/>
      <c r="BB682" s="253"/>
      <c r="BC682" s="253"/>
      <c r="BD682" s="253"/>
      <c r="BE682" s="253"/>
      <c r="BF682" s="253"/>
      <c r="BG682" s="253"/>
      <c r="BH682" s="253"/>
      <c r="BI682" s="253"/>
      <c r="BJ682" s="253"/>
      <c r="BK682" s="253"/>
      <c r="BL682" s="253"/>
      <c r="BM682" s="253"/>
      <c r="BN682" s="253"/>
      <c r="BO682" s="253"/>
      <c r="BP682" s="253"/>
      <c r="BQ682" s="253"/>
      <c r="BR682" s="253"/>
      <c r="BS682" s="253"/>
    </row>
    <row r="683" spans="1:71" s="67" customFormat="1" ht="35.1" customHeight="1">
      <c r="A683" s="185"/>
      <c r="B683" s="68"/>
      <c r="C683" s="168"/>
      <c r="D683" s="169"/>
      <c r="E683" s="262"/>
      <c r="F683" s="263"/>
      <c r="G683" s="405" t="s">
        <v>797</v>
      </c>
      <c r="H683" s="405"/>
      <c r="I683" s="374"/>
      <c r="J683" s="165"/>
      <c r="K683" s="166"/>
      <c r="L683" s="225">
        <v>0</v>
      </c>
      <c r="M683" s="253" t="s">
        <v>382</v>
      </c>
      <c r="N683" s="253">
        <v>0</v>
      </c>
      <c r="O683" s="253">
        <v>0</v>
      </c>
      <c r="P683" s="253">
        <v>0</v>
      </c>
      <c r="Q683" s="253">
        <v>0</v>
      </c>
      <c r="R683" s="253"/>
      <c r="S683" s="253"/>
      <c r="T683" s="253"/>
      <c r="U683" s="253"/>
      <c r="V683" s="253"/>
      <c r="W683" s="253"/>
      <c r="X683" s="253"/>
      <c r="Y683" s="253"/>
      <c r="Z683" s="253"/>
      <c r="AA683" s="253"/>
      <c r="AB683" s="253"/>
      <c r="AC683" s="253"/>
      <c r="AD683" s="253"/>
      <c r="AE683" s="253"/>
      <c r="AF683" s="253"/>
      <c r="AG683" s="253"/>
      <c r="AH683" s="253"/>
      <c r="AI683" s="253"/>
      <c r="AJ683" s="253"/>
      <c r="AK683" s="253"/>
      <c r="AL683" s="253"/>
      <c r="AM683" s="253"/>
      <c r="AN683" s="253"/>
      <c r="AO683" s="253"/>
      <c r="AP683" s="253"/>
      <c r="AQ683" s="253"/>
      <c r="AR683" s="253"/>
      <c r="AS683" s="253"/>
      <c r="AT683" s="253"/>
      <c r="AU683" s="253"/>
      <c r="AV683" s="253"/>
      <c r="AW683" s="253"/>
      <c r="AX683" s="253"/>
      <c r="AY683" s="253"/>
      <c r="AZ683" s="253"/>
      <c r="BA683" s="253"/>
      <c r="BB683" s="253"/>
      <c r="BC683" s="253"/>
      <c r="BD683" s="253"/>
      <c r="BE683" s="253"/>
      <c r="BF683" s="253"/>
      <c r="BG683" s="253"/>
      <c r="BH683" s="253"/>
      <c r="BI683" s="253"/>
      <c r="BJ683" s="253"/>
      <c r="BK683" s="253"/>
      <c r="BL683" s="253"/>
      <c r="BM683" s="253"/>
      <c r="BN683" s="253"/>
      <c r="BO683" s="253"/>
      <c r="BP683" s="253"/>
      <c r="BQ683" s="253"/>
      <c r="BR683" s="253"/>
      <c r="BS683" s="253"/>
    </row>
    <row r="684" spans="1:71" s="67" customFormat="1" ht="25.9" customHeight="1">
      <c r="A684" s="185" t="s">
        <v>798</v>
      </c>
      <c r="B684" s="68"/>
      <c r="C684" s="170"/>
      <c r="D684" s="268"/>
      <c r="E684" s="403"/>
      <c r="F684" s="404"/>
      <c r="G684" s="267"/>
      <c r="H684" s="235" t="s">
        <v>799</v>
      </c>
      <c r="I684" s="375"/>
      <c r="J684" s="165"/>
      <c r="K684" s="166"/>
      <c r="L684" s="225">
        <v>0</v>
      </c>
      <c r="M684" s="253" t="s">
        <v>382</v>
      </c>
      <c r="N684" s="253">
        <v>0</v>
      </c>
      <c r="O684" s="253">
        <v>0</v>
      </c>
      <c r="P684" s="253">
        <v>0</v>
      </c>
      <c r="Q684" s="253">
        <v>0</v>
      </c>
      <c r="R684" s="253"/>
      <c r="S684" s="253"/>
      <c r="T684" s="253"/>
      <c r="U684" s="253"/>
      <c r="V684" s="253"/>
      <c r="W684" s="253"/>
      <c r="X684" s="253"/>
      <c r="Y684" s="253"/>
      <c r="Z684" s="253"/>
      <c r="AA684" s="253"/>
      <c r="AB684" s="253"/>
      <c r="AC684" s="253"/>
      <c r="AD684" s="253"/>
      <c r="AE684" s="253"/>
      <c r="AF684" s="253"/>
      <c r="AG684" s="253"/>
      <c r="AH684" s="253"/>
      <c r="AI684" s="253"/>
      <c r="AJ684" s="253"/>
      <c r="AK684" s="253"/>
      <c r="AL684" s="253"/>
      <c r="AM684" s="253"/>
      <c r="AN684" s="253"/>
      <c r="AO684" s="253"/>
      <c r="AP684" s="253"/>
      <c r="AQ684" s="253"/>
      <c r="AR684" s="253"/>
      <c r="AS684" s="253"/>
      <c r="AT684" s="253"/>
      <c r="AU684" s="253"/>
      <c r="AV684" s="253"/>
      <c r="AW684" s="253"/>
      <c r="AX684" s="253"/>
      <c r="AY684" s="253"/>
      <c r="AZ684" s="253"/>
      <c r="BA684" s="253"/>
      <c r="BB684" s="253"/>
      <c r="BC684" s="253"/>
      <c r="BD684" s="253"/>
      <c r="BE684" s="253"/>
      <c r="BF684" s="253"/>
      <c r="BG684" s="253"/>
      <c r="BH684" s="253"/>
      <c r="BI684" s="253"/>
      <c r="BJ684" s="253"/>
      <c r="BK684" s="253"/>
      <c r="BL684" s="253"/>
      <c r="BM684" s="253"/>
      <c r="BN684" s="253"/>
      <c r="BO684" s="253"/>
      <c r="BP684" s="253"/>
      <c r="BQ684" s="253"/>
      <c r="BR684" s="253"/>
      <c r="BS684" s="253"/>
    </row>
    <row r="685" spans="1:71" s="92" customFormat="1" ht="80.099999999999994" customHeight="1">
      <c r="A685" s="185" t="s">
        <v>800</v>
      </c>
      <c r="B685" s="68"/>
      <c r="C685" s="304" t="s">
        <v>801</v>
      </c>
      <c r="D685" s="305"/>
      <c r="E685" s="305"/>
      <c r="F685" s="305"/>
      <c r="G685" s="360"/>
      <c r="H685" s="306"/>
      <c r="I685" s="316" t="s">
        <v>802</v>
      </c>
      <c r="J685" s="165"/>
      <c r="K685" s="166"/>
      <c r="L685" s="225">
        <v>0</v>
      </c>
      <c r="M685" s="253">
        <v>103</v>
      </c>
      <c r="N685" s="253">
        <v>0</v>
      </c>
      <c r="O685" s="253">
        <v>0</v>
      </c>
      <c r="P685" s="253">
        <v>0</v>
      </c>
      <c r="Q685" s="253">
        <v>0</v>
      </c>
      <c r="R685" s="253"/>
      <c r="S685" s="253"/>
      <c r="T685" s="253"/>
      <c r="U685" s="253"/>
      <c r="V685" s="253"/>
      <c r="W685" s="253"/>
      <c r="X685" s="253"/>
      <c r="Y685" s="253"/>
      <c r="Z685" s="253"/>
      <c r="AA685" s="253"/>
      <c r="AB685" s="253"/>
      <c r="AC685" s="253"/>
      <c r="AD685" s="253"/>
      <c r="AE685" s="253"/>
      <c r="AF685" s="253"/>
      <c r="AG685" s="253"/>
      <c r="AH685" s="253"/>
      <c r="AI685" s="253"/>
      <c r="AJ685" s="253"/>
      <c r="AK685" s="253"/>
      <c r="AL685" s="253"/>
      <c r="AM685" s="253"/>
      <c r="AN685" s="253"/>
      <c r="AO685" s="253"/>
      <c r="AP685" s="253"/>
      <c r="AQ685" s="253"/>
      <c r="AR685" s="253"/>
      <c r="AS685" s="253"/>
      <c r="AT685" s="253"/>
      <c r="AU685" s="253"/>
      <c r="AV685" s="253"/>
      <c r="AW685" s="253"/>
      <c r="AX685" s="253"/>
      <c r="AY685" s="253"/>
      <c r="AZ685" s="253"/>
      <c r="BA685" s="253"/>
      <c r="BB685" s="253"/>
      <c r="BC685" s="253"/>
      <c r="BD685" s="253"/>
      <c r="BE685" s="253"/>
      <c r="BF685" s="253"/>
      <c r="BG685" s="253"/>
      <c r="BH685" s="253"/>
      <c r="BI685" s="253"/>
      <c r="BJ685" s="253"/>
      <c r="BK685" s="253"/>
      <c r="BL685" s="253"/>
      <c r="BM685" s="253"/>
      <c r="BN685" s="253"/>
      <c r="BO685" s="253"/>
      <c r="BP685" s="253"/>
      <c r="BQ685" s="253"/>
      <c r="BR685" s="253"/>
      <c r="BS685" s="253"/>
    </row>
    <row r="686" spans="1:71" s="92" customFormat="1" ht="34.5" customHeight="1">
      <c r="A686" s="185" t="s">
        <v>803</v>
      </c>
      <c r="B686" s="68"/>
      <c r="C686" s="264"/>
      <c r="D686" s="266"/>
      <c r="E686" s="301" t="s">
        <v>804</v>
      </c>
      <c r="F686" s="302"/>
      <c r="G686" s="302"/>
      <c r="H686" s="303"/>
      <c r="I686" s="354"/>
      <c r="J686" s="165"/>
      <c r="K686" s="166"/>
      <c r="L686" s="225">
        <v>0</v>
      </c>
      <c r="M686" s="253">
        <v>72</v>
      </c>
      <c r="N686" s="253">
        <v>0</v>
      </c>
      <c r="O686" s="253">
        <v>0</v>
      </c>
      <c r="P686" s="253">
        <v>0</v>
      </c>
      <c r="Q686" s="253">
        <v>0</v>
      </c>
      <c r="R686" s="253"/>
      <c r="S686" s="253"/>
      <c r="T686" s="253"/>
      <c r="U686" s="253"/>
      <c r="V686" s="253"/>
      <c r="W686" s="253"/>
      <c r="X686" s="253"/>
      <c r="Y686" s="253"/>
      <c r="Z686" s="253"/>
      <c r="AA686" s="253"/>
      <c r="AB686" s="253"/>
      <c r="AC686" s="253"/>
      <c r="AD686" s="253"/>
      <c r="AE686" s="253"/>
      <c r="AF686" s="253"/>
      <c r="AG686" s="253"/>
      <c r="AH686" s="253"/>
      <c r="AI686" s="253"/>
      <c r="AJ686" s="253"/>
      <c r="AK686" s="253"/>
      <c r="AL686" s="253"/>
      <c r="AM686" s="253"/>
      <c r="AN686" s="253"/>
      <c r="AO686" s="253"/>
      <c r="AP686" s="253"/>
      <c r="AQ686" s="253"/>
      <c r="AR686" s="253"/>
      <c r="AS686" s="253"/>
      <c r="AT686" s="253"/>
      <c r="AU686" s="253"/>
      <c r="AV686" s="253"/>
      <c r="AW686" s="253"/>
      <c r="AX686" s="253"/>
      <c r="AY686" s="253"/>
      <c r="AZ686" s="253"/>
      <c r="BA686" s="253"/>
      <c r="BB686" s="253"/>
      <c r="BC686" s="253"/>
      <c r="BD686" s="253"/>
      <c r="BE686" s="253"/>
      <c r="BF686" s="253"/>
      <c r="BG686" s="253"/>
      <c r="BH686" s="253"/>
      <c r="BI686" s="253"/>
      <c r="BJ686" s="253"/>
      <c r="BK686" s="253"/>
      <c r="BL686" s="253"/>
      <c r="BM686" s="253"/>
      <c r="BN686" s="253"/>
      <c r="BO686" s="253"/>
      <c r="BP686" s="253"/>
      <c r="BQ686" s="253"/>
      <c r="BR686" s="253"/>
      <c r="BS686" s="253"/>
    </row>
    <row r="687" spans="1:71" s="92" customFormat="1" ht="34.5" customHeight="1">
      <c r="A687" s="185"/>
      <c r="B687" s="68"/>
      <c r="C687" s="304" t="s">
        <v>805</v>
      </c>
      <c r="D687" s="305"/>
      <c r="E687" s="305"/>
      <c r="F687" s="305"/>
      <c r="G687" s="360"/>
      <c r="H687" s="306"/>
      <c r="I687" s="354"/>
      <c r="J687" s="165"/>
      <c r="K687" s="166"/>
      <c r="L687" s="225">
        <v>0</v>
      </c>
      <c r="M687" s="253">
        <v>97</v>
      </c>
      <c r="N687" s="253">
        <v>0</v>
      </c>
      <c r="O687" s="253">
        <v>0</v>
      </c>
      <c r="P687" s="253">
        <v>0</v>
      </c>
      <c r="Q687" s="253">
        <v>0</v>
      </c>
      <c r="R687" s="253"/>
      <c r="S687" s="253"/>
      <c r="T687" s="253"/>
      <c r="U687" s="253"/>
      <c r="V687" s="253"/>
      <c r="W687" s="253"/>
      <c r="X687" s="253"/>
      <c r="Y687" s="253"/>
      <c r="Z687" s="253"/>
      <c r="AA687" s="253"/>
      <c r="AB687" s="253"/>
      <c r="AC687" s="253"/>
      <c r="AD687" s="253"/>
      <c r="AE687" s="253"/>
      <c r="AF687" s="253"/>
      <c r="AG687" s="253"/>
      <c r="AH687" s="253"/>
      <c r="AI687" s="253"/>
      <c r="AJ687" s="253"/>
      <c r="AK687" s="253"/>
      <c r="AL687" s="253"/>
      <c r="AM687" s="253"/>
      <c r="AN687" s="253"/>
      <c r="AO687" s="253"/>
      <c r="AP687" s="253"/>
      <c r="AQ687" s="253"/>
      <c r="AR687" s="253"/>
      <c r="AS687" s="253"/>
      <c r="AT687" s="253"/>
      <c r="AU687" s="253"/>
      <c r="AV687" s="253"/>
      <c r="AW687" s="253"/>
      <c r="AX687" s="253"/>
      <c r="AY687" s="253"/>
      <c r="AZ687" s="253"/>
      <c r="BA687" s="253"/>
      <c r="BB687" s="253"/>
      <c r="BC687" s="253"/>
      <c r="BD687" s="253"/>
      <c r="BE687" s="253"/>
      <c r="BF687" s="253"/>
      <c r="BG687" s="253"/>
      <c r="BH687" s="253"/>
      <c r="BI687" s="253"/>
      <c r="BJ687" s="253"/>
      <c r="BK687" s="253"/>
      <c r="BL687" s="253"/>
      <c r="BM687" s="253"/>
      <c r="BN687" s="253"/>
      <c r="BO687" s="253"/>
      <c r="BP687" s="253"/>
      <c r="BQ687" s="253"/>
      <c r="BR687" s="253"/>
      <c r="BS687" s="253"/>
    </row>
    <row r="688" spans="1:71" s="92" customFormat="1" ht="34.5" customHeight="1">
      <c r="A688" s="185"/>
      <c r="B688" s="68"/>
      <c r="C688" s="264"/>
      <c r="D688" s="265"/>
      <c r="E688" s="301" t="s">
        <v>806</v>
      </c>
      <c r="F688" s="302"/>
      <c r="G688" s="302"/>
      <c r="H688" s="303"/>
      <c r="I688" s="354"/>
      <c r="J688" s="165"/>
      <c r="K688" s="166"/>
      <c r="L688" s="225">
        <v>0</v>
      </c>
      <c r="M688" s="253">
        <v>71</v>
      </c>
      <c r="N688" s="253">
        <v>0</v>
      </c>
      <c r="O688" s="253">
        <v>0</v>
      </c>
      <c r="P688" s="253">
        <v>0</v>
      </c>
      <c r="Q688" s="253">
        <v>0</v>
      </c>
      <c r="R688" s="253"/>
      <c r="S688" s="253"/>
      <c r="T688" s="253"/>
      <c r="U688" s="253"/>
      <c r="V688" s="253"/>
      <c r="W688" s="253"/>
      <c r="X688" s="253"/>
      <c r="Y688" s="253"/>
      <c r="Z688" s="253"/>
      <c r="AA688" s="253"/>
      <c r="AB688" s="253"/>
      <c r="AC688" s="253"/>
      <c r="AD688" s="253"/>
      <c r="AE688" s="253"/>
      <c r="AF688" s="253"/>
      <c r="AG688" s="253"/>
      <c r="AH688" s="253"/>
      <c r="AI688" s="253"/>
      <c r="AJ688" s="253"/>
      <c r="AK688" s="253"/>
      <c r="AL688" s="253"/>
      <c r="AM688" s="253"/>
      <c r="AN688" s="253"/>
      <c r="AO688" s="253"/>
      <c r="AP688" s="253"/>
      <c r="AQ688" s="253"/>
      <c r="AR688" s="253"/>
      <c r="AS688" s="253"/>
      <c r="AT688" s="253"/>
      <c r="AU688" s="253"/>
      <c r="AV688" s="253"/>
      <c r="AW688" s="253"/>
      <c r="AX688" s="253"/>
      <c r="AY688" s="253"/>
      <c r="AZ688" s="253"/>
      <c r="BA688" s="253"/>
      <c r="BB688" s="253"/>
      <c r="BC688" s="253"/>
      <c r="BD688" s="253"/>
      <c r="BE688" s="253"/>
      <c r="BF688" s="253"/>
      <c r="BG688" s="253"/>
      <c r="BH688" s="253"/>
      <c r="BI688" s="253"/>
      <c r="BJ688" s="253"/>
      <c r="BK688" s="253"/>
      <c r="BL688" s="253"/>
      <c r="BM688" s="253"/>
      <c r="BN688" s="253"/>
      <c r="BO688" s="253"/>
      <c r="BP688" s="253"/>
      <c r="BQ688" s="253"/>
      <c r="BR688" s="253"/>
      <c r="BS688" s="253"/>
    </row>
    <row r="689" spans="1:71" s="92" customFormat="1" ht="34.5" customHeight="1">
      <c r="A689" s="185"/>
      <c r="B689" s="68"/>
      <c r="C689" s="304" t="s">
        <v>807</v>
      </c>
      <c r="D689" s="305"/>
      <c r="E689" s="305"/>
      <c r="F689" s="305"/>
      <c r="G689" s="360"/>
      <c r="H689" s="306"/>
      <c r="I689" s="354"/>
      <c r="J689" s="165"/>
      <c r="K689" s="166"/>
      <c r="L689" s="225">
        <v>0</v>
      </c>
      <c r="M689" s="253">
        <v>93</v>
      </c>
      <c r="N689" s="253">
        <v>0</v>
      </c>
      <c r="O689" s="253">
        <v>0</v>
      </c>
      <c r="P689" s="253">
        <v>0</v>
      </c>
      <c r="Q689" s="253">
        <v>0</v>
      </c>
      <c r="R689" s="253"/>
      <c r="S689" s="253"/>
      <c r="T689" s="253"/>
      <c r="U689" s="253"/>
      <c r="V689" s="253"/>
      <c r="W689" s="253"/>
      <c r="X689" s="253"/>
      <c r="Y689" s="253"/>
      <c r="Z689" s="253"/>
      <c r="AA689" s="253"/>
      <c r="AB689" s="253"/>
      <c r="AC689" s="253"/>
      <c r="AD689" s="253"/>
      <c r="AE689" s="253"/>
      <c r="AF689" s="253"/>
      <c r="AG689" s="253"/>
      <c r="AH689" s="253"/>
      <c r="AI689" s="253"/>
      <c r="AJ689" s="253"/>
      <c r="AK689" s="253"/>
      <c r="AL689" s="253"/>
      <c r="AM689" s="253"/>
      <c r="AN689" s="253"/>
      <c r="AO689" s="253"/>
      <c r="AP689" s="253"/>
      <c r="AQ689" s="253"/>
      <c r="AR689" s="253"/>
      <c r="AS689" s="253"/>
      <c r="AT689" s="253"/>
      <c r="AU689" s="253"/>
      <c r="AV689" s="253"/>
      <c r="AW689" s="253"/>
      <c r="AX689" s="253"/>
      <c r="AY689" s="253"/>
      <c r="AZ689" s="253"/>
      <c r="BA689" s="253"/>
      <c r="BB689" s="253"/>
      <c r="BC689" s="253"/>
      <c r="BD689" s="253"/>
      <c r="BE689" s="253"/>
      <c r="BF689" s="253"/>
      <c r="BG689" s="253"/>
      <c r="BH689" s="253"/>
      <c r="BI689" s="253"/>
      <c r="BJ689" s="253"/>
      <c r="BK689" s="253"/>
      <c r="BL689" s="253"/>
      <c r="BM689" s="253"/>
      <c r="BN689" s="253"/>
      <c r="BO689" s="253"/>
      <c r="BP689" s="253"/>
      <c r="BQ689" s="253"/>
      <c r="BR689" s="253"/>
      <c r="BS689" s="253"/>
    </row>
    <row r="690" spans="1:71" s="92" customFormat="1" ht="34.5" customHeight="1">
      <c r="A690" s="185"/>
      <c r="B690" s="68"/>
      <c r="C690" s="264"/>
      <c r="D690" s="265"/>
      <c r="E690" s="301" t="s">
        <v>808</v>
      </c>
      <c r="F690" s="302"/>
      <c r="G690" s="302"/>
      <c r="H690" s="303"/>
      <c r="I690" s="354"/>
      <c r="J690" s="165"/>
      <c r="K690" s="166"/>
      <c r="L690" s="225">
        <v>0</v>
      </c>
      <c r="M690" s="253">
        <v>63</v>
      </c>
      <c r="N690" s="253">
        <v>0</v>
      </c>
      <c r="O690" s="253">
        <v>0</v>
      </c>
      <c r="P690" s="253">
        <v>0</v>
      </c>
      <c r="Q690" s="253">
        <v>0</v>
      </c>
      <c r="R690" s="253"/>
      <c r="S690" s="253"/>
      <c r="T690" s="253"/>
      <c r="U690" s="253"/>
      <c r="V690" s="253"/>
      <c r="W690" s="253"/>
      <c r="X690" s="253"/>
      <c r="Y690" s="253"/>
      <c r="Z690" s="253"/>
      <c r="AA690" s="253"/>
      <c r="AB690" s="253"/>
      <c r="AC690" s="253"/>
      <c r="AD690" s="253"/>
      <c r="AE690" s="253"/>
      <c r="AF690" s="253"/>
      <c r="AG690" s="253"/>
      <c r="AH690" s="253"/>
      <c r="AI690" s="253"/>
      <c r="AJ690" s="253"/>
      <c r="AK690" s="253"/>
      <c r="AL690" s="253"/>
      <c r="AM690" s="253"/>
      <c r="AN690" s="253"/>
      <c r="AO690" s="253"/>
      <c r="AP690" s="253"/>
      <c r="AQ690" s="253"/>
      <c r="AR690" s="253"/>
      <c r="AS690" s="253"/>
      <c r="AT690" s="253"/>
      <c r="AU690" s="253"/>
      <c r="AV690" s="253"/>
      <c r="AW690" s="253"/>
      <c r="AX690" s="253"/>
      <c r="AY690" s="253"/>
      <c r="AZ690" s="253"/>
      <c r="BA690" s="253"/>
      <c r="BB690" s="253"/>
      <c r="BC690" s="253"/>
      <c r="BD690" s="253"/>
      <c r="BE690" s="253"/>
      <c r="BF690" s="253"/>
      <c r="BG690" s="253"/>
      <c r="BH690" s="253"/>
      <c r="BI690" s="253"/>
      <c r="BJ690" s="253"/>
      <c r="BK690" s="253"/>
      <c r="BL690" s="253"/>
      <c r="BM690" s="253"/>
      <c r="BN690" s="253"/>
      <c r="BO690" s="253"/>
      <c r="BP690" s="253"/>
      <c r="BQ690" s="253"/>
      <c r="BR690" s="253"/>
      <c r="BS690" s="253"/>
    </row>
    <row r="691" spans="1:71" s="92" customFormat="1" ht="34.5" customHeight="1">
      <c r="A691" s="185"/>
      <c r="B691" s="68"/>
      <c r="C691" s="304" t="s">
        <v>809</v>
      </c>
      <c r="D691" s="305"/>
      <c r="E691" s="305"/>
      <c r="F691" s="305"/>
      <c r="G691" s="360"/>
      <c r="H691" s="306"/>
      <c r="I691" s="354"/>
      <c r="J691" s="165"/>
      <c r="K691" s="166"/>
      <c r="L691" s="225">
        <v>0</v>
      </c>
      <c r="M691" s="253">
        <v>89</v>
      </c>
      <c r="N691" s="253">
        <v>0</v>
      </c>
      <c r="O691" s="253">
        <v>0</v>
      </c>
      <c r="P691" s="253">
        <v>0</v>
      </c>
      <c r="Q691" s="253">
        <v>0</v>
      </c>
      <c r="R691" s="253"/>
      <c r="S691" s="253"/>
      <c r="T691" s="253"/>
      <c r="U691" s="253"/>
      <c r="V691" s="253"/>
      <c r="W691" s="253"/>
      <c r="X691" s="253"/>
      <c r="Y691" s="253"/>
      <c r="Z691" s="253"/>
      <c r="AA691" s="253"/>
      <c r="AB691" s="253"/>
      <c r="AC691" s="253"/>
      <c r="AD691" s="253"/>
      <c r="AE691" s="253"/>
      <c r="AF691" s="253"/>
      <c r="AG691" s="253"/>
      <c r="AH691" s="253"/>
      <c r="AI691" s="253"/>
      <c r="AJ691" s="253"/>
      <c r="AK691" s="253"/>
      <c r="AL691" s="253"/>
      <c r="AM691" s="253"/>
      <c r="AN691" s="253"/>
      <c r="AO691" s="253"/>
      <c r="AP691" s="253"/>
      <c r="AQ691" s="253"/>
      <c r="AR691" s="253"/>
      <c r="AS691" s="253"/>
      <c r="AT691" s="253"/>
      <c r="AU691" s="253"/>
      <c r="AV691" s="253"/>
      <c r="AW691" s="253"/>
      <c r="AX691" s="253"/>
      <c r="AY691" s="253"/>
      <c r="AZ691" s="253"/>
      <c r="BA691" s="253"/>
      <c r="BB691" s="253"/>
      <c r="BC691" s="253"/>
      <c r="BD691" s="253"/>
      <c r="BE691" s="253"/>
      <c r="BF691" s="253"/>
      <c r="BG691" s="253"/>
      <c r="BH691" s="253"/>
      <c r="BI691" s="253"/>
      <c r="BJ691" s="253"/>
      <c r="BK691" s="253"/>
      <c r="BL691" s="253"/>
      <c r="BM691" s="253"/>
      <c r="BN691" s="253"/>
      <c r="BO691" s="253"/>
      <c r="BP691" s="253"/>
      <c r="BQ691" s="253"/>
      <c r="BR691" s="253"/>
      <c r="BS691" s="253"/>
    </row>
    <row r="692" spans="1:71" s="92" customFormat="1" ht="34.5" customHeight="1">
      <c r="A692" s="185"/>
      <c r="B692" s="68"/>
      <c r="C692" s="264"/>
      <c r="D692" s="265"/>
      <c r="E692" s="301" t="s">
        <v>810</v>
      </c>
      <c r="F692" s="302"/>
      <c r="G692" s="302"/>
      <c r="H692" s="303"/>
      <c r="I692" s="351"/>
      <c r="J692" s="165"/>
      <c r="K692" s="166"/>
      <c r="L692" s="225">
        <v>0</v>
      </c>
      <c r="M692" s="253">
        <v>62</v>
      </c>
      <c r="N692" s="253">
        <v>0</v>
      </c>
      <c r="O692" s="253">
        <v>0</v>
      </c>
      <c r="P692" s="253">
        <v>0</v>
      </c>
      <c r="Q692" s="253">
        <v>0</v>
      </c>
      <c r="R692" s="253"/>
      <c r="S692" s="253"/>
      <c r="T692" s="253"/>
      <c r="U692" s="253"/>
      <c r="V692" s="253"/>
      <c r="W692" s="253"/>
      <c r="X692" s="253"/>
      <c r="Y692" s="253"/>
      <c r="Z692" s="253"/>
      <c r="AA692" s="253"/>
      <c r="AB692" s="253"/>
      <c r="AC692" s="253"/>
      <c r="AD692" s="253"/>
      <c r="AE692" s="253"/>
      <c r="AF692" s="253"/>
      <c r="AG692" s="253"/>
      <c r="AH692" s="253"/>
      <c r="AI692" s="253"/>
      <c r="AJ692" s="253"/>
      <c r="AK692" s="253"/>
      <c r="AL692" s="253"/>
      <c r="AM692" s="253"/>
      <c r="AN692" s="253"/>
      <c r="AO692" s="253"/>
      <c r="AP692" s="253"/>
      <c r="AQ692" s="253"/>
      <c r="AR692" s="253"/>
      <c r="AS692" s="253"/>
      <c r="AT692" s="253"/>
      <c r="AU692" s="253"/>
      <c r="AV692" s="253"/>
      <c r="AW692" s="253"/>
      <c r="AX692" s="253"/>
      <c r="AY692" s="253"/>
      <c r="AZ692" s="253"/>
      <c r="BA692" s="253"/>
      <c r="BB692" s="253"/>
      <c r="BC692" s="253"/>
      <c r="BD692" s="253"/>
      <c r="BE692" s="253"/>
      <c r="BF692" s="253"/>
      <c r="BG692" s="253"/>
      <c r="BH692" s="253"/>
      <c r="BI692" s="253"/>
      <c r="BJ692" s="253"/>
      <c r="BK692" s="253"/>
      <c r="BL692" s="253"/>
      <c r="BM692" s="253"/>
      <c r="BN692" s="253"/>
      <c r="BO692" s="253"/>
      <c r="BP692" s="253"/>
      <c r="BQ692" s="253"/>
      <c r="BR692" s="253"/>
      <c r="BS692" s="253"/>
    </row>
    <row r="693" spans="1:71" s="67" customFormat="1" ht="56.1" customHeight="1">
      <c r="A693" s="185" t="s">
        <v>811</v>
      </c>
      <c r="B693" s="68"/>
      <c r="C693" s="301" t="s">
        <v>812</v>
      </c>
      <c r="D693" s="302"/>
      <c r="E693" s="302"/>
      <c r="F693" s="302"/>
      <c r="G693" s="302"/>
      <c r="H693" s="303"/>
      <c r="I693" s="321" t="s">
        <v>813</v>
      </c>
      <c r="J693" s="236"/>
      <c r="K693" s="166"/>
      <c r="L693" s="229">
        <v>0</v>
      </c>
      <c r="M693" s="253">
        <v>46</v>
      </c>
      <c r="N693" s="253">
        <v>0</v>
      </c>
      <c r="O693" s="253">
        <v>0</v>
      </c>
      <c r="P693" s="253">
        <v>0</v>
      </c>
      <c r="Q693" s="253">
        <v>0</v>
      </c>
      <c r="R693" s="253"/>
      <c r="S693" s="253"/>
      <c r="T693" s="253"/>
      <c r="U693" s="253"/>
      <c r="V693" s="253"/>
      <c r="W693" s="253"/>
      <c r="X693" s="253"/>
      <c r="Y693" s="253"/>
      <c r="Z693" s="253"/>
      <c r="AA693" s="253"/>
      <c r="AB693" s="253"/>
      <c r="AC693" s="253"/>
      <c r="AD693" s="253"/>
      <c r="AE693" s="253"/>
      <c r="AF693" s="253"/>
      <c r="AG693" s="253"/>
      <c r="AH693" s="253"/>
      <c r="AI693" s="253"/>
      <c r="AJ693" s="253"/>
      <c r="AK693" s="253"/>
      <c r="AL693" s="253"/>
      <c r="AM693" s="253"/>
      <c r="AN693" s="253"/>
      <c r="AO693" s="253"/>
      <c r="AP693" s="253"/>
      <c r="AQ693" s="253"/>
      <c r="AR693" s="253"/>
      <c r="AS693" s="253"/>
      <c r="AT693" s="253"/>
      <c r="AU693" s="253"/>
      <c r="AV693" s="253"/>
      <c r="AW693" s="253"/>
      <c r="AX693" s="253"/>
      <c r="AY693" s="253"/>
      <c r="AZ693" s="253"/>
      <c r="BA693" s="253"/>
      <c r="BB693" s="253"/>
      <c r="BC693" s="253"/>
      <c r="BD693" s="253"/>
      <c r="BE693" s="253"/>
      <c r="BF693" s="253"/>
      <c r="BG693" s="253"/>
      <c r="BH693" s="253"/>
      <c r="BI693" s="253"/>
      <c r="BJ693" s="253"/>
      <c r="BK693" s="253"/>
      <c r="BL693" s="253"/>
      <c r="BM693" s="253"/>
      <c r="BN693" s="253"/>
      <c r="BO693" s="253"/>
      <c r="BP693" s="253"/>
      <c r="BQ693" s="253"/>
      <c r="BR693" s="253"/>
      <c r="BS693" s="253"/>
    </row>
    <row r="694" spans="1:71" s="67" customFormat="1" ht="56.1" customHeight="1">
      <c r="A694" s="185"/>
      <c r="B694" s="68"/>
      <c r="C694" s="301" t="s">
        <v>814</v>
      </c>
      <c r="D694" s="302"/>
      <c r="E694" s="302"/>
      <c r="F694" s="302"/>
      <c r="G694" s="302"/>
      <c r="H694" s="303"/>
      <c r="I694" s="321"/>
      <c r="J694" s="406"/>
      <c r="K694" s="407"/>
      <c r="L694" s="229">
        <v>0</v>
      </c>
      <c r="M694" s="253">
        <v>43.5</v>
      </c>
      <c r="N694" s="253">
        <v>0</v>
      </c>
      <c r="O694" s="253">
        <v>0</v>
      </c>
      <c r="P694" s="253">
        <v>0</v>
      </c>
      <c r="Q694" s="253">
        <v>0</v>
      </c>
      <c r="R694" s="253"/>
      <c r="S694" s="253"/>
      <c r="T694" s="253"/>
      <c r="U694" s="253"/>
      <c r="V694" s="253"/>
      <c r="W694" s="253"/>
      <c r="X694" s="253"/>
      <c r="Y694" s="253"/>
      <c r="Z694" s="253"/>
      <c r="AA694" s="253"/>
      <c r="AB694" s="253"/>
      <c r="AC694" s="253"/>
      <c r="AD694" s="253"/>
      <c r="AE694" s="253"/>
      <c r="AF694" s="253"/>
      <c r="AG694" s="253"/>
      <c r="AH694" s="253"/>
      <c r="AI694" s="253"/>
      <c r="AJ694" s="253"/>
      <c r="AK694" s="253"/>
      <c r="AL694" s="253"/>
      <c r="AM694" s="253"/>
      <c r="AN694" s="253"/>
      <c r="AO694" s="253"/>
      <c r="AP694" s="253"/>
      <c r="AQ694" s="253"/>
      <c r="AR694" s="253"/>
      <c r="AS694" s="253"/>
      <c r="AT694" s="253"/>
      <c r="AU694" s="253"/>
      <c r="AV694" s="253"/>
      <c r="AW694" s="253"/>
      <c r="AX694" s="253"/>
      <c r="AY694" s="253"/>
      <c r="AZ694" s="253"/>
      <c r="BA694" s="253"/>
      <c r="BB694" s="253"/>
      <c r="BC694" s="253"/>
      <c r="BD694" s="253"/>
      <c r="BE694" s="253"/>
      <c r="BF694" s="253"/>
      <c r="BG694" s="253"/>
      <c r="BH694" s="253"/>
      <c r="BI694" s="253"/>
      <c r="BJ694" s="253"/>
      <c r="BK694" s="253"/>
      <c r="BL694" s="253"/>
      <c r="BM694" s="253"/>
      <c r="BN694" s="253"/>
      <c r="BO694" s="253"/>
      <c r="BP694" s="253"/>
      <c r="BQ694" s="253"/>
      <c r="BR694" s="253"/>
      <c r="BS694" s="253"/>
    </row>
    <row r="695" spans="1:71" s="67" customFormat="1" ht="56.1" customHeight="1">
      <c r="A695" s="185"/>
      <c r="B695" s="68"/>
      <c r="C695" s="301" t="s">
        <v>815</v>
      </c>
      <c r="D695" s="302"/>
      <c r="E695" s="302"/>
      <c r="F695" s="302"/>
      <c r="G695" s="302"/>
      <c r="H695" s="303"/>
      <c r="I695" s="321"/>
      <c r="J695" s="406"/>
      <c r="K695" s="407"/>
      <c r="L695" s="229">
        <v>0</v>
      </c>
      <c r="M695" s="253">
        <v>45.3</v>
      </c>
      <c r="N695" s="253">
        <v>0</v>
      </c>
      <c r="O695" s="253">
        <v>0</v>
      </c>
      <c r="P695" s="253">
        <v>0</v>
      </c>
      <c r="Q695" s="253">
        <v>0</v>
      </c>
      <c r="R695" s="253"/>
      <c r="S695" s="253"/>
      <c r="T695" s="253"/>
      <c r="U695" s="253"/>
      <c r="V695" s="253"/>
      <c r="W695" s="253"/>
      <c r="X695" s="253"/>
      <c r="Y695" s="253"/>
      <c r="Z695" s="253"/>
      <c r="AA695" s="253"/>
      <c r="AB695" s="253"/>
      <c r="AC695" s="253"/>
      <c r="AD695" s="253"/>
      <c r="AE695" s="253"/>
      <c r="AF695" s="253"/>
      <c r="AG695" s="253"/>
      <c r="AH695" s="253"/>
      <c r="AI695" s="253"/>
      <c r="AJ695" s="253"/>
      <c r="AK695" s="253"/>
      <c r="AL695" s="253"/>
      <c r="AM695" s="253"/>
      <c r="AN695" s="253"/>
      <c r="AO695" s="253"/>
      <c r="AP695" s="253"/>
      <c r="AQ695" s="253"/>
      <c r="AR695" s="253"/>
      <c r="AS695" s="253"/>
      <c r="AT695" s="253"/>
      <c r="AU695" s="253"/>
      <c r="AV695" s="253"/>
      <c r="AW695" s="253"/>
      <c r="AX695" s="253"/>
      <c r="AY695" s="253"/>
      <c r="AZ695" s="253"/>
      <c r="BA695" s="253"/>
      <c r="BB695" s="253"/>
      <c r="BC695" s="253"/>
      <c r="BD695" s="253"/>
      <c r="BE695" s="253"/>
      <c r="BF695" s="253"/>
      <c r="BG695" s="253"/>
      <c r="BH695" s="253"/>
      <c r="BI695" s="253"/>
      <c r="BJ695" s="253"/>
      <c r="BK695" s="253"/>
      <c r="BL695" s="253"/>
      <c r="BM695" s="253"/>
      <c r="BN695" s="253"/>
      <c r="BO695" s="253"/>
      <c r="BP695" s="253"/>
      <c r="BQ695" s="253"/>
      <c r="BR695" s="253"/>
      <c r="BS695" s="253"/>
    </row>
    <row r="696" spans="1:71" s="67" customFormat="1" ht="56.1" customHeight="1">
      <c r="A696" s="185"/>
      <c r="B696" s="68"/>
      <c r="C696" s="301" t="s">
        <v>816</v>
      </c>
      <c r="D696" s="302"/>
      <c r="E696" s="302"/>
      <c r="F696" s="302"/>
      <c r="G696" s="302"/>
      <c r="H696" s="303"/>
      <c r="I696" s="321"/>
      <c r="J696" s="406"/>
      <c r="K696" s="407"/>
      <c r="L696" s="229">
        <v>0</v>
      </c>
      <c r="M696" s="253">
        <v>48.5</v>
      </c>
      <c r="N696" s="253">
        <v>0</v>
      </c>
      <c r="O696" s="253">
        <v>0</v>
      </c>
      <c r="P696" s="253">
        <v>0</v>
      </c>
      <c r="Q696" s="253">
        <v>0</v>
      </c>
      <c r="R696" s="253"/>
      <c r="S696" s="253"/>
      <c r="T696" s="253"/>
      <c r="U696" s="253"/>
      <c r="V696" s="253"/>
      <c r="W696" s="253"/>
      <c r="X696" s="253"/>
      <c r="Y696" s="253"/>
      <c r="Z696" s="253"/>
      <c r="AA696" s="253"/>
      <c r="AB696" s="253"/>
      <c r="AC696" s="253"/>
      <c r="AD696" s="253"/>
      <c r="AE696" s="253"/>
      <c r="AF696" s="253"/>
      <c r="AG696" s="253"/>
      <c r="AH696" s="253"/>
      <c r="AI696" s="253"/>
      <c r="AJ696" s="253"/>
      <c r="AK696" s="253"/>
      <c r="AL696" s="253"/>
      <c r="AM696" s="253"/>
      <c r="AN696" s="253"/>
      <c r="AO696" s="253"/>
      <c r="AP696" s="253"/>
      <c r="AQ696" s="253"/>
      <c r="AR696" s="253"/>
      <c r="AS696" s="253"/>
      <c r="AT696" s="253"/>
      <c r="AU696" s="253"/>
      <c r="AV696" s="253"/>
      <c r="AW696" s="253"/>
      <c r="AX696" s="253"/>
      <c r="AY696" s="253"/>
      <c r="AZ696" s="253"/>
      <c r="BA696" s="253"/>
      <c r="BB696" s="253"/>
      <c r="BC696" s="253"/>
      <c r="BD696" s="253"/>
      <c r="BE696" s="253"/>
      <c r="BF696" s="253"/>
      <c r="BG696" s="253"/>
      <c r="BH696" s="253"/>
      <c r="BI696" s="253"/>
      <c r="BJ696" s="253"/>
      <c r="BK696" s="253"/>
      <c r="BL696" s="253"/>
      <c r="BM696" s="253"/>
      <c r="BN696" s="253"/>
      <c r="BO696" s="253"/>
      <c r="BP696" s="253"/>
      <c r="BQ696" s="253"/>
      <c r="BR696" s="253"/>
      <c r="BS696" s="253"/>
    </row>
    <row r="697" spans="1:71" s="74" customFormat="1">
      <c r="A697" s="178"/>
      <c r="B697" s="14"/>
      <c r="C697" s="52"/>
      <c r="D697" s="52"/>
      <c r="E697" s="14"/>
      <c r="F697" s="14"/>
      <c r="G697" s="14"/>
      <c r="H697" s="10"/>
      <c r="I697" s="10"/>
      <c r="J697" s="71"/>
      <c r="K697" s="72"/>
      <c r="L697" s="73"/>
      <c r="M697" s="73"/>
      <c r="N697" s="73"/>
      <c r="O697" s="73"/>
      <c r="P697" s="73"/>
      <c r="Q697" s="73"/>
    </row>
    <row r="698" spans="1:71" s="67" customFormat="1">
      <c r="A698" s="178"/>
      <c r="B698" s="68"/>
      <c r="C698" s="52"/>
      <c r="D698" s="52"/>
      <c r="E698" s="52"/>
      <c r="F698" s="52"/>
      <c r="G698" s="52"/>
      <c r="H698" s="75"/>
      <c r="I698" s="75"/>
      <c r="J698" s="71"/>
      <c r="K698" s="72"/>
      <c r="L698" s="73"/>
      <c r="M698" s="73"/>
      <c r="N698" s="73"/>
      <c r="O698" s="73"/>
      <c r="P698" s="73"/>
      <c r="Q698" s="73"/>
    </row>
    <row r="699" spans="1:71" s="74" customFormat="1">
      <c r="A699" s="178"/>
      <c r="B699" s="68"/>
      <c r="C699" s="3"/>
      <c r="D699" s="3"/>
      <c r="E699" s="3"/>
      <c r="F699" s="3"/>
      <c r="G699" s="3"/>
      <c r="H699" s="214"/>
      <c r="I699" s="214"/>
      <c r="J699" s="51"/>
      <c r="K699" s="24"/>
      <c r="L699" s="86"/>
      <c r="M699" s="86"/>
      <c r="N699" s="86"/>
      <c r="O699" s="86"/>
      <c r="P699" s="86"/>
      <c r="Q699" s="86"/>
    </row>
    <row r="700" spans="1:71" s="74" customFormat="1">
      <c r="A700" s="178"/>
      <c r="B700" s="14" t="s">
        <v>817</v>
      </c>
      <c r="C700" s="3"/>
      <c r="D700" s="3"/>
      <c r="E700" s="3"/>
      <c r="F700" s="3"/>
      <c r="G700" s="3"/>
      <c r="H700" s="214"/>
      <c r="I700" s="214"/>
      <c r="J700" s="51"/>
      <c r="K700" s="24"/>
      <c r="L700" s="86"/>
      <c r="M700" s="86"/>
      <c r="N700" s="86"/>
      <c r="O700" s="86"/>
      <c r="P700" s="86"/>
      <c r="Q700" s="86"/>
    </row>
    <row r="701" spans="1:71">
      <c r="A701" s="178"/>
      <c r="B701" s="14"/>
      <c r="C701" s="14"/>
      <c r="D701" s="14"/>
      <c r="E701" s="14"/>
      <c r="F701" s="14"/>
      <c r="G701" s="14"/>
      <c r="H701" s="10"/>
      <c r="I701" s="10"/>
      <c r="L701" s="62"/>
      <c r="M701" s="62"/>
      <c r="N701" s="62"/>
      <c r="O701" s="62"/>
      <c r="P701" s="62"/>
      <c r="Q701" s="62"/>
      <c r="R701" s="8"/>
      <c r="S701" s="8"/>
      <c r="T701" s="8"/>
      <c r="U701" s="8"/>
      <c r="V701" s="8"/>
    </row>
    <row r="702" spans="1:71" s="240" customFormat="1" ht="34.5" customHeight="1">
      <c r="A702" s="178"/>
      <c r="B702" s="14"/>
      <c r="C702" s="3"/>
      <c r="D702" s="3"/>
      <c r="E702" s="3"/>
      <c r="F702" s="3"/>
      <c r="G702" s="3"/>
      <c r="H702" s="214"/>
      <c r="I702" s="214"/>
      <c r="J702" s="63" t="s">
        <v>81</v>
      </c>
      <c r="K702" s="136"/>
      <c r="L702" s="245" t="str">
        <f t="shared" ref="L702:AQ702" si="125">IF(ISBLANK(L$390),"",L$390)</f>
        <v>4階病棟</v>
      </c>
      <c r="M702" s="249" t="str">
        <f t="shared" si="125"/>
        <v>回復期リハビリテーション病棟</v>
      </c>
      <c r="N702" s="247" t="str">
        <f t="shared" si="125"/>
        <v>地域包括ケア病棟</v>
      </c>
      <c r="O702" s="247" t="str">
        <f t="shared" si="125"/>
        <v>特殊疾患病棟</v>
      </c>
      <c r="P702" s="247" t="str">
        <f t="shared" si="125"/>
        <v>療養病棟2階</v>
      </c>
      <c r="Q702" s="247" t="str">
        <f t="shared" si="125"/>
        <v/>
      </c>
      <c r="R702" s="247" t="str">
        <f t="shared" si="125"/>
        <v/>
      </c>
      <c r="S702" s="247" t="str">
        <f t="shared" si="125"/>
        <v/>
      </c>
      <c r="T702" s="247" t="str">
        <f t="shared" si="125"/>
        <v/>
      </c>
      <c r="U702" s="247" t="str">
        <f t="shared" si="125"/>
        <v/>
      </c>
      <c r="V702" s="247" t="str">
        <f t="shared" si="125"/>
        <v/>
      </c>
      <c r="W702" s="247" t="str">
        <f t="shared" si="125"/>
        <v/>
      </c>
      <c r="X702" s="247" t="str">
        <f t="shared" si="125"/>
        <v/>
      </c>
      <c r="Y702" s="247" t="str">
        <f t="shared" si="125"/>
        <v/>
      </c>
      <c r="Z702" s="247" t="str">
        <f t="shared" si="125"/>
        <v/>
      </c>
      <c r="AA702" s="247" t="str">
        <f t="shared" si="125"/>
        <v/>
      </c>
      <c r="AB702" s="247" t="str">
        <f t="shared" si="125"/>
        <v/>
      </c>
      <c r="AC702" s="247" t="str">
        <f t="shared" si="125"/>
        <v/>
      </c>
      <c r="AD702" s="247" t="str">
        <f t="shared" si="125"/>
        <v/>
      </c>
      <c r="AE702" s="247" t="str">
        <f t="shared" si="125"/>
        <v/>
      </c>
      <c r="AF702" s="247" t="str">
        <f t="shared" si="125"/>
        <v/>
      </c>
      <c r="AG702" s="247" t="str">
        <f t="shared" si="125"/>
        <v/>
      </c>
      <c r="AH702" s="247" t="str">
        <f t="shared" si="125"/>
        <v/>
      </c>
      <c r="AI702" s="247" t="str">
        <f t="shared" si="125"/>
        <v/>
      </c>
      <c r="AJ702" s="247" t="str">
        <f t="shared" si="125"/>
        <v/>
      </c>
      <c r="AK702" s="247" t="str">
        <f t="shared" si="125"/>
        <v/>
      </c>
      <c r="AL702" s="247" t="str">
        <f t="shared" si="125"/>
        <v/>
      </c>
      <c r="AM702" s="247" t="str">
        <f t="shared" si="125"/>
        <v/>
      </c>
      <c r="AN702" s="247" t="str">
        <f t="shared" si="125"/>
        <v/>
      </c>
      <c r="AO702" s="247" t="str">
        <f t="shared" si="125"/>
        <v/>
      </c>
      <c r="AP702" s="247" t="str">
        <f t="shared" si="125"/>
        <v/>
      </c>
      <c r="AQ702" s="247" t="str">
        <f t="shared" si="125"/>
        <v/>
      </c>
      <c r="AR702" s="247" t="str">
        <f t="shared" ref="AR702:BS702" si="126">IF(ISBLANK(AR$390),"",AR$390)</f>
        <v/>
      </c>
      <c r="AS702" s="247" t="str">
        <f t="shared" si="126"/>
        <v/>
      </c>
      <c r="AT702" s="247" t="str">
        <f t="shared" si="126"/>
        <v/>
      </c>
      <c r="AU702" s="247" t="str">
        <f t="shared" si="126"/>
        <v/>
      </c>
      <c r="AV702" s="247" t="str">
        <f t="shared" si="126"/>
        <v/>
      </c>
      <c r="AW702" s="247" t="str">
        <f t="shared" si="126"/>
        <v/>
      </c>
      <c r="AX702" s="247" t="str">
        <f t="shared" si="126"/>
        <v/>
      </c>
      <c r="AY702" s="247" t="str">
        <f t="shared" si="126"/>
        <v/>
      </c>
      <c r="AZ702" s="247" t="str">
        <f t="shared" si="126"/>
        <v/>
      </c>
      <c r="BA702" s="247" t="str">
        <f t="shared" si="126"/>
        <v/>
      </c>
      <c r="BB702" s="247" t="str">
        <f t="shared" si="126"/>
        <v/>
      </c>
      <c r="BC702" s="247" t="str">
        <f t="shared" si="126"/>
        <v/>
      </c>
      <c r="BD702" s="247" t="str">
        <f t="shared" si="126"/>
        <v/>
      </c>
      <c r="BE702" s="247" t="str">
        <f t="shared" si="126"/>
        <v/>
      </c>
      <c r="BF702" s="247" t="str">
        <f t="shared" si="126"/>
        <v/>
      </c>
      <c r="BG702" s="247" t="str">
        <f t="shared" si="126"/>
        <v/>
      </c>
      <c r="BH702" s="247" t="str">
        <f t="shared" si="126"/>
        <v/>
      </c>
      <c r="BI702" s="247" t="str">
        <f t="shared" si="126"/>
        <v/>
      </c>
      <c r="BJ702" s="247" t="str">
        <f t="shared" si="126"/>
        <v/>
      </c>
      <c r="BK702" s="247" t="str">
        <f t="shared" si="126"/>
        <v/>
      </c>
      <c r="BL702" s="247" t="str">
        <f t="shared" si="126"/>
        <v/>
      </c>
      <c r="BM702" s="247" t="str">
        <f t="shared" si="126"/>
        <v/>
      </c>
      <c r="BN702" s="247" t="str">
        <f t="shared" si="126"/>
        <v/>
      </c>
      <c r="BO702" s="247" t="str">
        <f t="shared" si="126"/>
        <v/>
      </c>
      <c r="BP702" s="247" t="str">
        <f t="shared" si="126"/>
        <v/>
      </c>
      <c r="BQ702" s="247" t="str">
        <f t="shared" si="126"/>
        <v/>
      </c>
      <c r="BR702" s="247" t="str">
        <f t="shared" si="126"/>
        <v/>
      </c>
      <c r="BS702" s="247" t="str">
        <f t="shared" si="126"/>
        <v/>
      </c>
    </row>
    <row r="703" spans="1:71" s="240" customFormat="1" ht="20.25" customHeight="1">
      <c r="A703" s="178"/>
      <c r="B703" s="1"/>
      <c r="C703" s="52"/>
      <c r="D703" s="3"/>
      <c r="E703" s="3"/>
      <c r="F703" s="3"/>
      <c r="G703" s="3"/>
      <c r="H703" s="214"/>
      <c r="I703" s="56" t="s">
        <v>82</v>
      </c>
      <c r="J703" s="57"/>
      <c r="K703" s="137"/>
      <c r="L703" s="59" t="str">
        <f t="shared" ref="L703:AQ703" si="127">IF(ISBLANK(L$391),"",L$391)</f>
        <v>-</v>
      </c>
      <c r="M703" s="250" t="str">
        <f t="shared" si="127"/>
        <v>-</v>
      </c>
      <c r="N703" s="59" t="str">
        <f t="shared" si="127"/>
        <v>-</v>
      </c>
      <c r="O703" s="59" t="str">
        <f t="shared" si="127"/>
        <v>-</v>
      </c>
      <c r="P703" s="59" t="str">
        <f t="shared" si="127"/>
        <v>-</v>
      </c>
      <c r="Q703" s="59" t="str">
        <f t="shared" si="127"/>
        <v/>
      </c>
      <c r="R703" s="59" t="str">
        <f t="shared" si="127"/>
        <v/>
      </c>
      <c r="S703" s="59" t="str">
        <f t="shared" si="127"/>
        <v/>
      </c>
      <c r="T703" s="59" t="str">
        <f t="shared" si="127"/>
        <v/>
      </c>
      <c r="U703" s="59" t="str">
        <f t="shared" si="127"/>
        <v/>
      </c>
      <c r="V703" s="59" t="str">
        <f t="shared" si="127"/>
        <v/>
      </c>
      <c r="W703" s="59" t="str">
        <f t="shared" si="127"/>
        <v/>
      </c>
      <c r="X703" s="59" t="str">
        <f t="shared" si="127"/>
        <v/>
      </c>
      <c r="Y703" s="59" t="str">
        <f t="shared" si="127"/>
        <v/>
      </c>
      <c r="Z703" s="59" t="str">
        <f t="shared" si="127"/>
        <v/>
      </c>
      <c r="AA703" s="59" t="str">
        <f t="shared" si="127"/>
        <v/>
      </c>
      <c r="AB703" s="59" t="str">
        <f t="shared" si="127"/>
        <v/>
      </c>
      <c r="AC703" s="59" t="str">
        <f t="shared" si="127"/>
        <v/>
      </c>
      <c r="AD703" s="59" t="str">
        <f t="shared" si="127"/>
        <v/>
      </c>
      <c r="AE703" s="59" t="str">
        <f t="shared" si="127"/>
        <v/>
      </c>
      <c r="AF703" s="59" t="str">
        <f t="shared" si="127"/>
        <v/>
      </c>
      <c r="AG703" s="59" t="str">
        <f t="shared" si="127"/>
        <v/>
      </c>
      <c r="AH703" s="59" t="str">
        <f t="shared" si="127"/>
        <v/>
      </c>
      <c r="AI703" s="59" t="str">
        <f t="shared" si="127"/>
        <v/>
      </c>
      <c r="AJ703" s="59" t="str">
        <f t="shared" si="127"/>
        <v/>
      </c>
      <c r="AK703" s="59" t="str">
        <f t="shared" si="127"/>
        <v/>
      </c>
      <c r="AL703" s="59" t="str">
        <f t="shared" si="127"/>
        <v/>
      </c>
      <c r="AM703" s="59" t="str">
        <f t="shared" si="127"/>
        <v/>
      </c>
      <c r="AN703" s="59" t="str">
        <f t="shared" si="127"/>
        <v/>
      </c>
      <c r="AO703" s="59" t="str">
        <f t="shared" si="127"/>
        <v/>
      </c>
      <c r="AP703" s="59" t="str">
        <f t="shared" si="127"/>
        <v/>
      </c>
      <c r="AQ703" s="59" t="str">
        <f t="shared" si="127"/>
        <v/>
      </c>
      <c r="AR703" s="59" t="str">
        <f t="shared" ref="AR703:BS703" si="128">IF(ISBLANK(AR$391),"",AR$391)</f>
        <v/>
      </c>
      <c r="AS703" s="59" t="str">
        <f t="shared" si="128"/>
        <v/>
      </c>
      <c r="AT703" s="59" t="str">
        <f t="shared" si="128"/>
        <v/>
      </c>
      <c r="AU703" s="59" t="str">
        <f t="shared" si="128"/>
        <v/>
      </c>
      <c r="AV703" s="59" t="str">
        <f t="shared" si="128"/>
        <v/>
      </c>
      <c r="AW703" s="59" t="str">
        <f t="shared" si="128"/>
        <v/>
      </c>
      <c r="AX703" s="59" t="str">
        <f t="shared" si="128"/>
        <v/>
      </c>
      <c r="AY703" s="59" t="str">
        <f t="shared" si="128"/>
        <v/>
      </c>
      <c r="AZ703" s="59" t="str">
        <f t="shared" si="128"/>
        <v/>
      </c>
      <c r="BA703" s="59" t="str">
        <f t="shared" si="128"/>
        <v/>
      </c>
      <c r="BB703" s="59" t="str">
        <f t="shared" si="128"/>
        <v/>
      </c>
      <c r="BC703" s="59" t="str">
        <f t="shared" si="128"/>
        <v/>
      </c>
      <c r="BD703" s="59" t="str">
        <f t="shared" si="128"/>
        <v/>
      </c>
      <c r="BE703" s="59" t="str">
        <f t="shared" si="128"/>
        <v/>
      </c>
      <c r="BF703" s="59" t="str">
        <f t="shared" si="128"/>
        <v/>
      </c>
      <c r="BG703" s="59" t="str">
        <f t="shared" si="128"/>
        <v/>
      </c>
      <c r="BH703" s="59" t="str">
        <f t="shared" si="128"/>
        <v/>
      </c>
      <c r="BI703" s="59" t="str">
        <f t="shared" si="128"/>
        <v/>
      </c>
      <c r="BJ703" s="59" t="str">
        <f t="shared" si="128"/>
        <v/>
      </c>
      <c r="BK703" s="59" t="str">
        <f t="shared" si="128"/>
        <v/>
      </c>
      <c r="BL703" s="59" t="str">
        <f t="shared" si="128"/>
        <v/>
      </c>
      <c r="BM703" s="59" t="str">
        <f t="shared" si="128"/>
        <v/>
      </c>
      <c r="BN703" s="59" t="str">
        <f t="shared" si="128"/>
        <v/>
      </c>
      <c r="BO703" s="59" t="str">
        <f t="shared" si="128"/>
        <v/>
      </c>
      <c r="BP703" s="59" t="str">
        <f t="shared" si="128"/>
        <v/>
      </c>
      <c r="BQ703" s="59" t="str">
        <f t="shared" si="128"/>
        <v/>
      </c>
      <c r="BR703" s="59" t="str">
        <f t="shared" si="128"/>
        <v/>
      </c>
      <c r="BS703" s="59" t="str">
        <f t="shared" si="128"/>
        <v/>
      </c>
    </row>
    <row r="704" spans="1:71" s="95" customFormat="1" ht="112.15" customHeight="1">
      <c r="A704" s="186" t="s">
        <v>818</v>
      </c>
      <c r="B704" s="96"/>
      <c r="C704" s="301" t="s">
        <v>819</v>
      </c>
      <c r="D704" s="302"/>
      <c r="E704" s="302"/>
      <c r="F704" s="302"/>
      <c r="G704" s="302"/>
      <c r="H704" s="303"/>
      <c r="I704" s="103" t="s">
        <v>820</v>
      </c>
      <c r="J704" s="156">
        <f>IF(SUM(L704:BS704)=0,IF(COUNTIF(L704:BS704,"未確認")&gt;0,"未確認",IF(COUNTIF(L704:BS704,"~*")&gt;0,"*",SUM(L704:BS704))),SUM(L704:BS704))</f>
        <v>0</v>
      </c>
      <c r="K704" s="152" t="str">
        <f>IF(OR(COUNTIF(L704:BS704,"未確認")&gt;0,COUNTIF(L704:BS704,"*")&gt;0),"※","")</f>
        <v/>
      </c>
      <c r="L704" s="94">
        <v>0</v>
      </c>
      <c r="M704" s="259">
        <v>0</v>
      </c>
      <c r="N704" s="259">
        <v>0</v>
      </c>
      <c r="O704" s="259">
        <v>0</v>
      </c>
      <c r="P704" s="259">
        <v>0</v>
      </c>
      <c r="Q704" s="259"/>
      <c r="R704" s="259"/>
      <c r="S704" s="259"/>
      <c r="T704" s="259"/>
      <c r="U704" s="259"/>
      <c r="V704" s="259"/>
      <c r="W704" s="259"/>
      <c r="X704" s="259"/>
      <c r="Y704" s="259"/>
      <c r="Z704" s="259"/>
      <c r="AA704" s="259"/>
      <c r="AB704" s="259"/>
      <c r="AC704" s="259"/>
      <c r="AD704" s="259"/>
      <c r="AE704" s="259"/>
      <c r="AF704" s="259"/>
      <c r="AG704" s="259"/>
      <c r="AH704" s="259"/>
      <c r="AI704" s="259"/>
      <c r="AJ704" s="259"/>
      <c r="AK704" s="259"/>
      <c r="AL704" s="259"/>
      <c r="AM704" s="259"/>
      <c r="AN704" s="259"/>
      <c r="AO704" s="259"/>
      <c r="AP704" s="259"/>
      <c r="AQ704" s="259"/>
      <c r="AR704" s="259"/>
      <c r="AS704" s="259"/>
      <c r="AT704" s="259"/>
      <c r="AU704" s="259"/>
      <c r="AV704" s="259"/>
      <c r="AW704" s="259"/>
      <c r="AX704" s="259"/>
      <c r="AY704" s="259"/>
      <c r="AZ704" s="259"/>
      <c r="BA704" s="259"/>
      <c r="BB704" s="259"/>
      <c r="BC704" s="259"/>
      <c r="BD704" s="259"/>
      <c r="BE704" s="259"/>
      <c r="BF704" s="259"/>
      <c r="BG704" s="259"/>
      <c r="BH704" s="259"/>
      <c r="BI704" s="259"/>
      <c r="BJ704" s="259"/>
      <c r="BK704" s="259"/>
      <c r="BL704" s="259"/>
      <c r="BM704" s="259"/>
      <c r="BN704" s="259"/>
      <c r="BO704" s="259"/>
      <c r="BP704" s="259"/>
      <c r="BQ704" s="259"/>
      <c r="BR704" s="259"/>
      <c r="BS704" s="259"/>
    </row>
    <row r="705" spans="1:71" s="95" customFormat="1" ht="42" customHeight="1">
      <c r="A705" s="186" t="s">
        <v>821</v>
      </c>
      <c r="B705" s="96"/>
      <c r="C705" s="274" t="s">
        <v>822</v>
      </c>
      <c r="D705" s="275"/>
      <c r="E705" s="275"/>
      <c r="F705" s="275"/>
      <c r="G705" s="275"/>
      <c r="H705" s="276"/>
      <c r="I705" s="98" t="s">
        <v>823</v>
      </c>
      <c r="J705" s="156">
        <f>IF(SUM(L705:BS705)=0,IF(COUNTIF(L705:BS705,"未確認")&gt;0,"未確認",IF(COUNTIF(L705:BS705,"~*")&gt;0,"*",SUM(L705:BS705))),SUM(L705:BS705))</f>
        <v>36</v>
      </c>
      <c r="K705" s="152" t="str">
        <f>IF(OR(COUNTIF(L705:BS705,"未確認")&gt;0,COUNTIF(L705:BS705,"*")&gt;0),"※","")</f>
        <v>※</v>
      </c>
      <c r="L705" s="94">
        <v>36</v>
      </c>
      <c r="M705" s="259">
        <v>0</v>
      </c>
      <c r="N705" s="259" t="s">
        <v>382</v>
      </c>
      <c r="O705" s="259">
        <v>0</v>
      </c>
      <c r="P705" s="259">
        <v>0</v>
      </c>
      <c r="Q705" s="259"/>
      <c r="R705" s="259"/>
      <c r="S705" s="259"/>
      <c r="T705" s="259"/>
      <c r="U705" s="259"/>
      <c r="V705" s="259"/>
      <c r="W705" s="259"/>
      <c r="X705" s="259"/>
      <c r="Y705" s="259"/>
      <c r="Z705" s="259"/>
      <c r="AA705" s="259"/>
      <c r="AB705" s="259"/>
      <c r="AC705" s="259"/>
      <c r="AD705" s="259"/>
      <c r="AE705" s="259"/>
      <c r="AF705" s="259"/>
      <c r="AG705" s="259"/>
      <c r="AH705" s="259"/>
      <c r="AI705" s="259"/>
      <c r="AJ705" s="259"/>
      <c r="AK705" s="259"/>
      <c r="AL705" s="259"/>
      <c r="AM705" s="259"/>
      <c r="AN705" s="259"/>
      <c r="AO705" s="259"/>
      <c r="AP705" s="259"/>
      <c r="AQ705" s="259"/>
      <c r="AR705" s="259"/>
      <c r="AS705" s="259"/>
      <c r="AT705" s="259"/>
      <c r="AU705" s="259"/>
      <c r="AV705" s="259"/>
      <c r="AW705" s="259"/>
      <c r="AX705" s="259"/>
      <c r="AY705" s="259"/>
      <c r="AZ705" s="259"/>
      <c r="BA705" s="259"/>
      <c r="BB705" s="259"/>
      <c r="BC705" s="259"/>
      <c r="BD705" s="259"/>
      <c r="BE705" s="259"/>
      <c r="BF705" s="259"/>
      <c r="BG705" s="259"/>
      <c r="BH705" s="259"/>
      <c r="BI705" s="259"/>
      <c r="BJ705" s="259"/>
      <c r="BK705" s="259"/>
      <c r="BL705" s="259"/>
      <c r="BM705" s="259"/>
      <c r="BN705" s="259"/>
      <c r="BO705" s="259"/>
      <c r="BP705" s="259"/>
      <c r="BQ705" s="259"/>
      <c r="BR705" s="259"/>
      <c r="BS705" s="259"/>
    </row>
    <row r="706" spans="1:71" s="95" customFormat="1" ht="84" customHeight="1">
      <c r="A706" s="186" t="s">
        <v>824</v>
      </c>
      <c r="B706" s="96"/>
      <c r="C706" s="274" t="s">
        <v>825</v>
      </c>
      <c r="D706" s="275"/>
      <c r="E706" s="275"/>
      <c r="F706" s="275"/>
      <c r="G706" s="275"/>
      <c r="H706" s="276"/>
      <c r="I706" s="98" t="s">
        <v>826</v>
      </c>
      <c r="J706" s="156">
        <f>IF(SUM(L706:BS706)=0,IF(COUNTIF(L706:BS706,"未確認")&gt;0,"未確認",IF(COUNTIF(L706:BS706,"~*")&gt;0,"*",SUM(L706:BS706))),SUM(L706:BS706))</f>
        <v>0</v>
      </c>
      <c r="K706" s="152" t="str">
        <f>IF(OR(COUNTIF(L706:BS706,"未確認")&gt;0,COUNTIF(L706:BS706,"*")&gt;0),"※","")</f>
        <v/>
      </c>
      <c r="L706" s="94">
        <v>0</v>
      </c>
      <c r="M706" s="259">
        <v>0</v>
      </c>
      <c r="N706" s="259">
        <v>0</v>
      </c>
      <c r="O706" s="259">
        <v>0</v>
      </c>
      <c r="P706" s="259">
        <v>0</v>
      </c>
      <c r="Q706" s="259"/>
      <c r="R706" s="259"/>
      <c r="S706" s="259"/>
      <c r="T706" s="259"/>
      <c r="U706" s="259"/>
      <c r="V706" s="259"/>
      <c r="W706" s="259"/>
      <c r="X706" s="259"/>
      <c r="Y706" s="259"/>
      <c r="Z706" s="259"/>
      <c r="AA706" s="259"/>
      <c r="AB706" s="259"/>
      <c r="AC706" s="259"/>
      <c r="AD706" s="259"/>
      <c r="AE706" s="259"/>
      <c r="AF706" s="259"/>
      <c r="AG706" s="259"/>
      <c r="AH706" s="259"/>
      <c r="AI706" s="259"/>
      <c r="AJ706" s="259"/>
      <c r="AK706" s="259"/>
      <c r="AL706" s="259"/>
      <c r="AM706" s="259"/>
      <c r="AN706" s="259"/>
      <c r="AO706" s="259"/>
      <c r="AP706" s="259"/>
      <c r="AQ706" s="259"/>
      <c r="AR706" s="259"/>
      <c r="AS706" s="259"/>
      <c r="AT706" s="259"/>
      <c r="AU706" s="259"/>
      <c r="AV706" s="259"/>
      <c r="AW706" s="259"/>
      <c r="AX706" s="259"/>
      <c r="AY706" s="259"/>
      <c r="AZ706" s="259"/>
      <c r="BA706" s="259"/>
      <c r="BB706" s="259"/>
      <c r="BC706" s="259"/>
      <c r="BD706" s="259"/>
      <c r="BE706" s="259"/>
      <c r="BF706" s="259"/>
      <c r="BG706" s="259"/>
      <c r="BH706" s="259"/>
      <c r="BI706" s="259"/>
      <c r="BJ706" s="259"/>
      <c r="BK706" s="259"/>
      <c r="BL706" s="259"/>
      <c r="BM706" s="259"/>
      <c r="BN706" s="259"/>
      <c r="BO706" s="259"/>
      <c r="BP706" s="259"/>
      <c r="BQ706" s="259"/>
      <c r="BR706" s="259"/>
      <c r="BS706" s="259"/>
    </row>
    <row r="707" spans="1:71" s="74" customFormat="1">
      <c r="A707" s="178"/>
      <c r="B707" s="14"/>
      <c r="C707" s="14"/>
      <c r="D707" s="14"/>
      <c r="E707" s="14"/>
      <c r="F707" s="14"/>
      <c r="G707" s="14"/>
      <c r="H707" s="10"/>
      <c r="I707" s="10"/>
      <c r="J707" s="71"/>
      <c r="K707" s="72"/>
      <c r="L707" s="73"/>
      <c r="M707" s="73"/>
      <c r="N707" s="73"/>
      <c r="O707" s="73"/>
      <c r="P707" s="73"/>
      <c r="Q707" s="73"/>
    </row>
    <row r="708" spans="1:71" s="67" customFormat="1">
      <c r="A708" s="178"/>
      <c r="B708" s="68"/>
      <c r="C708" s="52"/>
      <c r="D708" s="52"/>
      <c r="E708" s="52"/>
      <c r="F708" s="52"/>
      <c r="G708" s="52"/>
      <c r="H708" s="75"/>
      <c r="I708" s="75"/>
      <c r="J708" s="71"/>
      <c r="K708" s="72"/>
      <c r="L708" s="73"/>
      <c r="M708" s="73"/>
      <c r="N708" s="73"/>
      <c r="O708" s="73"/>
      <c r="P708" s="73"/>
      <c r="Q708" s="73"/>
    </row>
    <row r="709" spans="1:71" s="92" customFormat="1">
      <c r="A709" s="178"/>
      <c r="C709" s="3"/>
      <c r="D709" s="3"/>
      <c r="E709" s="3"/>
      <c r="F709" s="3"/>
      <c r="G709" s="3"/>
      <c r="H709" s="214"/>
      <c r="I709" s="214"/>
      <c r="J709" s="51"/>
      <c r="K709" s="24"/>
      <c r="L709" s="86"/>
      <c r="M709" s="86"/>
      <c r="N709" s="86"/>
      <c r="O709" s="86"/>
      <c r="P709" s="86"/>
      <c r="Q709" s="86"/>
    </row>
    <row r="710" spans="1:71" s="92" customFormat="1">
      <c r="A710" s="178"/>
      <c r="B710" s="14" t="s">
        <v>827</v>
      </c>
      <c r="C710" s="3"/>
      <c r="D710" s="3"/>
      <c r="E710" s="3"/>
      <c r="F710" s="3"/>
      <c r="G710" s="3"/>
      <c r="H710" s="214"/>
      <c r="I710" s="214"/>
      <c r="J710" s="51"/>
      <c r="K710" s="24"/>
      <c r="L710" s="86"/>
      <c r="M710" s="86"/>
      <c r="N710" s="86"/>
      <c r="O710" s="86"/>
      <c r="P710" s="86"/>
      <c r="Q710" s="86"/>
    </row>
    <row r="711" spans="1:71">
      <c r="A711" s="178"/>
      <c r="B711" s="14"/>
      <c r="C711" s="14"/>
      <c r="D711" s="14"/>
      <c r="E711" s="14"/>
      <c r="F711" s="14"/>
      <c r="G711" s="14"/>
      <c r="H711" s="10"/>
      <c r="I711" s="10"/>
      <c r="L711" s="62"/>
      <c r="M711" s="62"/>
      <c r="N711" s="62"/>
      <c r="O711" s="62"/>
      <c r="P711" s="62"/>
      <c r="Q711" s="62"/>
      <c r="R711" s="8"/>
      <c r="S711" s="8"/>
      <c r="T711" s="8"/>
      <c r="U711" s="8"/>
      <c r="V711" s="8"/>
    </row>
    <row r="712" spans="1:71" s="240" customFormat="1" ht="34.5" customHeight="1">
      <c r="A712" s="178"/>
      <c r="B712" s="14"/>
      <c r="C712" s="3"/>
      <c r="D712" s="3"/>
      <c r="E712" s="3"/>
      <c r="F712" s="3"/>
      <c r="G712" s="3"/>
      <c r="H712" s="214"/>
      <c r="I712" s="214"/>
      <c r="J712" s="63" t="s">
        <v>81</v>
      </c>
      <c r="K712" s="136"/>
      <c r="L712" s="245" t="str">
        <f t="shared" ref="L712:AQ712" si="129">IF(ISBLANK(L$390),"",L$390)</f>
        <v>4階病棟</v>
      </c>
      <c r="M712" s="249" t="str">
        <f t="shared" si="129"/>
        <v>回復期リハビリテーション病棟</v>
      </c>
      <c r="N712" s="247" t="str">
        <f t="shared" si="129"/>
        <v>地域包括ケア病棟</v>
      </c>
      <c r="O712" s="247" t="str">
        <f t="shared" si="129"/>
        <v>特殊疾患病棟</v>
      </c>
      <c r="P712" s="247" t="str">
        <f t="shared" si="129"/>
        <v>療養病棟2階</v>
      </c>
      <c r="Q712" s="247" t="str">
        <f t="shared" si="129"/>
        <v/>
      </c>
      <c r="R712" s="247" t="str">
        <f t="shared" si="129"/>
        <v/>
      </c>
      <c r="S712" s="247" t="str">
        <f t="shared" si="129"/>
        <v/>
      </c>
      <c r="T712" s="247" t="str">
        <f t="shared" si="129"/>
        <v/>
      </c>
      <c r="U712" s="247" t="str">
        <f t="shared" si="129"/>
        <v/>
      </c>
      <c r="V712" s="247" t="str">
        <f t="shared" si="129"/>
        <v/>
      </c>
      <c r="W712" s="247" t="str">
        <f t="shared" si="129"/>
        <v/>
      </c>
      <c r="X712" s="247" t="str">
        <f t="shared" si="129"/>
        <v/>
      </c>
      <c r="Y712" s="247" t="str">
        <f t="shared" si="129"/>
        <v/>
      </c>
      <c r="Z712" s="247" t="str">
        <f t="shared" si="129"/>
        <v/>
      </c>
      <c r="AA712" s="247" t="str">
        <f t="shared" si="129"/>
        <v/>
      </c>
      <c r="AB712" s="247" t="str">
        <f t="shared" si="129"/>
        <v/>
      </c>
      <c r="AC712" s="247" t="str">
        <f t="shared" si="129"/>
        <v/>
      </c>
      <c r="AD712" s="247" t="str">
        <f t="shared" si="129"/>
        <v/>
      </c>
      <c r="AE712" s="247" t="str">
        <f t="shared" si="129"/>
        <v/>
      </c>
      <c r="AF712" s="247" t="str">
        <f t="shared" si="129"/>
        <v/>
      </c>
      <c r="AG712" s="247" t="str">
        <f t="shared" si="129"/>
        <v/>
      </c>
      <c r="AH712" s="247" t="str">
        <f t="shared" si="129"/>
        <v/>
      </c>
      <c r="AI712" s="247" t="str">
        <f t="shared" si="129"/>
        <v/>
      </c>
      <c r="AJ712" s="247" t="str">
        <f t="shared" si="129"/>
        <v/>
      </c>
      <c r="AK712" s="247" t="str">
        <f t="shared" si="129"/>
        <v/>
      </c>
      <c r="AL712" s="247" t="str">
        <f t="shared" si="129"/>
        <v/>
      </c>
      <c r="AM712" s="247" t="str">
        <f t="shared" si="129"/>
        <v/>
      </c>
      <c r="AN712" s="247" t="str">
        <f t="shared" si="129"/>
        <v/>
      </c>
      <c r="AO712" s="247" t="str">
        <f t="shared" si="129"/>
        <v/>
      </c>
      <c r="AP712" s="247" t="str">
        <f t="shared" si="129"/>
        <v/>
      </c>
      <c r="AQ712" s="247" t="str">
        <f t="shared" si="129"/>
        <v/>
      </c>
      <c r="AR712" s="247" t="str">
        <f t="shared" ref="AR712:BS712" si="130">IF(ISBLANK(AR$390),"",AR$390)</f>
        <v/>
      </c>
      <c r="AS712" s="247" t="str">
        <f t="shared" si="130"/>
        <v/>
      </c>
      <c r="AT712" s="247" t="str">
        <f t="shared" si="130"/>
        <v/>
      </c>
      <c r="AU712" s="247" t="str">
        <f t="shared" si="130"/>
        <v/>
      </c>
      <c r="AV712" s="247" t="str">
        <f t="shared" si="130"/>
        <v/>
      </c>
      <c r="AW712" s="247" t="str">
        <f t="shared" si="130"/>
        <v/>
      </c>
      <c r="AX712" s="247" t="str">
        <f t="shared" si="130"/>
        <v/>
      </c>
      <c r="AY712" s="247" t="str">
        <f t="shared" si="130"/>
        <v/>
      </c>
      <c r="AZ712" s="247" t="str">
        <f t="shared" si="130"/>
        <v/>
      </c>
      <c r="BA712" s="247" t="str">
        <f t="shared" si="130"/>
        <v/>
      </c>
      <c r="BB712" s="247" t="str">
        <f t="shared" si="130"/>
        <v/>
      </c>
      <c r="BC712" s="247" t="str">
        <f t="shared" si="130"/>
        <v/>
      </c>
      <c r="BD712" s="247" t="str">
        <f t="shared" si="130"/>
        <v/>
      </c>
      <c r="BE712" s="247" t="str">
        <f t="shared" si="130"/>
        <v/>
      </c>
      <c r="BF712" s="247" t="str">
        <f t="shared" si="130"/>
        <v/>
      </c>
      <c r="BG712" s="247" t="str">
        <f t="shared" si="130"/>
        <v/>
      </c>
      <c r="BH712" s="247" t="str">
        <f t="shared" si="130"/>
        <v/>
      </c>
      <c r="BI712" s="247" t="str">
        <f t="shared" si="130"/>
        <v/>
      </c>
      <c r="BJ712" s="247" t="str">
        <f t="shared" si="130"/>
        <v/>
      </c>
      <c r="BK712" s="247" t="str">
        <f t="shared" si="130"/>
        <v/>
      </c>
      <c r="BL712" s="247" t="str">
        <f t="shared" si="130"/>
        <v/>
      </c>
      <c r="BM712" s="247" t="str">
        <f t="shared" si="130"/>
        <v/>
      </c>
      <c r="BN712" s="247" t="str">
        <f t="shared" si="130"/>
        <v/>
      </c>
      <c r="BO712" s="247" t="str">
        <f t="shared" si="130"/>
        <v/>
      </c>
      <c r="BP712" s="247" t="str">
        <f t="shared" si="130"/>
        <v/>
      </c>
      <c r="BQ712" s="247" t="str">
        <f t="shared" si="130"/>
        <v/>
      </c>
      <c r="BR712" s="247" t="str">
        <f t="shared" si="130"/>
        <v/>
      </c>
      <c r="BS712" s="247" t="str">
        <f t="shared" si="130"/>
        <v/>
      </c>
    </row>
    <row r="713" spans="1:71" s="240" customFormat="1" ht="20.25" customHeight="1">
      <c r="A713" s="178"/>
      <c r="B713" s="1"/>
      <c r="C713" s="52"/>
      <c r="D713" s="3"/>
      <c r="E713" s="3"/>
      <c r="F713" s="3"/>
      <c r="G713" s="3"/>
      <c r="H713" s="214"/>
      <c r="I713" s="56" t="s">
        <v>82</v>
      </c>
      <c r="J713" s="57"/>
      <c r="K713" s="137"/>
      <c r="L713" s="59" t="str">
        <f t="shared" ref="L713:AQ713" si="131">IF(ISBLANK(L$391),"",L$391)</f>
        <v>-</v>
      </c>
      <c r="M713" s="250" t="str">
        <f t="shared" si="131"/>
        <v>-</v>
      </c>
      <c r="N713" s="59" t="str">
        <f t="shared" si="131"/>
        <v>-</v>
      </c>
      <c r="O713" s="59" t="str">
        <f t="shared" si="131"/>
        <v>-</v>
      </c>
      <c r="P713" s="59" t="str">
        <f t="shared" si="131"/>
        <v>-</v>
      </c>
      <c r="Q713" s="59" t="str">
        <f t="shared" si="131"/>
        <v/>
      </c>
      <c r="R713" s="59" t="str">
        <f t="shared" si="131"/>
        <v/>
      </c>
      <c r="S713" s="59" t="str">
        <f t="shared" si="131"/>
        <v/>
      </c>
      <c r="T713" s="59" t="str">
        <f t="shared" si="131"/>
        <v/>
      </c>
      <c r="U713" s="59" t="str">
        <f t="shared" si="131"/>
        <v/>
      </c>
      <c r="V713" s="59" t="str">
        <f t="shared" si="131"/>
        <v/>
      </c>
      <c r="W713" s="59" t="str">
        <f t="shared" si="131"/>
        <v/>
      </c>
      <c r="X713" s="59" t="str">
        <f t="shared" si="131"/>
        <v/>
      </c>
      <c r="Y713" s="59" t="str">
        <f t="shared" si="131"/>
        <v/>
      </c>
      <c r="Z713" s="59" t="str">
        <f t="shared" si="131"/>
        <v/>
      </c>
      <c r="AA713" s="59" t="str">
        <f t="shared" si="131"/>
        <v/>
      </c>
      <c r="AB713" s="59" t="str">
        <f t="shared" si="131"/>
        <v/>
      </c>
      <c r="AC713" s="59" t="str">
        <f t="shared" si="131"/>
        <v/>
      </c>
      <c r="AD713" s="59" t="str">
        <f t="shared" si="131"/>
        <v/>
      </c>
      <c r="AE713" s="59" t="str">
        <f t="shared" si="131"/>
        <v/>
      </c>
      <c r="AF713" s="59" t="str">
        <f t="shared" si="131"/>
        <v/>
      </c>
      <c r="AG713" s="59" t="str">
        <f t="shared" si="131"/>
        <v/>
      </c>
      <c r="AH713" s="59" t="str">
        <f t="shared" si="131"/>
        <v/>
      </c>
      <c r="AI713" s="59" t="str">
        <f t="shared" si="131"/>
        <v/>
      </c>
      <c r="AJ713" s="59" t="str">
        <f t="shared" si="131"/>
        <v/>
      </c>
      <c r="AK713" s="59" t="str">
        <f t="shared" si="131"/>
        <v/>
      </c>
      <c r="AL713" s="59" t="str">
        <f t="shared" si="131"/>
        <v/>
      </c>
      <c r="AM713" s="59" t="str">
        <f t="shared" si="131"/>
        <v/>
      </c>
      <c r="AN713" s="59" t="str">
        <f t="shared" si="131"/>
        <v/>
      </c>
      <c r="AO713" s="59" t="str">
        <f t="shared" si="131"/>
        <v/>
      </c>
      <c r="AP713" s="59" t="str">
        <f t="shared" si="131"/>
        <v/>
      </c>
      <c r="AQ713" s="59" t="str">
        <f t="shared" si="131"/>
        <v/>
      </c>
      <c r="AR713" s="59" t="str">
        <f t="shared" ref="AR713:BS713" si="132">IF(ISBLANK(AR$391),"",AR$391)</f>
        <v/>
      </c>
      <c r="AS713" s="59" t="str">
        <f t="shared" si="132"/>
        <v/>
      </c>
      <c r="AT713" s="59" t="str">
        <f t="shared" si="132"/>
        <v/>
      </c>
      <c r="AU713" s="59" t="str">
        <f t="shared" si="132"/>
        <v/>
      </c>
      <c r="AV713" s="59" t="str">
        <f t="shared" si="132"/>
        <v/>
      </c>
      <c r="AW713" s="59" t="str">
        <f t="shared" si="132"/>
        <v/>
      </c>
      <c r="AX713" s="59" t="str">
        <f t="shared" si="132"/>
        <v/>
      </c>
      <c r="AY713" s="59" t="str">
        <f t="shared" si="132"/>
        <v/>
      </c>
      <c r="AZ713" s="59" t="str">
        <f t="shared" si="132"/>
        <v/>
      </c>
      <c r="BA713" s="59" t="str">
        <f t="shared" si="132"/>
        <v/>
      </c>
      <c r="BB713" s="59" t="str">
        <f t="shared" si="132"/>
        <v/>
      </c>
      <c r="BC713" s="59" t="str">
        <f t="shared" si="132"/>
        <v/>
      </c>
      <c r="BD713" s="59" t="str">
        <f t="shared" si="132"/>
        <v/>
      </c>
      <c r="BE713" s="59" t="str">
        <f t="shared" si="132"/>
        <v/>
      </c>
      <c r="BF713" s="59" t="str">
        <f t="shared" si="132"/>
        <v/>
      </c>
      <c r="BG713" s="59" t="str">
        <f t="shared" si="132"/>
        <v/>
      </c>
      <c r="BH713" s="59" t="str">
        <f t="shared" si="132"/>
        <v/>
      </c>
      <c r="BI713" s="59" t="str">
        <f t="shared" si="132"/>
        <v/>
      </c>
      <c r="BJ713" s="59" t="str">
        <f t="shared" si="132"/>
        <v/>
      </c>
      <c r="BK713" s="59" t="str">
        <f t="shared" si="132"/>
        <v/>
      </c>
      <c r="BL713" s="59" t="str">
        <f t="shared" si="132"/>
        <v/>
      </c>
      <c r="BM713" s="59" t="str">
        <f t="shared" si="132"/>
        <v/>
      </c>
      <c r="BN713" s="59" t="str">
        <f t="shared" si="132"/>
        <v/>
      </c>
      <c r="BO713" s="59" t="str">
        <f t="shared" si="132"/>
        <v/>
      </c>
      <c r="BP713" s="59" t="str">
        <f t="shared" si="132"/>
        <v/>
      </c>
      <c r="BQ713" s="59" t="str">
        <f t="shared" si="132"/>
        <v/>
      </c>
      <c r="BR713" s="59" t="str">
        <f t="shared" si="132"/>
        <v/>
      </c>
      <c r="BS713" s="59" t="str">
        <f t="shared" si="132"/>
        <v/>
      </c>
    </row>
    <row r="714" spans="1:71" s="95" customFormat="1" ht="56.1" customHeight="1">
      <c r="A714" s="186" t="s">
        <v>828</v>
      </c>
      <c r="B714" s="92"/>
      <c r="C714" s="274" t="s">
        <v>829</v>
      </c>
      <c r="D714" s="275"/>
      <c r="E714" s="275"/>
      <c r="F714" s="275"/>
      <c r="G714" s="275"/>
      <c r="H714" s="276"/>
      <c r="I714" s="98" t="s">
        <v>830</v>
      </c>
      <c r="J714" s="93">
        <f>IF(SUM(L714:BS714)=0,IF(COUNTIF(L714:BS714,"未確認")&gt;0,"未確認",IF(COUNTIF(L714:BS714,"~*")&gt;0,"*",SUM(L714:BS714))),SUM(L714:BS714))</f>
        <v>24</v>
      </c>
      <c r="K714" s="152" t="str">
        <f>IF(OR(COUNTIF(L714:BS714,"未確認")&gt;0,COUNTIF(L714:BS714,"*")&gt;0),"※","")</f>
        <v>※</v>
      </c>
      <c r="L714" s="94" t="s">
        <v>382</v>
      </c>
      <c r="M714" s="259">
        <v>0</v>
      </c>
      <c r="N714" s="259">
        <v>24</v>
      </c>
      <c r="O714" s="259">
        <v>0</v>
      </c>
      <c r="P714" s="259">
        <v>0</v>
      </c>
      <c r="Q714" s="259"/>
      <c r="R714" s="259"/>
      <c r="S714" s="259"/>
      <c r="T714" s="259"/>
      <c r="U714" s="259"/>
      <c r="V714" s="259"/>
      <c r="W714" s="259"/>
      <c r="X714" s="259"/>
      <c r="Y714" s="259"/>
      <c r="Z714" s="259"/>
      <c r="AA714" s="259"/>
      <c r="AB714" s="259"/>
      <c r="AC714" s="259"/>
      <c r="AD714" s="259"/>
      <c r="AE714" s="259"/>
      <c r="AF714" s="259"/>
      <c r="AG714" s="259"/>
      <c r="AH714" s="259"/>
      <c r="AI714" s="259"/>
      <c r="AJ714" s="259"/>
      <c r="AK714" s="259"/>
      <c r="AL714" s="259"/>
      <c r="AM714" s="259"/>
      <c r="AN714" s="259"/>
      <c r="AO714" s="259"/>
      <c r="AP714" s="259"/>
      <c r="AQ714" s="259"/>
      <c r="AR714" s="259"/>
      <c r="AS714" s="259"/>
      <c r="AT714" s="259"/>
      <c r="AU714" s="259"/>
      <c r="AV714" s="259"/>
      <c r="AW714" s="259"/>
      <c r="AX714" s="259"/>
      <c r="AY714" s="259"/>
      <c r="AZ714" s="259"/>
      <c r="BA714" s="259"/>
      <c r="BB714" s="259"/>
      <c r="BC714" s="259"/>
      <c r="BD714" s="259"/>
      <c r="BE714" s="259"/>
      <c r="BF714" s="259"/>
      <c r="BG714" s="259"/>
      <c r="BH714" s="259"/>
      <c r="BI714" s="259"/>
      <c r="BJ714" s="259"/>
      <c r="BK714" s="259"/>
      <c r="BL714" s="259"/>
      <c r="BM714" s="259"/>
      <c r="BN714" s="259"/>
      <c r="BO714" s="259"/>
      <c r="BP714" s="259"/>
      <c r="BQ714" s="259"/>
      <c r="BR714" s="259"/>
      <c r="BS714" s="259"/>
    </row>
    <row r="715" spans="1:71" s="95" customFormat="1" ht="56.1" customHeight="1">
      <c r="A715" s="186" t="s">
        <v>831</v>
      </c>
      <c r="B715" s="96"/>
      <c r="C715" s="274" t="s">
        <v>832</v>
      </c>
      <c r="D715" s="275"/>
      <c r="E715" s="275"/>
      <c r="F715" s="275"/>
      <c r="G715" s="275"/>
      <c r="H715" s="276"/>
      <c r="I715" s="98" t="s">
        <v>833</v>
      </c>
      <c r="J715" s="93">
        <f>IF(SUM(L715:BS715)=0,IF(COUNTIF(L715:BS715,"未確認")&gt;0,"未確認",IF(COUNTIF(L715:BS715,"~*")&gt;0,"*",SUM(L715:BS715))),SUM(L715:BS715))</f>
        <v>0</v>
      </c>
      <c r="K715" s="152" t="str">
        <f>IF(OR(COUNTIF(L715:BS715,"未確認")&gt;0,COUNTIF(L715:BS715,"*")&gt;0),"※","")</f>
        <v/>
      </c>
      <c r="L715" s="94">
        <v>0</v>
      </c>
      <c r="M715" s="259">
        <v>0</v>
      </c>
      <c r="N715" s="259">
        <v>0</v>
      </c>
      <c r="O715" s="259">
        <v>0</v>
      </c>
      <c r="P715" s="259">
        <v>0</v>
      </c>
      <c r="Q715" s="259"/>
      <c r="R715" s="259"/>
      <c r="S715" s="259"/>
      <c r="T715" s="259"/>
      <c r="U715" s="259"/>
      <c r="V715" s="259"/>
      <c r="W715" s="259"/>
      <c r="X715" s="259"/>
      <c r="Y715" s="259"/>
      <c r="Z715" s="259"/>
      <c r="AA715" s="259"/>
      <c r="AB715" s="259"/>
      <c r="AC715" s="259"/>
      <c r="AD715" s="259"/>
      <c r="AE715" s="259"/>
      <c r="AF715" s="259"/>
      <c r="AG715" s="259"/>
      <c r="AH715" s="259"/>
      <c r="AI715" s="259"/>
      <c r="AJ715" s="259"/>
      <c r="AK715" s="259"/>
      <c r="AL715" s="259"/>
      <c r="AM715" s="259"/>
      <c r="AN715" s="259"/>
      <c r="AO715" s="259"/>
      <c r="AP715" s="259"/>
      <c r="AQ715" s="259"/>
      <c r="AR715" s="259"/>
      <c r="AS715" s="259"/>
      <c r="AT715" s="259"/>
      <c r="AU715" s="259"/>
      <c r="AV715" s="259"/>
      <c r="AW715" s="259"/>
      <c r="AX715" s="259"/>
      <c r="AY715" s="259"/>
      <c r="AZ715" s="259"/>
      <c r="BA715" s="259"/>
      <c r="BB715" s="259"/>
      <c r="BC715" s="259"/>
      <c r="BD715" s="259"/>
      <c r="BE715" s="259"/>
      <c r="BF715" s="259"/>
      <c r="BG715" s="259"/>
      <c r="BH715" s="259"/>
      <c r="BI715" s="259"/>
      <c r="BJ715" s="259"/>
      <c r="BK715" s="259"/>
      <c r="BL715" s="259"/>
      <c r="BM715" s="259"/>
      <c r="BN715" s="259"/>
      <c r="BO715" s="259"/>
      <c r="BP715" s="259"/>
      <c r="BQ715" s="259"/>
      <c r="BR715" s="259"/>
      <c r="BS715" s="259"/>
    </row>
    <row r="716" spans="1:71" s="95" customFormat="1" ht="70.150000000000006" customHeight="1">
      <c r="A716" s="186" t="s">
        <v>834</v>
      </c>
      <c r="B716" s="96"/>
      <c r="C716" s="301" t="s">
        <v>835</v>
      </c>
      <c r="D716" s="302"/>
      <c r="E716" s="302"/>
      <c r="F716" s="302"/>
      <c r="G716" s="302"/>
      <c r="H716" s="303"/>
      <c r="I716" s="98" t="s">
        <v>836</v>
      </c>
      <c r="J716" s="93">
        <f>IF(SUM(L716:BS716)=0,IF(COUNTIF(L716:BS716,"未確認")&gt;0,"未確認",IF(COUNTIF(L716:BS716,"~*")&gt;0,"*",SUM(L716:BS716))),SUM(L716:BS716))</f>
        <v>165</v>
      </c>
      <c r="K716" s="152" t="str">
        <f>IF(OR(COUNTIF(L716:BS716,"未確認")&gt;0,COUNTIF(L716:BS716,"*")&gt;0),"※","")</f>
        <v/>
      </c>
      <c r="L716" s="94">
        <v>0</v>
      </c>
      <c r="M716" s="259">
        <v>0</v>
      </c>
      <c r="N716" s="259">
        <v>0</v>
      </c>
      <c r="O716" s="259">
        <v>165</v>
      </c>
      <c r="P716" s="259">
        <v>0</v>
      </c>
      <c r="Q716" s="259"/>
      <c r="R716" s="259"/>
      <c r="S716" s="259"/>
      <c r="T716" s="259"/>
      <c r="U716" s="259"/>
      <c r="V716" s="259"/>
      <c r="W716" s="259"/>
      <c r="X716" s="259"/>
      <c r="Y716" s="259"/>
      <c r="Z716" s="259"/>
      <c r="AA716" s="259"/>
      <c r="AB716" s="259"/>
      <c r="AC716" s="259"/>
      <c r="AD716" s="259"/>
      <c r="AE716" s="259"/>
      <c r="AF716" s="259"/>
      <c r="AG716" s="259"/>
      <c r="AH716" s="259"/>
      <c r="AI716" s="259"/>
      <c r="AJ716" s="259"/>
      <c r="AK716" s="259"/>
      <c r="AL716" s="259"/>
      <c r="AM716" s="259"/>
      <c r="AN716" s="259"/>
      <c r="AO716" s="259"/>
      <c r="AP716" s="259"/>
      <c r="AQ716" s="259"/>
      <c r="AR716" s="259"/>
      <c r="AS716" s="259"/>
      <c r="AT716" s="259"/>
      <c r="AU716" s="259"/>
      <c r="AV716" s="259"/>
      <c r="AW716" s="259"/>
      <c r="AX716" s="259"/>
      <c r="AY716" s="259"/>
      <c r="AZ716" s="259"/>
      <c r="BA716" s="259"/>
      <c r="BB716" s="259"/>
      <c r="BC716" s="259"/>
      <c r="BD716" s="259"/>
      <c r="BE716" s="259"/>
      <c r="BF716" s="259"/>
      <c r="BG716" s="259"/>
      <c r="BH716" s="259"/>
      <c r="BI716" s="259"/>
      <c r="BJ716" s="259"/>
      <c r="BK716" s="259"/>
      <c r="BL716" s="259"/>
      <c r="BM716" s="259"/>
      <c r="BN716" s="259"/>
      <c r="BO716" s="259"/>
      <c r="BP716" s="259"/>
      <c r="BQ716" s="259"/>
      <c r="BR716" s="259"/>
      <c r="BS716" s="259"/>
    </row>
    <row r="717" spans="1:71" s="95" customFormat="1" ht="70.150000000000006" customHeight="1">
      <c r="A717" s="186" t="s">
        <v>837</v>
      </c>
      <c r="B717" s="96"/>
      <c r="C717" s="274" t="s">
        <v>838</v>
      </c>
      <c r="D717" s="275"/>
      <c r="E717" s="275"/>
      <c r="F717" s="275"/>
      <c r="G717" s="275"/>
      <c r="H717" s="276"/>
      <c r="I717" s="98" t="s">
        <v>839</v>
      </c>
      <c r="J717" s="93">
        <f>IF(SUM(L717:BS717)=0,IF(COUNTIF(L717:BS717,"未確認")&gt;0,"未確認",IF(COUNTIF(L717:BS717,"~*")&gt;0,"*",SUM(L717:BS717))),SUM(L717:BS717))</f>
        <v>0</v>
      </c>
      <c r="K717" s="152" t="str">
        <f>IF(OR(COUNTIF(L717:BS717,"未確認")&gt;0,COUNTIF(L717:BS717,"*")&gt;0),"※","")</f>
        <v/>
      </c>
      <c r="L717" s="94">
        <v>0</v>
      </c>
      <c r="M717" s="259">
        <v>0</v>
      </c>
      <c r="N717" s="259">
        <v>0</v>
      </c>
      <c r="O717" s="259">
        <v>0</v>
      </c>
      <c r="P717" s="259">
        <v>0</v>
      </c>
      <c r="Q717" s="259"/>
      <c r="R717" s="259"/>
      <c r="S717" s="259"/>
      <c r="T717" s="259"/>
      <c r="U717" s="259"/>
      <c r="V717" s="259"/>
      <c r="W717" s="259"/>
      <c r="X717" s="259"/>
      <c r="Y717" s="259"/>
      <c r="Z717" s="259"/>
      <c r="AA717" s="259"/>
      <c r="AB717" s="259"/>
      <c r="AC717" s="259"/>
      <c r="AD717" s="259"/>
      <c r="AE717" s="259"/>
      <c r="AF717" s="259"/>
      <c r="AG717" s="259"/>
      <c r="AH717" s="259"/>
      <c r="AI717" s="259"/>
      <c r="AJ717" s="259"/>
      <c r="AK717" s="259"/>
      <c r="AL717" s="259"/>
      <c r="AM717" s="259"/>
      <c r="AN717" s="259"/>
      <c r="AO717" s="259"/>
      <c r="AP717" s="259"/>
      <c r="AQ717" s="259"/>
      <c r="AR717" s="259"/>
      <c r="AS717" s="259"/>
      <c r="AT717" s="259"/>
      <c r="AU717" s="259"/>
      <c r="AV717" s="259"/>
      <c r="AW717" s="259"/>
      <c r="AX717" s="259"/>
      <c r="AY717" s="259"/>
      <c r="AZ717" s="259"/>
      <c r="BA717" s="259"/>
      <c r="BB717" s="259"/>
      <c r="BC717" s="259"/>
      <c r="BD717" s="259"/>
      <c r="BE717" s="259"/>
      <c r="BF717" s="259"/>
      <c r="BG717" s="259"/>
      <c r="BH717" s="259"/>
      <c r="BI717" s="259"/>
      <c r="BJ717" s="259"/>
      <c r="BK717" s="259"/>
      <c r="BL717" s="259"/>
      <c r="BM717" s="259"/>
      <c r="BN717" s="259"/>
      <c r="BO717" s="259"/>
      <c r="BP717" s="259"/>
      <c r="BQ717" s="259"/>
      <c r="BR717" s="259"/>
      <c r="BS717" s="259"/>
    </row>
    <row r="718" spans="1:71" s="74" customFormat="1">
      <c r="A718" s="178"/>
      <c r="B718" s="14"/>
      <c r="C718" s="14"/>
      <c r="D718" s="14"/>
      <c r="E718" s="14"/>
      <c r="F718" s="14"/>
      <c r="G718" s="14"/>
      <c r="H718" s="10"/>
      <c r="I718" s="10"/>
      <c r="J718" s="71"/>
      <c r="K718" s="72"/>
      <c r="L718" s="73"/>
      <c r="M718" s="73"/>
      <c r="N718" s="73"/>
      <c r="O718" s="73"/>
      <c r="P718" s="73"/>
      <c r="Q718" s="73"/>
    </row>
    <row r="719" spans="1:71" s="67" customFormat="1">
      <c r="A719" s="178"/>
      <c r="B719" s="68"/>
      <c r="C719" s="52"/>
      <c r="D719" s="52"/>
      <c r="E719" s="52"/>
      <c r="F719" s="52"/>
      <c r="G719" s="52"/>
      <c r="H719" s="75"/>
      <c r="I719" s="75"/>
      <c r="J719" s="71"/>
      <c r="K719" s="72"/>
      <c r="L719" s="73"/>
      <c r="M719" s="73"/>
      <c r="N719" s="73"/>
      <c r="O719" s="73"/>
      <c r="P719" s="73"/>
      <c r="Q719" s="73"/>
    </row>
    <row r="720" spans="1:71" s="67" customFormat="1">
      <c r="A720" s="178"/>
      <c r="B720" s="68"/>
      <c r="C720" s="52"/>
      <c r="D720" s="52"/>
      <c r="E720" s="52"/>
      <c r="F720" s="52"/>
      <c r="G720" s="52"/>
      <c r="H720" s="75"/>
      <c r="I720" s="75"/>
      <c r="J720" s="71"/>
      <c r="K720" s="72"/>
      <c r="L720" s="73"/>
      <c r="M720" s="73"/>
      <c r="N720" s="73"/>
      <c r="O720" s="73"/>
      <c r="P720" s="73"/>
      <c r="Q720" s="73"/>
    </row>
    <row r="721" spans="1:71" s="92" customFormat="1">
      <c r="A721" s="178"/>
      <c r="C721" s="3"/>
      <c r="D721" s="3"/>
      <c r="E721" s="3"/>
      <c r="F721" s="3"/>
      <c r="G721" s="3"/>
      <c r="H721" s="214"/>
      <c r="I721" s="214"/>
      <c r="J721" s="51"/>
      <c r="K721" s="24"/>
      <c r="L721" s="86"/>
      <c r="M721" s="86"/>
      <c r="N721" s="86"/>
      <c r="O721" s="86"/>
      <c r="P721" s="86"/>
      <c r="Q721" s="86"/>
    </row>
    <row r="722" spans="1:71" s="92" customFormat="1">
      <c r="A722" s="178"/>
      <c r="B722" s="14" t="s">
        <v>840</v>
      </c>
      <c r="C722" s="3"/>
      <c r="D722" s="3"/>
      <c r="E722" s="3"/>
      <c r="F722" s="3"/>
      <c r="G722" s="3"/>
      <c r="H722" s="214"/>
      <c r="I722" s="214"/>
      <c r="J722" s="51"/>
      <c r="K722" s="24"/>
      <c r="L722" s="86"/>
      <c r="M722" s="86"/>
      <c r="N722" s="86"/>
      <c r="O722" s="86"/>
      <c r="P722" s="86"/>
      <c r="Q722" s="86"/>
    </row>
    <row r="723" spans="1:71">
      <c r="A723" s="178"/>
      <c r="B723" s="14"/>
      <c r="C723" s="14"/>
      <c r="D723" s="14"/>
      <c r="E723" s="14"/>
      <c r="F723" s="14"/>
      <c r="G723" s="14"/>
      <c r="H723" s="10"/>
      <c r="I723" s="10"/>
      <c r="J723" s="53"/>
      <c r="K723" s="24"/>
      <c r="L723" s="62"/>
      <c r="M723" s="62"/>
      <c r="N723" s="62"/>
      <c r="O723" s="62"/>
      <c r="P723" s="62"/>
      <c r="Q723" s="62"/>
      <c r="R723" s="8"/>
      <c r="S723" s="8"/>
      <c r="T723" s="8"/>
      <c r="U723" s="8"/>
      <c r="V723" s="8"/>
    </row>
    <row r="724" spans="1:71" s="240" customFormat="1" ht="34.5" customHeight="1">
      <c r="A724" s="178"/>
      <c r="B724" s="14"/>
      <c r="C724" s="3"/>
      <c r="D724" s="3"/>
      <c r="E724" s="3"/>
      <c r="F724" s="3"/>
      <c r="G724" s="3"/>
      <c r="H724" s="214"/>
      <c r="I724" s="214"/>
      <c r="J724" s="63" t="s">
        <v>81</v>
      </c>
      <c r="K724" s="136"/>
      <c r="L724" s="245" t="str">
        <f t="shared" ref="L724:AQ724" si="133">IF(ISBLANK(L$390),"",L$390)</f>
        <v>4階病棟</v>
      </c>
      <c r="M724" s="249" t="str">
        <f t="shared" si="133"/>
        <v>回復期リハビリテーション病棟</v>
      </c>
      <c r="N724" s="247" t="str">
        <f t="shared" si="133"/>
        <v>地域包括ケア病棟</v>
      </c>
      <c r="O724" s="247" t="str">
        <f t="shared" si="133"/>
        <v>特殊疾患病棟</v>
      </c>
      <c r="P724" s="247" t="str">
        <f t="shared" si="133"/>
        <v>療養病棟2階</v>
      </c>
      <c r="Q724" s="247" t="str">
        <f t="shared" si="133"/>
        <v/>
      </c>
      <c r="R724" s="247" t="str">
        <f t="shared" si="133"/>
        <v/>
      </c>
      <c r="S724" s="247" t="str">
        <f t="shared" si="133"/>
        <v/>
      </c>
      <c r="T724" s="247" t="str">
        <f t="shared" si="133"/>
        <v/>
      </c>
      <c r="U724" s="247" t="str">
        <f t="shared" si="133"/>
        <v/>
      </c>
      <c r="V724" s="247" t="str">
        <f t="shared" si="133"/>
        <v/>
      </c>
      <c r="W724" s="247" t="str">
        <f t="shared" si="133"/>
        <v/>
      </c>
      <c r="X724" s="247" t="str">
        <f t="shared" si="133"/>
        <v/>
      </c>
      <c r="Y724" s="247" t="str">
        <f t="shared" si="133"/>
        <v/>
      </c>
      <c r="Z724" s="247" t="str">
        <f t="shared" si="133"/>
        <v/>
      </c>
      <c r="AA724" s="247" t="str">
        <f t="shared" si="133"/>
        <v/>
      </c>
      <c r="AB724" s="247" t="str">
        <f t="shared" si="133"/>
        <v/>
      </c>
      <c r="AC724" s="247" t="str">
        <f t="shared" si="133"/>
        <v/>
      </c>
      <c r="AD724" s="247" t="str">
        <f t="shared" si="133"/>
        <v/>
      </c>
      <c r="AE724" s="247" t="str">
        <f t="shared" si="133"/>
        <v/>
      </c>
      <c r="AF724" s="247" t="str">
        <f t="shared" si="133"/>
        <v/>
      </c>
      <c r="AG724" s="247" t="str">
        <f t="shared" si="133"/>
        <v/>
      </c>
      <c r="AH724" s="247" t="str">
        <f t="shared" si="133"/>
        <v/>
      </c>
      <c r="AI724" s="247" t="str">
        <f t="shared" si="133"/>
        <v/>
      </c>
      <c r="AJ724" s="247" t="str">
        <f t="shared" si="133"/>
        <v/>
      </c>
      <c r="AK724" s="247" t="str">
        <f t="shared" si="133"/>
        <v/>
      </c>
      <c r="AL724" s="247" t="str">
        <f t="shared" si="133"/>
        <v/>
      </c>
      <c r="AM724" s="247" t="str">
        <f t="shared" si="133"/>
        <v/>
      </c>
      <c r="AN724" s="247" t="str">
        <f t="shared" si="133"/>
        <v/>
      </c>
      <c r="AO724" s="247" t="str">
        <f t="shared" si="133"/>
        <v/>
      </c>
      <c r="AP724" s="247" t="str">
        <f t="shared" si="133"/>
        <v/>
      </c>
      <c r="AQ724" s="247" t="str">
        <f t="shared" si="133"/>
        <v/>
      </c>
      <c r="AR724" s="247" t="str">
        <f t="shared" ref="AR724:BS724" si="134">IF(ISBLANK(AR$390),"",AR$390)</f>
        <v/>
      </c>
      <c r="AS724" s="247" t="str">
        <f t="shared" si="134"/>
        <v/>
      </c>
      <c r="AT724" s="247" t="str">
        <f t="shared" si="134"/>
        <v/>
      </c>
      <c r="AU724" s="247" t="str">
        <f t="shared" si="134"/>
        <v/>
      </c>
      <c r="AV724" s="247" t="str">
        <f t="shared" si="134"/>
        <v/>
      </c>
      <c r="AW724" s="247" t="str">
        <f t="shared" si="134"/>
        <v/>
      </c>
      <c r="AX724" s="247" t="str">
        <f t="shared" si="134"/>
        <v/>
      </c>
      <c r="AY724" s="247" t="str">
        <f t="shared" si="134"/>
        <v/>
      </c>
      <c r="AZ724" s="247" t="str">
        <f t="shared" si="134"/>
        <v/>
      </c>
      <c r="BA724" s="247" t="str">
        <f t="shared" si="134"/>
        <v/>
      </c>
      <c r="BB724" s="247" t="str">
        <f t="shared" si="134"/>
        <v/>
      </c>
      <c r="BC724" s="247" t="str">
        <f t="shared" si="134"/>
        <v/>
      </c>
      <c r="BD724" s="247" t="str">
        <f t="shared" si="134"/>
        <v/>
      </c>
      <c r="BE724" s="247" t="str">
        <f t="shared" si="134"/>
        <v/>
      </c>
      <c r="BF724" s="247" t="str">
        <f t="shared" si="134"/>
        <v/>
      </c>
      <c r="BG724" s="247" t="str">
        <f t="shared" si="134"/>
        <v/>
      </c>
      <c r="BH724" s="247" t="str">
        <f t="shared" si="134"/>
        <v/>
      </c>
      <c r="BI724" s="247" t="str">
        <f t="shared" si="134"/>
        <v/>
      </c>
      <c r="BJ724" s="247" t="str">
        <f t="shared" si="134"/>
        <v/>
      </c>
      <c r="BK724" s="247" t="str">
        <f t="shared" si="134"/>
        <v/>
      </c>
      <c r="BL724" s="247" t="str">
        <f t="shared" si="134"/>
        <v/>
      </c>
      <c r="BM724" s="247" t="str">
        <f t="shared" si="134"/>
        <v/>
      </c>
      <c r="BN724" s="247" t="str">
        <f t="shared" si="134"/>
        <v/>
      </c>
      <c r="BO724" s="247" t="str">
        <f t="shared" si="134"/>
        <v/>
      </c>
      <c r="BP724" s="247" t="str">
        <f t="shared" si="134"/>
        <v/>
      </c>
      <c r="BQ724" s="247" t="str">
        <f t="shared" si="134"/>
        <v/>
      </c>
      <c r="BR724" s="247" t="str">
        <f t="shared" si="134"/>
        <v/>
      </c>
      <c r="BS724" s="247" t="str">
        <f t="shared" si="134"/>
        <v/>
      </c>
    </row>
    <row r="725" spans="1:71" s="240" customFormat="1" ht="20.25" customHeight="1">
      <c r="A725" s="178"/>
      <c r="B725" s="1"/>
      <c r="C725" s="52"/>
      <c r="D725" s="3"/>
      <c r="E725" s="3"/>
      <c r="F725" s="3"/>
      <c r="G725" s="3"/>
      <c r="H725" s="214"/>
      <c r="I725" s="56" t="s">
        <v>82</v>
      </c>
      <c r="J725" s="57"/>
      <c r="K725" s="137"/>
      <c r="L725" s="59" t="str">
        <f t="shared" ref="L725:AQ725" si="135">IF(ISBLANK(L$391),"",L$391)</f>
        <v>-</v>
      </c>
      <c r="M725" s="250" t="str">
        <f t="shared" si="135"/>
        <v>-</v>
      </c>
      <c r="N725" s="59" t="str">
        <f t="shared" si="135"/>
        <v>-</v>
      </c>
      <c r="O725" s="59" t="str">
        <f t="shared" si="135"/>
        <v>-</v>
      </c>
      <c r="P725" s="59" t="str">
        <f t="shared" si="135"/>
        <v>-</v>
      </c>
      <c r="Q725" s="59" t="str">
        <f t="shared" si="135"/>
        <v/>
      </c>
      <c r="R725" s="59" t="str">
        <f t="shared" si="135"/>
        <v/>
      </c>
      <c r="S725" s="59" t="str">
        <f t="shared" si="135"/>
        <v/>
      </c>
      <c r="T725" s="59" t="str">
        <f t="shared" si="135"/>
        <v/>
      </c>
      <c r="U725" s="59" t="str">
        <f t="shared" si="135"/>
        <v/>
      </c>
      <c r="V725" s="59" t="str">
        <f t="shared" si="135"/>
        <v/>
      </c>
      <c r="W725" s="59" t="str">
        <f t="shared" si="135"/>
        <v/>
      </c>
      <c r="X725" s="59" t="str">
        <f t="shared" si="135"/>
        <v/>
      </c>
      <c r="Y725" s="59" t="str">
        <f t="shared" si="135"/>
        <v/>
      </c>
      <c r="Z725" s="59" t="str">
        <f t="shared" si="135"/>
        <v/>
      </c>
      <c r="AA725" s="59" t="str">
        <f t="shared" si="135"/>
        <v/>
      </c>
      <c r="AB725" s="59" t="str">
        <f t="shared" si="135"/>
        <v/>
      </c>
      <c r="AC725" s="59" t="str">
        <f t="shared" si="135"/>
        <v/>
      </c>
      <c r="AD725" s="59" t="str">
        <f t="shared" si="135"/>
        <v/>
      </c>
      <c r="AE725" s="59" t="str">
        <f t="shared" si="135"/>
        <v/>
      </c>
      <c r="AF725" s="59" t="str">
        <f t="shared" si="135"/>
        <v/>
      </c>
      <c r="AG725" s="59" t="str">
        <f t="shared" si="135"/>
        <v/>
      </c>
      <c r="AH725" s="59" t="str">
        <f t="shared" si="135"/>
        <v/>
      </c>
      <c r="AI725" s="59" t="str">
        <f t="shared" si="135"/>
        <v/>
      </c>
      <c r="AJ725" s="59" t="str">
        <f t="shared" si="135"/>
        <v/>
      </c>
      <c r="AK725" s="59" t="str">
        <f t="shared" si="135"/>
        <v/>
      </c>
      <c r="AL725" s="59" t="str">
        <f t="shared" si="135"/>
        <v/>
      </c>
      <c r="AM725" s="59" t="str">
        <f t="shared" si="135"/>
        <v/>
      </c>
      <c r="AN725" s="59" t="str">
        <f t="shared" si="135"/>
        <v/>
      </c>
      <c r="AO725" s="59" t="str">
        <f t="shared" si="135"/>
        <v/>
      </c>
      <c r="AP725" s="59" t="str">
        <f t="shared" si="135"/>
        <v/>
      </c>
      <c r="AQ725" s="59" t="str">
        <f t="shared" si="135"/>
        <v/>
      </c>
      <c r="AR725" s="59" t="str">
        <f t="shared" ref="AR725:BS725" si="136">IF(ISBLANK(AR$391),"",AR$391)</f>
        <v/>
      </c>
      <c r="AS725" s="59" t="str">
        <f t="shared" si="136"/>
        <v/>
      </c>
      <c r="AT725" s="59" t="str">
        <f t="shared" si="136"/>
        <v/>
      </c>
      <c r="AU725" s="59" t="str">
        <f t="shared" si="136"/>
        <v/>
      </c>
      <c r="AV725" s="59" t="str">
        <f t="shared" si="136"/>
        <v/>
      </c>
      <c r="AW725" s="59" t="str">
        <f t="shared" si="136"/>
        <v/>
      </c>
      <c r="AX725" s="59" t="str">
        <f t="shared" si="136"/>
        <v/>
      </c>
      <c r="AY725" s="59" t="str">
        <f t="shared" si="136"/>
        <v/>
      </c>
      <c r="AZ725" s="59" t="str">
        <f t="shared" si="136"/>
        <v/>
      </c>
      <c r="BA725" s="59" t="str">
        <f t="shared" si="136"/>
        <v/>
      </c>
      <c r="BB725" s="59" t="str">
        <f t="shared" si="136"/>
        <v/>
      </c>
      <c r="BC725" s="59" t="str">
        <f t="shared" si="136"/>
        <v/>
      </c>
      <c r="BD725" s="59" t="str">
        <f t="shared" si="136"/>
        <v/>
      </c>
      <c r="BE725" s="59" t="str">
        <f t="shared" si="136"/>
        <v/>
      </c>
      <c r="BF725" s="59" t="str">
        <f t="shared" si="136"/>
        <v/>
      </c>
      <c r="BG725" s="59" t="str">
        <f t="shared" si="136"/>
        <v/>
      </c>
      <c r="BH725" s="59" t="str">
        <f t="shared" si="136"/>
        <v/>
      </c>
      <c r="BI725" s="59" t="str">
        <f t="shared" si="136"/>
        <v/>
      </c>
      <c r="BJ725" s="59" t="str">
        <f t="shared" si="136"/>
        <v/>
      </c>
      <c r="BK725" s="59" t="str">
        <f t="shared" si="136"/>
        <v/>
      </c>
      <c r="BL725" s="59" t="str">
        <f t="shared" si="136"/>
        <v/>
      </c>
      <c r="BM725" s="59" t="str">
        <f t="shared" si="136"/>
        <v/>
      </c>
      <c r="BN725" s="59" t="str">
        <f t="shared" si="136"/>
        <v/>
      </c>
      <c r="BO725" s="59" t="str">
        <f t="shared" si="136"/>
        <v/>
      </c>
      <c r="BP725" s="59" t="str">
        <f t="shared" si="136"/>
        <v/>
      </c>
      <c r="BQ725" s="59" t="str">
        <f t="shared" si="136"/>
        <v/>
      </c>
      <c r="BR725" s="59" t="str">
        <f t="shared" si="136"/>
        <v/>
      </c>
      <c r="BS725" s="59" t="str">
        <f t="shared" si="136"/>
        <v/>
      </c>
    </row>
    <row r="726" spans="1:71" s="95" customFormat="1" ht="56.1" customHeight="1">
      <c r="A726" s="186" t="s">
        <v>841</v>
      </c>
      <c r="B726" s="92"/>
      <c r="C726" s="274" t="s">
        <v>842</v>
      </c>
      <c r="D726" s="275"/>
      <c r="E726" s="275"/>
      <c r="F726" s="275"/>
      <c r="G726" s="275"/>
      <c r="H726" s="276"/>
      <c r="I726" s="98" t="s">
        <v>843</v>
      </c>
      <c r="J726" s="93">
        <f>IF(SUM(L726:BS726)=0,IF(COUNTIF(L726:BS726,"未確認")&gt;0,"未確認",IF(COUNTIF(L726:BS726,"~*")&gt;0,"*",SUM(L726:BS726))),SUM(L726:BS726))</f>
        <v>0</v>
      </c>
      <c r="K726" s="152" t="str">
        <f>IF(OR(COUNTIF(L726:BS726,"未確認")&gt;0,COUNTIF(L726:BS726,"*")&gt;0),"※","")</f>
        <v/>
      </c>
      <c r="L726" s="94">
        <v>0</v>
      </c>
      <c r="M726" s="259">
        <v>0</v>
      </c>
      <c r="N726" s="259">
        <v>0</v>
      </c>
      <c r="O726" s="259">
        <v>0</v>
      </c>
      <c r="P726" s="259">
        <v>0</v>
      </c>
      <c r="Q726" s="259"/>
      <c r="R726" s="259"/>
      <c r="S726" s="259"/>
      <c r="T726" s="259"/>
      <c r="U726" s="259"/>
      <c r="V726" s="259"/>
      <c r="W726" s="259"/>
      <c r="X726" s="259"/>
      <c r="Y726" s="259"/>
      <c r="Z726" s="259"/>
      <c r="AA726" s="259"/>
      <c r="AB726" s="259"/>
      <c r="AC726" s="259"/>
      <c r="AD726" s="259"/>
      <c r="AE726" s="259"/>
      <c r="AF726" s="259"/>
      <c r="AG726" s="259"/>
      <c r="AH726" s="259"/>
      <c r="AI726" s="259"/>
      <c r="AJ726" s="259"/>
      <c r="AK726" s="259"/>
      <c r="AL726" s="259"/>
      <c r="AM726" s="259"/>
      <c r="AN726" s="259"/>
      <c r="AO726" s="259"/>
      <c r="AP726" s="259"/>
      <c r="AQ726" s="259"/>
      <c r="AR726" s="259"/>
      <c r="AS726" s="259"/>
      <c r="AT726" s="259"/>
      <c r="AU726" s="259"/>
      <c r="AV726" s="259"/>
      <c r="AW726" s="259"/>
      <c r="AX726" s="259"/>
      <c r="AY726" s="259"/>
      <c r="AZ726" s="259"/>
      <c r="BA726" s="259"/>
      <c r="BB726" s="259"/>
      <c r="BC726" s="259"/>
      <c r="BD726" s="259"/>
      <c r="BE726" s="259"/>
      <c r="BF726" s="259"/>
      <c r="BG726" s="259"/>
      <c r="BH726" s="259"/>
      <c r="BI726" s="259"/>
      <c r="BJ726" s="259"/>
      <c r="BK726" s="259"/>
      <c r="BL726" s="259"/>
      <c r="BM726" s="259"/>
      <c r="BN726" s="259"/>
      <c r="BO726" s="259"/>
      <c r="BP726" s="259"/>
      <c r="BQ726" s="259"/>
      <c r="BR726" s="259"/>
      <c r="BS726" s="259"/>
    </row>
    <row r="727" spans="1:71" s="95" customFormat="1" ht="70.150000000000006" customHeight="1">
      <c r="A727" s="186" t="s">
        <v>844</v>
      </c>
      <c r="B727" s="96"/>
      <c r="C727" s="274" t="s">
        <v>845</v>
      </c>
      <c r="D727" s="275"/>
      <c r="E727" s="275"/>
      <c r="F727" s="275"/>
      <c r="G727" s="275"/>
      <c r="H727" s="276"/>
      <c r="I727" s="98" t="s">
        <v>846</v>
      </c>
      <c r="J727" s="93">
        <f>IF(SUM(L727:BS727)=0,IF(COUNTIF(L727:BS727,"未確認")&gt;0,"未確認",IF(COUNTIF(L727:BS727,"~*")&gt;0,"*",SUM(L727:BS727))),SUM(L727:BS727))</f>
        <v>0</v>
      </c>
      <c r="K727" s="152" t="str">
        <f>IF(OR(COUNTIF(L727:BS727,"未確認")&gt;0,COUNTIF(L727:BS727,"*")&gt;0),"※","")</f>
        <v/>
      </c>
      <c r="L727" s="94">
        <v>0</v>
      </c>
      <c r="M727" s="259">
        <v>0</v>
      </c>
      <c r="N727" s="259">
        <v>0</v>
      </c>
      <c r="O727" s="259">
        <v>0</v>
      </c>
      <c r="P727" s="259">
        <v>0</v>
      </c>
      <c r="Q727" s="259"/>
      <c r="R727" s="259"/>
      <c r="S727" s="259"/>
      <c r="T727" s="259"/>
      <c r="U727" s="259"/>
      <c r="V727" s="259"/>
      <c r="W727" s="259"/>
      <c r="X727" s="259"/>
      <c r="Y727" s="259"/>
      <c r="Z727" s="259"/>
      <c r="AA727" s="259"/>
      <c r="AB727" s="259"/>
      <c r="AC727" s="259"/>
      <c r="AD727" s="259"/>
      <c r="AE727" s="259"/>
      <c r="AF727" s="259"/>
      <c r="AG727" s="259"/>
      <c r="AH727" s="259"/>
      <c r="AI727" s="259"/>
      <c r="AJ727" s="259"/>
      <c r="AK727" s="259"/>
      <c r="AL727" s="259"/>
      <c r="AM727" s="259"/>
      <c r="AN727" s="259"/>
      <c r="AO727" s="259"/>
      <c r="AP727" s="259"/>
      <c r="AQ727" s="259"/>
      <c r="AR727" s="259"/>
      <c r="AS727" s="259"/>
      <c r="AT727" s="259"/>
      <c r="AU727" s="259"/>
      <c r="AV727" s="259"/>
      <c r="AW727" s="259"/>
      <c r="AX727" s="259"/>
      <c r="AY727" s="259"/>
      <c r="AZ727" s="259"/>
      <c r="BA727" s="259"/>
      <c r="BB727" s="259"/>
      <c r="BC727" s="259"/>
      <c r="BD727" s="259"/>
      <c r="BE727" s="259"/>
      <c r="BF727" s="259"/>
      <c r="BG727" s="259"/>
      <c r="BH727" s="259"/>
      <c r="BI727" s="259"/>
      <c r="BJ727" s="259"/>
      <c r="BK727" s="259"/>
      <c r="BL727" s="259"/>
      <c r="BM727" s="259"/>
      <c r="BN727" s="259"/>
      <c r="BO727" s="259"/>
      <c r="BP727" s="259"/>
      <c r="BQ727" s="259"/>
      <c r="BR727" s="259"/>
      <c r="BS727" s="259"/>
    </row>
    <row r="728" spans="1:71" s="95" customFormat="1" ht="70.150000000000006" customHeight="1">
      <c r="A728" s="186" t="s">
        <v>847</v>
      </c>
      <c r="B728" s="96"/>
      <c r="C728" s="301" t="s">
        <v>848</v>
      </c>
      <c r="D728" s="302"/>
      <c r="E728" s="302"/>
      <c r="F728" s="302"/>
      <c r="G728" s="302"/>
      <c r="H728" s="303"/>
      <c r="I728" s="98" t="s">
        <v>849</v>
      </c>
      <c r="J728" s="93">
        <f>IF(SUM(L728:BS728)=0,IF(COUNTIF(L728:BS728,"未確認")&gt;0,"未確認",IF(COUNTIF(L728:BS728,"~*")&gt;0,"*",SUM(L728:BS728))),SUM(L728:BS728))</f>
        <v>0</v>
      </c>
      <c r="K728" s="152" t="str">
        <f>IF(OR(COUNTIF(L728:BS728,"未確認")&gt;0,COUNTIF(L728:BS728,"*")&gt;0),"※","")</f>
        <v/>
      </c>
      <c r="L728" s="94">
        <v>0</v>
      </c>
      <c r="M728" s="259">
        <v>0</v>
      </c>
      <c r="N728" s="259">
        <v>0</v>
      </c>
      <c r="O728" s="259">
        <v>0</v>
      </c>
      <c r="P728" s="259">
        <v>0</v>
      </c>
      <c r="Q728" s="259"/>
      <c r="R728" s="259"/>
      <c r="S728" s="259"/>
      <c r="T728" s="259"/>
      <c r="U728" s="259"/>
      <c r="V728" s="259"/>
      <c r="W728" s="259"/>
      <c r="X728" s="259"/>
      <c r="Y728" s="259"/>
      <c r="Z728" s="259"/>
      <c r="AA728" s="259"/>
      <c r="AB728" s="259"/>
      <c r="AC728" s="259"/>
      <c r="AD728" s="259"/>
      <c r="AE728" s="259"/>
      <c r="AF728" s="259"/>
      <c r="AG728" s="259"/>
      <c r="AH728" s="259"/>
      <c r="AI728" s="259"/>
      <c r="AJ728" s="259"/>
      <c r="AK728" s="259"/>
      <c r="AL728" s="259"/>
      <c r="AM728" s="259"/>
      <c r="AN728" s="259"/>
      <c r="AO728" s="259"/>
      <c r="AP728" s="259"/>
      <c r="AQ728" s="259"/>
      <c r="AR728" s="259"/>
      <c r="AS728" s="259"/>
      <c r="AT728" s="259"/>
      <c r="AU728" s="259"/>
      <c r="AV728" s="259"/>
      <c r="AW728" s="259"/>
      <c r="AX728" s="259"/>
      <c r="AY728" s="259"/>
      <c r="AZ728" s="259"/>
      <c r="BA728" s="259"/>
      <c r="BB728" s="259"/>
      <c r="BC728" s="259"/>
      <c r="BD728" s="259"/>
      <c r="BE728" s="259"/>
      <c r="BF728" s="259"/>
      <c r="BG728" s="259"/>
      <c r="BH728" s="259"/>
      <c r="BI728" s="259"/>
      <c r="BJ728" s="259"/>
      <c r="BK728" s="259"/>
      <c r="BL728" s="259"/>
      <c r="BM728" s="259"/>
      <c r="BN728" s="259"/>
      <c r="BO728" s="259"/>
      <c r="BP728" s="259"/>
      <c r="BQ728" s="259"/>
      <c r="BR728" s="259"/>
      <c r="BS728" s="259"/>
    </row>
    <row r="729" spans="1:71" s="95" customFormat="1" ht="70.150000000000006" customHeight="1">
      <c r="A729" s="186" t="s">
        <v>850</v>
      </c>
      <c r="B729" s="96"/>
      <c r="C729" s="301" t="s">
        <v>851</v>
      </c>
      <c r="D729" s="302"/>
      <c r="E729" s="302"/>
      <c r="F729" s="302"/>
      <c r="G729" s="302"/>
      <c r="H729" s="303"/>
      <c r="I729" s="98" t="s">
        <v>852</v>
      </c>
      <c r="J729" s="93">
        <f>IF(SUM(L729:BS729)=0,IF(COUNTIF(L729:BS729,"未確認")&gt;0,"未確認",IF(COUNTIF(L729:BS729,"~*")&gt;0,"*",SUM(L729:BS729))),SUM(L729:BS729))</f>
        <v>0</v>
      </c>
      <c r="K729" s="152" t="str">
        <f>IF(OR(COUNTIF(L729:BS729,"未確認")&gt;0,COUNTIF(L729:BS729,"*")&gt;0),"※","")</f>
        <v/>
      </c>
      <c r="L729" s="94">
        <v>0</v>
      </c>
      <c r="M729" s="259">
        <v>0</v>
      </c>
      <c r="N729" s="259">
        <v>0</v>
      </c>
      <c r="O729" s="259">
        <v>0</v>
      </c>
      <c r="P729" s="259">
        <v>0</v>
      </c>
      <c r="Q729" s="259"/>
      <c r="R729" s="259"/>
      <c r="S729" s="259"/>
      <c r="T729" s="259"/>
      <c r="U729" s="259"/>
      <c r="V729" s="259"/>
      <c r="W729" s="259"/>
      <c r="X729" s="259"/>
      <c r="Y729" s="259"/>
      <c r="Z729" s="259"/>
      <c r="AA729" s="259"/>
      <c r="AB729" s="259"/>
      <c r="AC729" s="259"/>
      <c r="AD729" s="259"/>
      <c r="AE729" s="259"/>
      <c r="AF729" s="259"/>
      <c r="AG729" s="259"/>
      <c r="AH729" s="259"/>
      <c r="AI729" s="259"/>
      <c r="AJ729" s="259"/>
      <c r="AK729" s="259"/>
      <c r="AL729" s="259"/>
      <c r="AM729" s="259"/>
      <c r="AN729" s="259"/>
      <c r="AO729" s="259"/>
      <c r="AP729" s="259"/>
      <c r="AQ729" s="259"/>
      <c r="AR729" s="259"/>
      <c r="AS729" s="259"/>
      <c r="AT729" s="259"/>
      <c r="AU729" s="259"/>
      <c r="AV729" s="259"/>
      <c r="AW729" s="259"/>
      <c r="AX729" s="259"/>
      <c r="AY729" s="259"/>
      <c r="AZ729" s="259"/>
      <c r="BA729" s="259"/>
      <c r="BB729" s="259"/>
      <c r="BC729" s="259"/>
      <c r="BD729" s="259"/>
      <c r="BE729" s="259"/>
      <c r="BF729" s="259"/>
      <c r="BG729" s="259"/>
      <c r="BH729" s="259"/>
      <c r="BI729" s="259"/>
      <c r="BJ729" s="259"/>
      <c r="BK729" s="259"/>
      <c r="BL729" s="259"/>
      <c r="BM729" s="259"/>
      <c r="BN729" s="259"/>
      <c r="BO729" s="259"/>
      <c r="BP729" s="259"/>
      <c r="BQ729" s="259"/>
      <c r="BR729" s="259"/>
      <c r="BS729" s="259"/>
    </row>
    <row r="730" spans="1:71" s="74" customFormat="1">
      <c r="A730" s="178"/>
      <c r="B730" s="14"/>
      <c r="C730" s="14"/>
      <c r="D730" s="14"/>
      <c r="E730" s="14"/>
      <c r="F730" s="14"/>
      <c r="G730" s="14"/>
      <c r="H730" s="10"/>
      <c r="I730" s="10"/>
      <c r="J730" s="71"/>
      <c r="K730" s="72"/>
      <c r="L730" s="73"/>
      <c r="M730" s="73"/>
      <c r="N730" s="73"/>
      <c r="O730" s="73"/>
      <c r="P730" s="73"/>
      <c r="Q730" s="73"/>
      <c r="R730" s="73"/>
      <c r="S730" s="73"/>
      <c r="T730" s="73"/>
      <c r="U730" s="73"/>
      <c r="V730" s="73"/>
    </row>
    <row r="731" spans="1:71" s="67" customFormat="1">
      <c r="A731" s="178"/>
      <c r="B731" s="68"/>
      <c r="C731" s="52"/>
      <c r="D731" s="52"/>
      <c r="E731" s="52"/>
      <c r="F731" s="52"/>
      <c r="G731" s="52"/>
      <c r="H731" s="75"/>
      <c r="I731" s="75"/>
      <c r="J731" s="71"/>
      <c r="K731" s="72"/>
      <c r="L731" s="73"/>
      <c r="M731" s="73"/>
      <c r="N731" s="73"/>
      <c r="O731" s="73"/>
      <c r="P731" s="73"/>
      <c r="Q731" s="73"/>
      <c r="R731" s="73"/>
      <c r="S731" s="73"/>
      <c r="T731" s="73"/>
      <c r="U731" s="73"/>
      <c r="V731" s="73"/>
    </row>
    <row r="732" spans="1:71" s="67" customFormat="1">
      <c r="A732" s="178"/>
      <c r="B732" s="96"/>
      <c r="C732" s="96"/>
      <c r="D732" s="52"/>
      <c r="E732" s="52"/>
      <c r="F732" s="52"/>
      <c r="G732" s="52"/>
      <c r="H732" s="75"/>
      <c r="I732" s="120" t="s">
        <v>288</v>
      </c>
      <c r="J732" s="71"/>
      <c r="K732" s="72"/>
      <c r="L732" s="73"/>
      <c r="M732" s="73"/>
      <c r="N732" s="73"/>
      <c r="O732" s="73"/>
      <c r="P732" s="73"/>
      <c r="Q732" s="73"/>
      <c r="R732" s="73"/>
      <c r="S732" s="73"/>
      <c r="T732" s="73"/>
      <c r="U732" s="73"/>
      <c r="V732" s="73"/>
    </row>
    <row r="733" spans="1:71" s="74" customFormat="1">
      <c r="A733" s="178"/>
      <c r="B733" s="14"/>
      <c r="C733" s="14"/>
      <c r="D733" s="14"/>
      <c r="E733" s="14"/>
      <c r="F733" s="14"/>
      <c r="G733" s="14"/>
      <c r="H733" s="10"/>
      <c r="I733" s="10"/>
      <c r="J733" s="71"/>
      <c r="K733" s="72"/>
      <c r="L733" s="73"/>
      <c r="M733" s="73"/>
      <c r="N733" s="73"/>
      <c r="O733" s="73"/>
      <c r="P733" s="73"/>
      <c r="Q733" s="73"/>
      <c r="R733" s="73"/>
      <c r="S733" s="73"/>
      <c r="T733" s="73"/>
      <c r="U733" s="73"/>
      <c r="V733" s="73"/>
    </row>
    <row r="734" spans="1:71" s="67" customFormat="1">
      <c r="A734" s="178"/>
      <c r="B734" s="96"/>
      <c r="C734" s="96"/>
      <c r="D734" s="52"/>
      <c r="E734" s="52"/>
      <c r="F734" s="52"/>
      <c r="G734" s="52"/>
      <c r="H734" s="75"/>
      <c r="I734" s="75"/>
      <c r="J734" s="71"/>
      <c r="K734" s="72"/>
      <c r="L734" s="73"/>
      <c r="M734" s="73"/>
      <c r="N734" s="73"/>
      <c r="O734" s="73"/>
      <c r="P734" s="73"/>
      <c r="Q734" s="73"/>
      <c r="R734" s="73"/>
      <c r="S734" s="73"/>
      <c r="T734" s="73"/>
      <c r="U734" s="73"/>
      <c r="V734" s="73"/>
    </row>
    <row r="735" spans="1:71" s="95" customFormat="1">
      <c r="A735" s="187"/>
      <c r="B735" s="125"/>
      <c r="C735" s="2"/>
      <c r="D735" s="2"/>
      <c r="E735" s="3"/>
      <c r="F735" s="2"/>
      <c r="G735" s="2"/>
      <c r="H735" s="4"/>
      <c r="I735" s="4"/>
      <c r="J735" s="5"/>
      <c r="K735" s="6"/>
      <c r="L735" s="5"/>
      <c r="M735" s="5"/>
      <c r="N735" s="7"/>
      <c r="O735" s="7"/>
      <c r="P735" s="7"/>
      <c r="Q735" s="7"/>
      <c r="R735" s="7"/>
      <c r="S735" s="7"/>
      <c r="T735" s="7"/>
      <c r="U735" s="7"/>
      <c r="V735" s="7"/>
      <c r="W735" s="8"/>
    </row>
    <row r="736" spans="1:71" s="95" customFormat="1">
      <c r="A736" s="187"/>
      <c r="B736" s="125"/>
      <c r="C736" s="2"/>
      <c r="D736" s="2"/>
      <c r="E736" s="3"/>
      <c r="F736" s="2"/>
      <c r="G736" s="2"/>
      <c r="H736" s="4"/>
      <c r="I736" s="4"/>
      <c r="J736" s="5"/>
      <c r="K736" s="6"/>
      <c r="L736" s="5"/>
      <c r="M736" s="5"/>
      <c r="N736" s="7"/>
      <c r="O736" s="7"/>
      <c r="P736" s="7"/>
      <c r="Q736" s="7"/>
      <c r="R736" s="7"/>
      <c r="S736" s="7"/>
      <c r="T736" s="7"/>
      <c r="U736" s="7"/>
      <c r="V736" s="7"/>
      <c r="W736" s="8"/>
    </row>
    <row r="737" spans="1:23" s="95" customFormat="1">
      <c r="A737" s="187"/>
      <c r="B737" s="125"/>
      <c r="C737" s="2"/>
      <c r="D737" s="2"/>
      <c r="E737" s="3"/>
      <c r="F737" s="2"/>
      <c r="G737" s="2"/>
      <c r="H737" s="4"/>
      <c r="I737" s="4"/>
      <c r="J737" s="5"/>
      <c r="K737" s="6"/>
      <c r="L737" s="5"/>
      <c r="M737" s="5"/>
      <c r="N737" s="7"/>
      <c r="O737" s="7"/>
      <c r="P737" s="7"/>
      <c r="Q737" s="7"/>
      <c r="R737" s="7"/>
      <c r="S737" s="7"/>
      <c r="T737" s="7"/>
      <c r="U737" s="7"/>
      <c r="V737" s="7"/>
      <c r="W737" s="8"/>
    </row>
    <row r="738" spans="1:23" s="95" customFormat="1">
      <c r="A738" s="187"/>
      <c r="B738" s="125"/>
      <c r="C738" s="2"/>
      <c r="D738" s="2"/>
      <c r="E738" s="3"/>
      <c r="F738" s="2"/>
      <c r="G738" s="2"/>
      <c r="H738" s="4"/>
      <c r="I738" s="4"/>
      <c r="J738" s="5"/>
      <c r="K738" s="6"/>
      <c r="L738" s="5"/>
      <c r="M738" s="5"/>
      <c r="N738" s="7"/>
      <c r="O738" s="7"/>
      <c r="P738" s="7"/>
      <c r="Q738" s="7"/>
      <c r="R738" s="7"/>
      <c r="S738" s="7"/>
      <c r="T738" s="7"/>
      <c r="U738" s="7"/>
      <c r="V738" s="7"/>
      <c r="W738" s="8"/>
    </row>
    <row r="739" spans="1:23" s="95" customFormat="1">
      <c r="A739" s="187"/>
      <c r="B739" s="125"/>
      <c r="C739" s="2"/>
      <c r="D739" s="2"/>
      <c r="E739" s="3"/>
      <c r="F739" s="2"/>
      <c r="G739" s="2"/>
      <c r="H739" s="4"/>
      <c r="I739" s="4"/>
      <c r="J739" s="5"/>
      <c r="K739" s="6"/>
      <c r="L739" s="5"/>
      <c r="M739" s="5"/>
      <c r="N739" s="7"/>
      <c r="O739" s="7"/>
      <c r="P739" s="7"/>
      <c r="Q739" s="7"/>
      <c r="R739" s="7"/>
      <c r="S739" s="7"/>
      <c r="T739" s="7"/>
      <c r="U739" s="7"/>
      <c r="V739" s="7"/>
      <c r="W739" s="8"/>
    </row>
    <row r="740" spans="1:23" s="95" customFormat="1">
      <c r="A740" s="187"/>
      <c r="B740" s="8"/>
      <c r="C740" s="2"/>
      <c r="D740" s="2"/>
      <c r="E740" s="3"/>
      <c r="F740" s="2"/>
      <c r="G740" s="2"/>
      <c r="H740" s="4"/>
      <c r="I740" s="4"/>
      <c r="J740" s="5"/>
      <c r="K740" s="6"/>
      <c r="L740" s="5"/>
      <c r="M740" s="5"/>
      <c r="N740" s="7"/>
      <c r="O740" s="7"/>
      <c r="P740" s="7"/>
      <c r="Q740" s="7"/>
      <c r="R740" s="7"/>
      <c r="S740" s="7"/>
      <c r="T740" s="7"/>
      <c r="U740" s="7"/>
      <c r="V740" s="7"/>
      <c r="W740" s="8"/>
    </row>
    <row r="741" spans="1:23" s="95" customFormat="1">
      <c r="A741" s="187"/>
      <c r="B741" s="8"/>
      <c r="C741" s="2"/>
      <c r="D741" s="2"/>
      <c r="E741" s="3"/>
      <c r="F741" s="2"/>
      <c r="G741" s="2"/>
      <c r="H741" s="4"/>
      <c r="I741" s="4"/>
      <c r="J741" s="5"/>
      <c r="K741" s="6"/>
      <c r="L741" s="5"/>
      <c r="M741" s="5"/>
      <c r="N741" s="7"/>
      <c r="O741" s="7"/>
      <c r="P741" s="7"/>
      <c r="Q741" s="7"/>
      <c r="R741" s="7"/>
      <c r="S741" s="7"/>
      <c r="T741" s="7"/>
      <c r="U741" s="7"/>
      <c r="V741" s="7"/>
      <c r="W741" s="8"/>
    </row>
    <row r="742" spans="1:23" s="95" customFormat="1">
      <c r="A742" s="187"/>
      <c r="B742" s="8"/>
      <c r="C742" s="2"/>
      <c r="D742" s="2"/>
      <c r="E742" s="3"/>
      <c r="F742" s="2"/>
      <c r="G742" s="2"/>
      <c r="H742" s="4"/>
      <c r="I742" s="4"/>
      <c r="J742" s="5"/>
      <c r="K742" s="6"/>
      <c r="L742" s="5"/>
      <c r="M742" s="5"/>
      <c r="N742" s="7"/>
      <c r="O742" s="7"/>
      <c r="P742" s="7"/>
      <c r="Q742" s="7"/>
      <c r="R742" s="7"/>
      <c r="S742" s="7"/>
      <c r="T742" s="7"/>
      <c r="U742" s="7"/>
      <c r="V742" s="7"/>
      <c r="W742" s="8"/>
    </row>
  </sheetData>
  <mergeCells count="552">
    <mergeCell ref="C178:H178"/>
    <mergeCell ref="C179:H179"/>
    <mergeCell ref="I488:I500"/>
    <mergeCell ref="C514:H514"/>
    <mergeCell ref="E497:H497"/>
    <mergeCell ref="E498:H498"/>
    <mergeCell ref="E499:H499"/>
    <mergeCell ref="E500:H500"/>
    <mergeCell ref="C501:H501"/>
    <mergeCell ref="C502:H502"/>
    <mergeCell ref="C503:H503"/>
    <mergeCell ref="C510:F510"/>
    <mergeCell ref="C511:H511"/>
    <mergeCell ref="C512:H512"/>
    <mergeCell ref="C513:H513"/>
    <mergeCell ref="J588:K588"/>
    <mergeCell ref="J589:K589"/>
    <mergeCell ref="J590:K590"/>
    <mergeCell ref="J591:K591"/>
    <mergeCell ref="J585:K585"/>
    <mergeCell ref="J586:K586"/>
    <mergeCell ref="J587:K587"/>
    <mergeCell ref="J580:K580"/>
    <mergeCell ref="J581:K581"/>
    <mergeCell ref="J582:K582"/>
    <mergeCell ref="J583:K583"/>
    <mergeCell ref="J584:K584"/>
    <mergeCell ref="J571:K571"/>
    <mergeCell ref="J572:K572"/>
    <mergeCell ref="J573:K573"/>
    <mergeCell ref="J574:K574"/>
    <mergeCell ref="J575:K575"/>
    <mergeCell ref="J576:K576"/>
    <mergeCell ref="J577:K577"/>
    <mergeCell ref="J578:K578"/>
    <mergeCell ref="J579:K579"/>
    <mergeCell ref="C665:H665"/>
    <mergeCell ref="C667:H667"/>
    <mergeCell ref="C668:H668"/>
    <mergeCell ref="C666:H666"/>
    <mergeCell ref="I693:I696"/>
    <mergeCell ref="I685:I692"/>
    <mergeCell ref="J694:K694"/>
    <mergeCell ref="J695:K695"/>
    <mergeCell ref="J696:K696"/>
    <mergeCell ref="I680:I684"/>
    <mergeCell ref="C630:H630"/>
    <mergeCell ref="C631:H631"/>
    <mergeCell ref="C632:H632"/>
    <mergeCell ref="C633:H633"/>
    <mergeCell ref="C641:H641"/>
    <mergeCell ref="E661:H661"/>
    <mergeCell ref="C643:H643"/>
    <mergeCell ref="C656:H656"/>
    <mergeCell ref="E657:H657"/>
    <mergeCell ref="E658:H658"/>
    <mergeCell ref="E659:H659"/>
    <mergeCell ref="E660:H660"/>
    <mergeCell ref="I55:K55"/>
    <mergeCell ref="I56:K56"/>
    <mergeCell ref="I31:K31"/>
    <mergeCell ref="I33:K33"/>
    <mergeCell ref="I34:K34"/>
    <mergeCell ref="I32:K32"/>
    <mergeCell ref="E692:H692"/>
    <mergeCell ref="E681:H681"/>
    <mergeCell ref="E684:F684"/>
    <mergeCell ref="C685:H685"/>
    <mergeCell ref="E686:H686"/>
    <mergeCell ref="C669:H669"/>
    <mergeCell ref="C670:H670"/>
    <mergeCell ref="C677:H677"/>
    <mergeCell ref="C678:H678"/>
    <mergeCell ref="C679:H679"/>
    <mergeCell ref="G682:H682"/>
    <mergeCell ref="G683:H683"/>
    <mergeCell ref="C687:H687"/>
    <mergeCell ref="C689:H689"/>
    <mergeCell ref="C691:H691"/>
    <mergeCell ref="E688:H688"/>
    <mergeCell ref="E690:H690"/>
    <mergeCell ref="C680:H680"/>
    <mergeCell ref="C608:H608"/>
    <mergeCell ref="C609:H609"/>
    <mergeCell ref="C610:H610"/>
    <mergeCell ref="C515:H515"/>
    <mergeCell ref="C516:H516"/>
    <mergeCell ref="C517:H517"/>
    <mergeCell ref="C518:H518"/>
    <mergeCell ref="C522:F522"/>
    <mergeCell ref="C523:H523"/>
    <mergeCell ref="C524:H524"/>
    <mergeCell ref="C614:H614"/>
    <mergeCell ref="C622:H622"/>
    <mergeCell ref="C623:H623"/>
    <mergeCell ref="C627:H627"/>
    <mergeCell ref="C629:H629"/>
    <mergeCell ref="C624:H624"/>
    <mergeCell ref="C625:H625"/>
    <mergeCell ref="C628:H628"/>
    <mergeCell ref="I622:I624"/>
    <mergeCell ref="C626:H626"/>
    <mergeCell ref="I625:I626"/>
    <mergeCell ref="C728:H728"/>
    <mergeCell ref="C729:H729"/>
    <mergeCell ref="C715:H715"/>
    <mergeCell ref="C716:H716"/>
    <mergeCell ref="C717:H717"/>
    <mergeCell ref="C726:H726"/>
    <mergeCell ref="C727:H727"/>
    <mergeCell ref="C642:H642"/>
    <mergeCell ref="C644:H644"/>
    <mergeCell ref="C645:H645"/>
    <mergeCell ref="C693:H693"/>
    <mergeCell ref="C704:H704"/>
    <mergeCell ref="C705:H705"/>
    <mergeCell ref="C706:H706"/>
    <mergeCell ref="C714:H714"/>
    <mergeCell ref="C695:H695"/>
    <mergeCell ref="C696:H696"/>
    <mergeCell ref="C694:H694"/>
    <mergeCell ref="C646:H646"/>
    <mergeCell ref="C647:H647"/>
    <mergeCell ref="C648:H648"/>
    <mergeCell ref="E662:H662"/>
    <mergeCell ref="E663:H663"/>
    <mergeCell ref="E664:H664"/>
    <mergeCell ref="C611:H611"/>
    <mergeCell ref="C612:H612"/>
    <mergeCell ref="C613:H613"/>
    <mergeCell ref="C606:H606"/>
    <mergeCell ref="I606:I607"/>
    <mergeCell ref="E607:H607"/>
    <mergeCell ref="D589:H589"/>
    <mergeCell ref="D590:H590"/>
    <mergeCell ref="C599:H599"/>
    <mergeCell ref="C600:H600"/>
    <mergeCell ref="I571:I591"/>
    <mergeCell ref="C585:H585"/>
    <mergeCell ref="D586:H586"/>
    <mergeCell ref="D587:H587"/>
    <mergeCell ref="D588:H588"/>
    <mergeCell ref="C578:H578"/>
    <mergeCell ref="D579:H579"/>
    <mergeCell ref="D580:H580"/>
    <mergeCell ref="D581:H581"/>
    <mergeCell ref="C602:H602"/>
    <mergeCell ref="C603:H603"/>
    <mergeCell ref="C604:H604"/>
    <mergeCell ref="I604:I605"/>
    <mergeCell ref="E605:H605"/>
    <mergeCell ref="D591:H591"/>
    <mergeCell ref="D577:H577"/>
    <mergeCell ref="C565:H565"/>
    <mergeCell ref="C566:H566"/>
    <mergeCell ref="C571:H571"/>
    <mergeCell ref="D572:H572"/>
    <mergeCell ref="D573:H573"/>
    <mergeCell ref="D574:H574"/>
    <mergeCell ref="D575:H575"/>
    <mergeCell ref="D576:H576"/>
    <mergeCell ref="C570:H570"/>
    <mergeCell ref="D582:H582"/>
    <mergeCell ref="D583:H583"/>
    <mergeCell ref="D584:H584"/>
    <mergeCell ref="C561:H561"/>
    <mergeCell ref="C562:H562"/>
    <mergeCell ref="C563:H563"/>
    <mergeCell ref="C564:H564"/>
    <mergeCell ref="C546:H546"/>
    <mergeCell ref="C554:H554"/>
    <mergeCell ref="C555:H555"/>
    <mergeCell ref="C556:H556"/>
    <mergeCell ref="C557:H557"/>
    <mergeCell ref="C558:H558"/>
    <mergeCell ref="C539:F539"/>
    <mergeCell ref="C544:H544"/>
    <mergeCell ref="I542:I544"/>
    <mergeCell ref="C559:H559"/>
    <mergeCell ref="C560:H560"/>
    <mergeCell ref="C525:H525"/>
    <mergeCell ref="C529:F529"/>
    <mergeCell ref="C530:H530"/>
    <mergeCell ref="C534:F534"/>
    <mergeCell ref="C535:H535"/>
    <mergeCell ref="C540:H540"/>
    <mergeCell ref="C541:H541"/>
    <mergeCell ref="C542:H542"/>
    <mergeCell ref="C543:H543"/>
    <mergeCell ref="C545:H545"/>
    <mergeCell ref="E485:H485"/>
    <mergeCell ref="E486:H486"/>
    <mergeCell ref="E477:H477"/>
    <mergeCell ref="E478:H478"/>
    <mergeCell ref="E479:H479"/>
    <mergeCell ref="E480:H480"/>
    <mergeCell ref="E481:H481"/>
    <mergeCell ref="E487:H487"/>
    <mergeCell ref="D489:D500"/>
    <mergeCell ref="E489:H489"/>
    <mergeCell ref="E490:H490"/>
    <mergeCell ref="E491:H491"/>
    <mergeCell ref="E492:H492"/>
    <mergeCell ref="E493:H493"/>
    <mergeCell ref="E494:H494"/>
    <mergeCell ref="E495:H495"/>
    <mergeCell ref="E496:H496"/>
    <mergeCell ref="C488:H488"/>
    <mergeCell ref="I367:I372"/>
    <mergeCell ref="E368:H368"/>
    <mergeCell ref="E369:H369"/>
    <mergeCell ref="C370:H370"/>
    <mergeCell ref="E371:H371"/>
    <mergeCell ref="E372:H372"/>
    <mergeCell ref="C354:H354"/>
    <mergeCell ref="I354:I358"/>
    <mergeCell ref="C475:H475"/>
    <mergeCell ref="I475:I487"/>
    <mergeCell ref="D476:D487"/>
    <mergeCell ref="E476:H476"/>
    <mergeCell ref="C467:H467"/>
    <mergeCell ref="C463:H463"/>
    <mergeCell ref="C464:H464"/>
    <mergeCell ref="C465:H465"/>
    <mergeCell ref="C442:H442"/>
    <mergeCell ref="C431:H431"/>
    <mergeCell ref="C432:H432"/>
    <mergeCell ref="C433:H433"/>
    <mergeCell ref="E482:H482"/>
    <mergeCell ref="E483:H483"/>
    <mergeCell ref="E484:H484"/>
    <mergeCell ref="C466:H466"/>
    <mergeCell ref="C233:F234"/>
    <mergeCell ref="G233:H233"/>
    <mergeCell ref="G234:H234"/>
    <mergeCell ref="C239:F240"/>
    <mergeCell ref="G239:H239"/>
    <mergeCell ref="G240:H240"/>
    <mergeCell ref="C367:H367"/>
    <mergeCell ref="E356:H356"/>
    <mergeCell ref="E357:H357"/>
    <mergeCell ref="E355:H355"/>
    <mergeCell ref="E358:H358"/>
    <mergeCell ref="C329:C346"/>
    <mergeCell ref="D329:H329"/>
    <mergeCell ref="C316:C321"/>
    <mergeCell ref="D316:H316"/>
    <mergeCell ref="E344:H344"/>
    <mergeCell ref="C461:H461"/>
    <mergeCell ref="C462:H462"/>
    <mergeCell ref="E345:H345"/>
    <mergeCell ref="E346:H346"/>
    <mergeCell ref="E343:H343"/>
    <mergeCell ref="I316:I321"/>
    <mergeCell ref="D317:D319"/>
    <mergeCell ref="G251:G252"/>
    <mergeCell ref="G253:G254"/>
    <mergeCell ref="G255:G256"/>
    <mergeCell ref="G257:G258"/>
    <mergeCell ref="C293:H297"/>
    <mergeCell ref="I293:I297"/>
    <mergeCell ref="E276:H276"/>
    <mergeCell ref="I268:I271"/>
    <mergeCell ref="G269:H269"/>
    <mergeCell ref="G270:H270"/>
    <mergeCell ref="E275:H275"/>
    <mergeCell ref="I272:I274"/>
    <mergeCell ref="E273:H273"/>
    <mergeCell ref="E268:F270"/>
    <mergeCell ref="G268:H268"/>
    <mergeCell ref="E271:H271"/>
    <mergeCell ref="E317:H317"/>
    <mergeCell ref="E318:H318"/>
    <mergeCell ref="E319:H319"/>
    <mergeCell ref="D320:H320"/>
    <mergeCell ref="D321:H321"/>
    <mergeCell ref="I276:I277"/>
    <mergeCell ref="E277:H277"/>
    <mergeCell ref="E284:H284"/>
    <mergeCell ref="G231:H231"/>
    <mergeCell ref="I248:I260"/>
    <mergeCell ref="C249:F260"/>
    <mergeCell ref="G249:G250"/>
    <mergeCell ref="E282:H282"/>
    <mergeCell ref="E283:H283"/>
    <mergeCell ref="C272:D274"/>
    <mergeCell ref="E272:H272"/>
    <mergeCell ref="I329:I346"/>
    <mergeCell ref="D330:D336"/>
    <mergeCell ref="E330:H330"/>
    <mergeCell ref="E331:H331"/>
    <mergeCell ref="E332:H332"/>
    <mergeCell ref="E333:H333"/>
    <mergeCell ref="E335:H335"/>
    <mergeCell ref="E336:H336"/>
    <mergeCell ref="D337:H337"/>
    <mergeCell ref="D338:D346"/>
    <mergeCell ref="E338:H338"/>
    <mergeCell ref="E339:H339"/>
    <mergeCell ref="E340:H340"/>
    <mergeCell ref="E341:H341"/>
    <mergeCell ref="E342:H342"/>
    <mergeCell ref="E334:H334"/>
    <mergeCell ref="I221:I240"/>
    <mergeCell ref="G222:H222"/>
    <mergeCell ref="C223:F224"/>
    <mergeCell ref="G223:H223"/>
    <mergeCell ref="G224:H224"/>
    <mergeCell ref="C225:F226"/>
    <mergeCell ref="G225:H225"/>
    <mergeCell ref="C235:F236"/>
    <mergeCell ref="G235:H235"/>
    <mergeCell ref="G236:H236"/>
    <mergeCell ref="C237:F238"/>
    <mergeCell ref="G237:H237"/>
    <mergeCell ref="G238:H238"/>
    <mergeCell ref="C231:F232"/>
    <mergeCell ref="C227:F228"/>
    <mergeCell ref="G227:H227"/>
    <mergeCell ref="G226:H226"/>
    <mergeCell ref="G205:H205"/>
    <mergeCell ref="G206:H206"/>
    <mergeCell ref="C201:F202"/>
    <mergeCell ref="G201:H201"/>
    <mergeCell ref="G202:H202"/>
    <mergeCell ref="C203:F204"/>
    <mergeCell ref="G203:H203"/>
    <mergeCell ref="G204:H204"/>
    <mergeCell ref="G228:H228"/>
    <mergeCell ref="G215:H215"/>
    <mergeCell ref="G216:H216"/>
    <mergeCell ref="C209:F210"/>
    <mergeCell ref="G209:H209"/>
    <mergeCell ref="G210:H210"/>
    <mergeCell ref="C211:F212"/>
    <mergeCell ref="G211:H211"/>
    <mergeCell ref="G212:H212"/>
    <mergeCell ref="C221:F222"/>
    <mergeCell ref="G221:H221"/>
    <mergeCell ref="C193:F194"/>
    <mergeCell ref="G193:H193"/>
    <mergeCell ref="G194:H194"/>
    <mergeCell ref="C458:H458"/>
    <mergeCell ref="C459:H459"/>
    <mergeCell ref="C460:H460"/>
    <mergeCell ref="C443:H443"/>
    <mergeCell ref="C444:H444"/>
    <mergeCell ref="C445:H445"/>
    <mergeCell ref="C446:H446"/>
    <mergeCell ref="C447:H447"/>
    <mergeCell ref="C448:H448"/>
    <mergeCell ref="C455:H455"/>
    <mergeCell ref="C456:H456"/>
    <mergeCell ref="C454:H454"/>
    <mergeCell ref="C457:H457"/>
    <mergeCell ref="C449:H449"/>
    <mergeCell ref="C450:H450"/>
    <mergeCell ref="C451:H451"/>
    <mergeCell ref="C452:H452"/>
    <mergeCell ref="C453:H453"/>
    <mergeCell ref="C195:F196"/>
    <mergeCell ref="G195:H195"/>
    <mergeCell ref="C205:F206"/>
    <mergeCell ref="C437:H437"/>
    <mergeCell ref="C438:H438"/>
    <mergeCell ref="C439:H439"/>
    <mergeCell ref="C440:H440"/>
    <mergeCell ref="C441:H441"/>
    <mergeCell ref="C430:H430"/>
    <mergeCell ref="I158:I160"/>
    <mergeCell ref="C159:H159"/>
    <mergeCell ref="C160:H160"/>
    <mergeCell ref="C168:H168"/>
    <mergeCell ref="G196:H196"/>
    <mergeCell ref="C197:F198"/>
    <mergeCell ref="G197:H197"/>
    <mergeCell ref="G198:H198"/>
    <mergeCell ref="C199:F200"/>
    <mergeCell ref="G199:H199"/>
    <mergeCell ref="G200:H200"/>
    <mergeCell ref="I189:I216"/>
    <mergeCell ref="G190:H190"/>
    <mergeCell ref="C189:F190"/>
    <mergeCell ref="G189:H189"/>
    <mergeCell ref="C191:F192"/>
    <mergeCell ref="G191:H191"/>
    <mergeCell ref="G192:H192"/>
    <mergeCell ref="C215:F216"/>
    <mergeCell ref="C392:H392"/>
    <mergeCell ref="C207:F208"/>
    <mergeCell ref="G207:H207"/>
    <mergeCell ref="C419:H419"/>
    <mergeCell ref="C420:H420"/>
    <mergeCell ref="C421:H421"/>
    <mergeCell ref="C422:H422"/>
    <mergeCell ref="C423:H423"/>
    <mergeCell ref="C229:F230"/>
    <mergeCell ref="G229:H229"/>
    <mergeCell ref="G230:H230"/>
    <mergeCell ref="G232:H232"/>
    <mergeCell ref="C248:H248"/>
    <mergeCell ref="E278:H278"/>
    <mergeCell ref="E279:H279"/>
    <mergeCell ref="G259:G260"/>
    <mergeCell ref="C268:D271"/>
    <mergeCell ref="E280:H280"/>
    <mergeCell ref="E281:H281"/>
    <mergeCell ref="E274:H274"/>
    <mergeCell ref="C275:D284"/>
    <mergeCell ref="C169:H169"/>
    <mergeCell ref="C177:H177"/>
    <mergeCell ref="C180:H180"/>
    <mergeCell ref="C181:H181"/>
    <mergeCell ref="C150:H150"/>
    <mergeCell ref="C158:H158"/>
    <mergeCell ref="C117:H117"/>
    <mergeCell ref="C125:H125"/>
    <mergeCell ref="C428:H428"/>
    <mergeCell ref="G208:H208"/>
    <mergeCell ref="C418:H418"/>
    <mergeCell ref="C405:H405"/>
    <mergeCell ref="C406:H406"/>
    <mergeCell ref="C408:H408"/>
    <mergeCell ref="C409:H409"/>
    <mergeCell ref="C410:H410"/>
    <mergeCell ref="C411:H411"/>
    <mergeCell ref="C407:H407"/>
    <mergeCell ref="C417:H417"/>
    <mergeCell ref="C415:H415"/>
    <mergeCell ref="C416:H416"/>
    <mergeCell ref="C213:F214"/>
    <mergeCell ref="G213:H213"/>
    <mergeCell ref="G214:H214"/>
    <mergeCell ref="I125:I128"/>
    <mergeCell ref="E126:H128"/>
    <mergeCell ref="C136:H136"/>
    <mergeCell ref="I136:I142"/>
    <mergeCell ref="E137:H137"/>
    <mergeCell ref="C138:H138"/>
    <mergeCell ref="E139:H139"/>
    <mergeCell ref="I104:I117"/>
    <mergeCell ref="E105:F105"/>
    <mergeCell ref="C140:H140"/>
    <mergeCell ref="E141:H141"/>
    <mergeCell ref="C142:H142"/>
    <mergeCell ref="G112:H112"/>
    <mergeCell ref="E113:F113"/>
    <mergeCell ref="G115:H115"/>
    <mergeCell ref="E116:F116"/>
    <mergeCell ref="G116:H116"/>
    <mergeCell ref="I392:I467"/>
    <mergeCell ref="C393:H393"/>
    <mergeCell ref="C394:H394"/>
    <mergeCell ref="C395:H395"/>
    <mergeCell ref="C396:H396"/>
    <mergeCell ref="C397:H397"/>
    <mergeCell ref="C402:H402"/>
    <mergeCell ref="C404:H404"/>
    <mergeCell ref="C403:H403"/>
    <mergeCell ref="C412:H412"/>
    <mergeCell ref="C413:H413"/>
    <mergeCell ref="C414:H414"/>
    <mergeCell ref="C398:H398"/>
    <mergeCell ref="C399:H399"/>
    <mergeCell ref="C400:H400"/>
    <mergeCell ref="C401:H401"/>
    <mergeCell ref="C429:H429"/>
    <mergeCell ref="C424:H424"/>
    <mergeCell ref="C425:H425"/>
    <mergeCell ref="C426:H426"/>
    <mergeCell ref="C427:H427"/>
    <mergeCell ref="C434:H434"/>
    <mergeCell ref="C435:H435"/>
    <mergeCell ref="C436:H436"/>
    <mergeCell ref="B4:D4"/>
    <mergeCell ref="I16:K16"/>
    <mergeCell ref="I17:K17"/>
    <mergeCell ref="I18:K18"/>
    <mergeCell ref="I19:K19"/>
    <mergeCell ref="I22:K22"/>
    <mergeCell ref="I9:K9"/>
    <mergeCell ref="I10:K10"/>
    <mergeCell ref="I11:K11"/>
    <mergeCell ref="I21:K21"/>
    <mergeCell ref="J76:N76"/>
    <mergeCell ref="C80:G80"/>
    <mergeCell ref="C83:G83"/>
    <mergeCell ref="C84:G84"/>
    <mergeCell ref="C85:G85"/>
    <mergeCell ref="J78:N78"/>
    <mergeCell ref="I20:K20"/>
    <mergeCell ref="I27:K27"/>
    <mergeCell ref="I28:K28"/>
    <mergeCell ref="I29:K29"/>
    <mergeCell ref="I57:K57"/>
    <mergeCell ref="I35:K35"/>
    <mergeCell ref="I30:K30"/>
    <mergeCell ref="I40:K40"/>
    <mergeCell ref="J83:N83"/>
    <mergeCell ref="J84:N84"/>
    <mergeCell ref="J85:N85"/>
    <mergeCell ref="I58:K58"/>
    <mergeCell ref="I49:K49"/>
    <mergeCell ref="I50:K50"/>
    <mergeCell ref="I51:K51"/>
    <mergeCell ref="I52:K52"/>
    <mergeCell ref="I53:K53"/>
    <mergeCell ref="I54:K54"/>
    <mergeCell ref="C104:D107"/>
    <mergeCell ref="E114:H114"/>
    <mergeCell ref="G113:H113"/>
    <mergeCell ref="C86:G86"/>
    <mergeCell ref="C78:G78"/>
    <mergeCell ref="J79:N79"/>
    <mergeCell ref="J80:N80"/>
    <mergeCell ref="J81:N81"/>
    <mergeCell ref="J82:N82"/>
    <mergeCell ref="J86:N86"/>
    <mergeCell ref="C79:G79"/>
    <mergeCell ref="E109:F109"/>
    <mergeCell ref="G109:H109"/>
    <mergeCell ref="E110:F110"/>
    <mergeCell ref="G110:H110"/>
    <mergeCell ref="E111:H111"/>
    <mergeCell ref="E112:F112"/>
    <mergeCell ref="G105:H105"/>
    <mergeCell ref="E106:H106"/>
    <mergeCell ref="E107:H107"/>
    <mergeCell ref="C601:H601"/>
    <mergeCell ref="C87:G87"/>
    <mergeCell ref="I41:K41"/>
    <mergeCell ref="I42:K42"/>
    <mergeCell ref="I43:K43"/>
    <mergeCell ref="I44:K44"/>
    <mergeCell ref="D65:L65"/>
    <mergeCell ref="D66:L66"/>
    <mergeCell ref="C81:G81"/>
    <mergeCell ref="H78:I78"/>
    <mergeCell ref="H79:I79"/>
    <mergeCell ref="H76:I76"/>
    <mergeCell ref="C82:G82"/>
    <mergeCell ref="E115:F115"/>
    <mergeCell ref="C77:G77"/>
    <mergeCell ref="D67:L67"/>
    <mergeCell ref="D68:L68"/>
    <mergeCell ref="D69:L69"/>
    <mergeCell ref="C76:G76"/>
    <mergeCell ref="H77:I77"/>
    <mergeCell ref="C96:H96"/>
    <mergeCell ref="E104:H104"/>
    <mergeCell ref="C108:D116"/>
    <mergeCell ref="E108:H108"/>
  </mergeCells>
  <phoneticPr fontId="3"/>
  <conditionalFormatting sqref="M10:M11">
    <cfRule type="expression" dxfId="12166" priority="17309">
      <formula>M$9&lt;&gt;""</formula>
    </cfRule>
    <cfRule type="expression" dxfId="12165" priority="17864">
      <formula>M$9=""</formula>
    </cfRule>
  </conditionalFormatting>
  <conditionalFormatting sqref="N10:N11">
    <cfRule type="expression" dxfId="12164" priority="17307">
      <formula>N$9&lt;&gt;""</formula>
    </cfRule>
    <cfRule type="expression" dxfId="12163" priority="17862">
      <formula>N$9=""</formula>
    </cfRule>
  </conditionalFormatting>
  <conditionalFormatting sqref="M17:M22">
    <cfRule type="expression" dxfId="12162" priority="16532">
      <formula>$M$16&lt;&gt;""</formula>
    </cfRule>
    <cfRule type="expression" dxfId="12161" priority="17855">
      <formula>$M$16=""</formula>
    </cfRule>
  </conditionalFormatting>
  <conditionalFormatting sqref="N17:N22">
    <cfRule type="expression" dxfId="12160" priority="16531">
      <formula>N$16&lt;&gt;""</formula>
    </cfRule>
    <cfRule type="expression" dxfId="12159" priority="17854">
      <formula>N$16=""</formula>
    </cfRule>
  </conditionalFormatting>
  <conditionalFormatting sqref="M28:M35">
    <cfRule type="expression" dxfId="12158" priority="16188">
      <formula>$M$27&lt;&gt;""</formula>
    </cfRule>
    <cfRule type="expression" dxfId="12157" priority="17734">
      <formula>$M$27=""</formula>
    </cfRule>
  </conditionalFormatting>
  <conditionalFormatting sqref="N28:N35">
    <cfRule type="expression" dxfId="12156" priority="15996">
      <formula>N$27&lt;&gt;""</formula>
    </cfRule>
    <cfRule type="expression" dxfId="12155" priority="17733">
      <formula>N$27=""</formula>
    </cfRule>
  </conditionalFormatting>
  <conditionalFormatting sqref="M41:M44">
    <cfRule type="expression" dxfId="12154" priority="15699">
      <formula>$M$40&lt;&gt;""</formula>
    </cfRule>
    <cfRule type="expression" dxfId="12153" priority="17673">
      <formula>$M$40=""</formula>
    </cfRule>
  </conditionalFormatting>
  <conditionalFormatting sqref="N41:N44">
    <cfRule type="expression" dxfId="12152" priority="15698">
      <formula>N$40&lt;&gt;""</formula>
    </cfRule>
    <cfRule type="expression" dxfId="12151" priority="17672">
      <formula>N$40=""</formula>
    </cfRule>
  </conditionalFormatting>
  <conditionalFormatting sqref="M50:M58">
    <cfRule type="expression" dxfId="12150" priority="15401">
      <formula>$M$49&lt;&gt;""</formula>
    </cfRule>
    <cfRule type="expression" dxfId="12149" priority="17612">
      <formula>$M$49=""</formula>
    </cfRule>
  </conditionalFormatting>
  <conditionalFormatting sqref="N50:N58">
    <cfRule type="expression" dxfId="12148" priority="15400">
      <formula>N$49&lt;&gt;""</formula>
    </cfRule>
    <cfRule type="expression" dxfId="12147" priority="17611">
      <formula>N$49=""</formula>
    </cfRule>
  </conditionalFormatting>
  <conditionalFormatting sqref="O10:O11">
    <cfRule type="expression" dxfId="12146" priority="17305">
      <formula>O$9&lt;&gt;""</formula>
    </cfRule>
    <cfRule type="expression" dxfId="12145" priority="17306">
      <formula>O$9=""</formula>
    </cfRule>
  </conditionalFormatting>
  <conditionalFormatting sqref="P10:P11">
    <cfRule type="expression" dxfId="12144" priority="17295">
      <formula>P$9&lt;&gt;""</formula>
    </cfRule>
    <cfRule type="expression" dxfId="12143" priority="17296">
      <formula>P$9=""</formula>
    </cfRule>
  </conditionalFormatting>
  <conditionalFormatting sqref="Q10:Q11">
    <cfRule type="expression" dxfId="12142" priority="17293">
      <formula>Q$9&lt;&gt;""</formula>
    </cfRule>
    <cfRule type="expression" dxfId="12141" priority="17294">
      <formula>Q$9=""</formula>
    </cfRule>
  </conditionalFormatting>
  <conditionalFormatting sqref="R10:R11">
    <cfRule type="expression" dxfId="12140" priority="17291">
      <formula>R$9&lt;&gt;""</formula>
    </cfRule>
    <cfRule type="expression" dxfId="12139" priority="17292">
      <formula>R$9=""</formula>
    </cfRule>
  </conditionalFormatting>
  <conditionalFormatting sqref="S10:S11">
    <cfRule type="expression" dxfId="12138" priority="17289">
      <formula>S$9&lt;&gt;""</formula>
    </cfRule>
    <cfRule type="expression" dxfId="12137" priority="17290">
      <formula>S$9=""</formula>
    </cfRule>
  </conditionalFormatting>
  <conditionalFormatting sqref="T10:T11">
    <cfRule type="expression" dxfId="12136" priority="17287">
      <formula>T$9&lt;&gt;""</formula>
    </cfRule>
    <cfRule type="expression" dxfId="12135" priority="17288">
      <formula>T$9=""</formula>
    </cfRule>
  </conditionalFormatting>
  <conditionalFormatting sqref="U10:U11">
    <cfRule type="expression" dxfId="12134" priority="17285">
      <formula>U$9&lt;&gt;""</formula>
    </cfRule>
    <cfRule type="expression" dxfId="12133" priority="17286">
      <formula>U$9=""</formula>
    </cfRule>
  </conditionalFormatting>
  <conditionalFormatting sqref="V10:V11">
    <cfRule type="expression" dxfId="12132" priority="17283">
      <formula>V$9&lt;&gt;""</formula>
    </cfRule>
    <cfRule type="expression" dxfId="12131" priority="17284">
      <formula>V$9=""</formula>
    </cfRule>
  </conditionalFormatting>
  <conditionalFormatting sqref="W10:W11">
    <cfRule type="expression" dxfId="12130" priority="17281">
      <formula>W$9&lt;&gt;""</formula>
    </cfRule>
    <cfRule type="expression" dxfId="12129" priority="17282">
      <formula>W$9=""</formula>
    </cfRule>
  </conditionalFormatting>
  <conditionalFormatting sqref="X10:X11">
    <cfRule type="expression" dxfId="12128" priority="17279">
      <formula>X$9&lt;&gt;""</formula>
    </cfRule>
    <cfRule type="expression" dxfId="12127" priority="17280">
      <formula>X$9=""</formula>
    </cfRule>
  </conditionalFormatting>
  <conditionalFormatting sqref="Y10:Y11">
    <cfRule type="expression" dxfId="12126" priority="17277">
      <formula>Y$9&lt;&gt;""</formula>
    </cfRule>
    <cfRule type="expression" dxfId="12125" priority="17278">
      <formula>Y$9=""</formula>
    </cfRule>
  </conditionalFormatting>
  <conditionalFormatting sqref="Z10:Z11">
    <cfRule type="expression" dxfId="12124" priority="17275">
      <formula>Z$9&lt;&gt;""</formula>
    </cfRule>
    <cfRule type="expression" dxfId="12123" priority="17276">
      <formula>Z$9=""</formula>
    </cfRule>
  </conditionalFormatting>
  <conditionalFormatting sqref="AA10:AA11">
    <cfRule type="expression" dxfId="12122" priority="17273">
      <formula>AA$9&lt;&gt;""</formula>
    </cfRule>
    <cfRule type="expression" dxfId="12121" priority="17274">
      <formula>AA$9=""</formula>
    </cfRule>
  </conditionalFormatting>
  <conditionalFormatting sqref="AB10:AB11">
    <cfRule type="expression" dxfId="12120" priority="17271">
      <formula>AB$9&lt;&gt;""</formula>
    </cfRule>
    <cfRule type="expression" dxfId="12119" priority="17272">
      <formula>AB$9=""</formula>
    </cfRule>
  </conditionalFormatting>
  <conditionalFormatting sqref="AC10:AC11">
    <cfRule type="expression" dxfId="12118" priority="17269">
      <formula>AC$9&lt;&gt;""</formula>
    </cfRule>
    <cfRule type="expression" dxfId="12117" priority="17270">
      <formula>AC$9=""</formula>
    </cfRule>
  </conditionalFormatting>
  <conditionalFormatting sqref="AD10:AD11">
    <cfRule type="expression" dxfId="12116" priority="17267">
      <formula>AD$9&lt;&gt;""</formula>
    </cfRule>
    <cfRule type="expression" dxfId="12115" priority="17268">
      <formula>AD$9=""</formula>
    </cfRule>
  </conditionalFormatting>
  <conditionalFormatting sqref="AE10:AE11">
    <cfRule type="expression" dxfId="12114" priority="17265">
      <formula>AE$9&lt;&gt;""</formula>
    </cfRule>
    <cfRule type="expression" dxfId="12113" priority="17266">
      <formula>AE$9=""</formula>
    </cfRule>
  </conditionalFormatting>
  <conditionalFormatting sqref="AF10:AF11">
    <cfRule type="expression" dxfId="12112" priority="17263">
      <formula>AF$9&lt;&gt;""</formula>
    </cfRule>
    <cfRule type="expression" dxfId="12111" priority="17264">
      <formula>AF$9=""</formula>
    </cfRule>
  </conditionalFormatting>
  <conditionalFormatting sqref="AG10:AG11">
    <cfRule type="expression" dxfId="12110" priority="17261">
      <formula>AG$9&lt;&gt;""</formula>
    </cfRule>
    <cfRule type="expression" dxfId="12109" priority="17262">
      <formula>AG$9=""</formula>
    </cfRule>
  </conditionalFormatting>
  <conditionalFormatting sqref="AH10:AH11">
    <cfRule type="expression" dxfId="12108" priority="17259">
      <formula>AH$9&lt;&gt;""</formula>
    </cfRule>
    <cfRule type="expression" dxfId="12107" priority="17260">
      <formula>AH$9=""</formula>
    </cfRule>
  </conditionalFormatting>
  <conditionalFormatting sqref="AI10:AI11">
    <cfRule type="expression" dxfId="12106" priority="17257">
      <formula>AI$9&lt;&gt;""</formula>
    </cfRule>
    <cfRule type="expression" dxfId="12105" priority="17258">
      <formula>AI$9=""</formula>
    </cfRule>
  </conditionalFormatting>
  <conditionalFormatting sqref="AJ10:AJ11">
    <cfRule type="expression" dxfId="12104" priority="17255">
      <formula>AJ$9&lt;&gt;""</formula>
    </cfRule>
    <cfRule type="expression" dxfId="12103" priority="17256">
      <formula>AJ$9=""</formula>
    </cfRule>
  </conditionalFormatting>
  <conditionalFormatting sqref="AK10:AK11">
    <cfRule type="expression" dxfId="12102" priority="17253">
      <formula>AK$9&lt;&gt;""</formula>
    </cfRule>
    <cfRule type="expression" dxfId="12101" priority="17254">
      <formula>AK$9=""</formula>
    </cfRule>
  </conditionalFormatting>
  <conditionalFormatting sqref="AL10:AL11">
    <cfRule type="expression" dxfId="12100" priority="17251">
      <formula>AL$9&lt;&gt;""</formula>
    </cfRule>
    <cfRule type="expression" dxfId="12099" priority="17252">
      <formula>AL$9=""</formula>
    </cfRule>
  </conditionalFormatting>
  <conditionalFormatting sqref="AM10:AM11">
    <cfRule type="expression" dxfId="12098" priority="17249">
      <formula>AM$9&lt;&gt;""</formula>
    </cfRule>
    <cfRule type="expression" dxfId="12097" priority="17250">
      <formula>AM$9=""</formula>
    </cfRule>
  </conditionalFormatting>
  <conditionalFormatting sqref="AN10:AN11">
    <cfRule type="expression" dxfId="12096" priority="17247">
      <formula>AN$9&lt;&gt;""</formula>
    </cfRule>
    <cfRule type="expression" dxfId="12095" priority="17248">
      <formula>AN$9=""</formula>
    </cfRule>
  </conditionalFormatting>
  <conditionalFormatting sqref="AO10:AO11">
    <cfRule type="expression" dxfId="12094" priority="17245">
      <formula>AO$9&lt;&gt;""</formula>
    </cfRule>
    <cfRule type="expression" dxfId="12093" priority="17246">
      <formula>AO$9=""</formula>
    </cfRule>
  </conditionalFormatting>
  <conditionalFormatting sqref="AP10:AP11">
    <cfRule type="expression" dxfId="12092" priority="17243">
      <formula>AP$9&lt;&gt;""</formula>
    </cfRule>
    <cfRule type="expression" dxfId="12091" priority="17244">
      <formula>AP$9=""</formula>
    </cfRule>
  </conditionalFormatting>
  <conditionalFormatting sqref="AQ10:AQ11">
    <cfRule type="expression" dxfId="12090" priority="17241">
      <formula>AQ$9&lt;&gt;""</formula>
    </cfRule>
    <cfRule type="expression" dxfId="12089" priority="17242">
      <formula>AQ$9=""</formula>
    </cfRule>
  </conditionalFormatting>
  <conditionalFormatting sqref="AR10:AR11">
    <cfRule type="expression" dxfId="12088" priority="17239">
      <formula>AR$9&lt;&gt;""</formula>
    </cfRule>
    <cfRule type="expression" dxfId="12087" priority="17240">
      <formula>AR$9=""</formula>
    </cfRule>
  </conditionalFormatting>
  <conditionalFormatting sqref="AS10:AS11">
    <cfRule type="expression" dxfId="12086" priority="17237">
      <formula>AS$9&lt;&gt;""</formula>
    </cfRule>
    <cfRule type="expression" dxfId="12085" priority="17238">
      <formula>AS$9=""</formula>
    </cfRule>
  </conditionalFormatting>
  <conditionalFormatting sqref="AT10:AT11">
    <cfRule type="expression" dxfId="12084" priority="17235">
      <formula>AT$9&lt;&gt;""</formula>
    </cfRule>
    <cfRule type="expression" dxfId="12083" priority="17236">
      <formula>AT$9=""</formula>
    </cfRule>
  </conditionalFormatting>
  <conditionalFormatting sqref="AU10:AU11">
    <cfRule type="expression" dxfId="12082" priority="17233">
      <formula>AU$9&lt;&gt;""</formula>
    </cfRule>
    <cfRule type="expression" dxfId="12081" priority="17234">
      <formula>AU$9=""</formula>
    </cfRule>
  </conditionalFormatting>
  <conditionalFormatting sqref="AV10:AV11">
    <cfRule type="expression" dxfId="12080" priority="17231">
      <formula>AV$9&lt;&gt;""</formula>
    </cfRule>
    <cfRule type="expression" dxfId="12079" priority="17232">
      <formula>AV$9=""</formula>
    </cfRule>
  </conditionalFormatting>
  <conditionalFormatting sqref="AW10:AW11">
    <cfRule type="expression" dxfId="12078" priority="17229">
      <formula>AW$9&lt;&gt;""</formula>
    </cfRule>
    <cfRule type="expression" dxfId="12077" priority="17230">
      <formula>AW$9=""</formula>
    </cfRule>
  </conditionalFormatting>
  <conditionalFormatting sqref="AX10:AX11">
    <cfRule type="expression" dxfId="12076" priority="17227">
      <formula>AX$9&lt;&gt;""</formula>
    </cfRule>
    <cfRule type="expression" dxfId="12075" priority="17228">
      <formula>AX$9=""</formula>
    </cfRule>
  </conditionalFormatting>
  <conditionalFormatting sqref="AY10:AY11">
    <cfRule type="expression" dxfId="12074" priority="17225">
      <formula>AY$9&lt;&gt;""</formula>
    </cfRule>
    <cfRule type="expression" dxfId="12073" priority="17226">
      <formula>AY$9=""</formula>
    </cfRule>
  </conditionalFormatting>
  <conditionalFormatting sqref="AZ10:AZ11">
    <cfRule type="expression" dxfId="12072" priority="17223">
      <formula>AZ$9&lt;&gt;""</formula>
    </cfRule>
    <cfRule type="expression" dxfId="12071" priority="17224">
      <formula>AZ$9=""</formula>
    </cfRule>
  </conditionalFormatting>
  <conditionalFormatting sqref="BA10:BA11">
    <cfRule type="expression" dxfId="12070" priority="17221">
      <formula>BA$9&lt;&gt;""</formula>
    </cfRule>
    <cfRule type="expression" dxfId="12069" priority="17222">
      <formula>BA$9=""</formula>
    </cfRule>
  </conditionalFormatting>
  <conditionalFormatting sqref="BB10:BB11">
    <cfRule type="expression" dxfId="12068" priority="17219">
      <formula>BB$9&lt;&gt;""</formula>
    </cfRule>
    <cfRule type="expression" dxfId="12067" priority="17220">
      <formula>BB$9=""</formula>
    </cfRule>
  </conditionalFormatting>
  <conditionalFormatting sqref="BC10:BC11">
    <cfRule type="expression" dxfId="12066" priority="17217">
      <formula>BC$9&lt;&gt;""</formula>
    </cfRule>
    <cfRule type="expression" dxfId="12065" priority="17218">
      <formula>BC$9=""</formula>
    </cfRule>
  </conditionalFormatting>
  <conditionalFormatting sqref="BD10:BD11">
    <cfRule type="expression" dxfId="12064" priority="17215">
      <formula>BD$9&lt;&gt;""</formula>
    </cfRule>
    <cfRule type="expression" dxfId="12063" priority="17216">
      <formula>BD$9=""</formula>
    </cfRule>
  </conditionalFormatting>
  <conditionalFormatting sqref="BE10:BE11">
    <cfRule type="expression" dxfId="12062" priority="17213">
      <formula>BE$9&lt;&gt;""</formula>
    </cfRule>
    <cfRule type="expression" dxfId="12061" priority="17214">
      <formula>BE$9=""</formula>
    </cfRule>
  </conditionalFormatting>
  <conditionalFormatting sqref="BF10:BF11">
    <cfRule type="expression" dxfId="12060" priority="17211">
      <formula>BF$9&lt;&gt;""</formula>
    </cfRule>
    <cfRule type="expression" dxfId="12059" priority="17212">
      <formula>BF$9=""</formula>
    </cfRule>
  </conditionalFormatting>
  <conditionalFormatting sqref="BG10:BG11">
    <cfRule type="expression" dxfId="12058" priority="17209">
      <formula>BG$9&lt;&gt;""</formula>
    </cfRule>
    <cfRule type="expression" dxfId="12057" priority="17210">
      <formula>BG$9=""</formula>
    </cfRule>
  </conditionalFormatting>
  <conditionalFormatting sqref="BH10:BH11">
    <cfRule type="expression" dxfId="12056" priority="17207">
      <formula>BH$9&lt;&gt;""</formula>
    </cfRule>
    <cfRule type="expression" dxfId="12055" priority="17208">
      <formula>BH$9=""</formula>
    </cfRule>
  </conditionalFormatting>
  <conditionalFormatting sqref="BI10:BI11">
    <cfRule type="expression" dxfId="12054" priority="17205">
      <formula>BI$9&lt;&gt;""</formula>
    </cfRule>
    <cfRule type="expression" dxfId="12053" priority="17206">
      <formula>BI$9=""</formula>
    </cfRule>
  </conditionalFormatting>
  <conditionalFormatting sqref="BJ10:BJ11">
    <cfRule type="expression" dxfId="12052" priority="17203">
      <formula>BJ$9&lt;&gt;""</formula>
    </cfRule>
    <cfRule type="expression" dxfId="12051" priority="17204">
      <formula>BJ$9=""</formula>
    </cfRule>
  </conditionalFormatting>
  <conditionalFormatting sqref="BK10:BK11">
    <cfRule type="expression" dxfId="12050" priority="17201">
      <formula>BK$9&lt;&gt;""</formula>
    </cfRule>
    <cfRule type="expression" dxfId="12049" priority="17202">
      <formula>BK$9=""</formula>
    </cfRule>
  </conditionalFormatting>
  <conditionalFormatting sqref="BL10:BL11">
    <cfRule type="expression" dxfId="12048" priority="17199">
      <formula>BL$9&lt;&gt;""</formula>
    </cfRule>
    <cfRule type="expression" dxfId="12047" priority="17200">
      <formula>BL$9=""</formula>
    </cfRule>
  </conditionalFormatting>
  <conditionalFormatting sqref="BM10:BM11">
    <cfRule type="expression" dxfId="12046" priority="17197">
      <formula>BM$9&lt;&gt;""</formula>
    </cfRule>
    <cfRule type="expression" dxfId="12045" priority="17198">
      <formula>BM$9=""</formula>
    </cfRule>
  </conditionalFormatting>
  <conditionalFormatting sqref="BN10:BN11">
    <cfRule type="expression" dxfId="12044" priority="17195">
      <formula>BN$9&lt;&gt;""</formula>
    </cfRule>
    <cfRule type="expression" dxfId="12043" priority="17196">
      <formula>BN$9=""</formula>
    </cfRule>
  </conditionalFormatting>
  <conditionalFormatting sqref="BO10:BO11">
    <cfRule type="expression" dxfId="12042" priority="17193">
      <formula>BO$9&lt;&gt;""</formula>
    </cfRule>
    <cfRule type="expression" dxfId="12041" priority="17194">
      <formula>BO$9=""</formula>
    </cfRule>
  </conditionalFormatting>
  <conditionalFormatting sqref="BP10:BP11">
    <cfRule type="expression" dxfId="12040" priority="17191">
      <formula>BP$9&lt;&gt;""</formula>
    </cfRule>
    <cfRule type="expression" dxfId="12039" priority="17192">
      <formula>BP$9=""</formula>
    </cfRule>
  </conditionalFormatting>
  <conditionalFormatting sqref="BQ10:BQ11">
    <cfRule type="expression" dxfId="12038" priority="17189">
      <formula>BQ$9&lt;&gt;""</formula>
    </cfRule>
    <cfRule type="expression" dxfId="12037" priority="17190">
      <formula>BQ$9=""</formula>
    </cfRule>
  </conditionalFormatting>
  <conditionalFormatting sqref="BR10:BR11">
    <cfRule type="expression" dxfId="12036" priority="17187">
      <formula>BR$9&lt;&gt;""</formula>
    </cfRule>
    <cfRule type="expression" dxfId="12035" priority="17188">
      <formula>BR$9=""</formula>
    </cfRule>
  </conditionalFormatting>
  <conditionalFormatting sqref="BS10:BS11">
    <cfRule type="expression" dxfId="12034" priority="17185">
      <formula>BS$9&lt;&gt;""</formula>
    </cfRule>
    <cfRule type="expression" dxfId="12033" priority="17186">
      <formula>BS$9=""</formula>
    </cfRule>
  </conditionalFormatting>
  <conditionalFormatting sqref="N16">
    <cfRule type="expression" dxfId="12032" priority="16718">
      <formula>N$16&lt;&gt;""</formula>
    </cfRule>
    <cfRule type="cellIs" dxfId="12031" priority="16719" operator="equal">
      <formula>""</formula>
    </cfRule>
  </conditionalFormatting>
  <conditionalFormatting sqref="BT16">
    <cfRule type="expression" dxfId="12030" priority="16596">
      <formula>BS$16&lt;&gt;""</formula>
    </cfRule>
    <cfRule type="expression" dxfId="12029" priority="16597">
      <formula>"&lt;&gt;"""""</formula>
    </cfRule>
    <cfRule type="cellIs" dxfId="12028" priority="16598" operator="equal">
      <formula>""</formula>
    </cfRule>
  </conditionalFormatting>
  <conditionalFormatting sqref="O17:O22">
    <cfRule type="expression" dxfId="12027" priority="16529">
      <formula>O$16&lt;&gt;""</formula>
    </cfRule>
    <cfRule type="expression" dxfId="12026" priority="16530">
      <formula>O$16=""</formula>
    </cfRule>
  </conditionalFormatting>
  <conditionalFormatting sqref="P17:P22">
    <cfRule type="expression" dxfId="12025" priority="16527">
      <formula>P$16&lt;&gt;""</formula>
    </cfRule>
    <cfRule type="expression" dxfId="12024" priority="16528">
      <formula>P$16=""</formula>
    </cfRule>
  </conditionalFormatting>
  <conditionalFormatting sqref="Q17:Q22">
    <cfRule type="expression" dxfId="12023" priority="16525">
      <formula>Q$16&lt;&gt;""</formula>
    </cfRule>
    <cfRule type="expression" dxfId="12022" priority="16526">
      <formula>Q$16=""</formula>
    </cfRule>
  </conditionalFormatting>
  <conditionalFormatting sqref="R17:R22">
    <cfRule type="expression" dxfId="12021" priority="16523">
      <formula>R$16&lt;&gt;""</formula>
    </cfRule>
    <cfRule type="expression" dxfId="12020" priority="16524">
      <formula>R$16=""</formula>
    </cfRule>
  </conditionalFormatting>
  <conditionalFormatting sqref="S17:S22">
    <cfRule type="expression" dxfId="12019" priority="16521">
      <formula>S$16&lt;&gt;""</formula>
    </cfRule>
    <cfRule type="expression" dxfId="12018" priority="16522">
      <formula>S$16=""</formula>
    </cfRule>
  </conditionalFormatting>
  <conditionalFormatting sqref="T17:T22">
    <cfRule type="expression" dxfId="12017" priority="16519">
      <formula>T$16&lt;&gt;""</formula>
    </cfRule>
    <cfRule type="expression" dxfId="12016" priority="16520">
      <formula>T$16=""</formula>
    </cfRule>
  </conditionalFormatting>
  <conditionalFormatting sqref="U17:U22">
    <cfRule type="expression" dxfId="12015" priority="16517">
      <formula>U$16&lt;&gt;""</formula>
    </cfRule>
    <cfRule type="expression" dxfId="12014" priority="16518">
      <formula>U$16=""</formula>
    </cfRule>
  </conditionalFormatting>
  <conditionalFormatting sqref="V17:V22">
    <cfRule type="expression" dxfId="12013" priority="16515">
      <formula>V$16&lt;&gt;""</formula>
    </cfRule>
    <cfRule type="expression" dxfId="12012" priority="16516">
      <formula>V$16=""</formula>
    </cfRule>
  </conditionalFormatting>
  <conditionalFormatting sqref="W17:W22">
    <cfRule type="expression" dxfId="12011" priority="16513">
      <formula>W$16&lt;&gt;""</formula>
    </cfRule>
    <cfRule type="expression" dxfId="12010" priority="16514">
      <formula>W$16=""</formula>
    </cfRule>
  </conditionalFormatting>
  <conditionalFormatting sqref="X17:X22">
    <cfRule type="expression" dxfId="12009" priority="16511">
      <formula>X$16&lt;&gt;""</formula>
    </cfRule>
    <cfRule type="expression" dxfId="12008" priority="16512">
      <formula>X$16=""</formula>
    </cfRule>
  </conditionalFormatting>
  <conditionalFormatting sqref="Y17:Y22">
    <cfRule type="expression" dxfId="12007" priority="16509">
      <formula>Y$16&lt;&gt;""</formula>
    </cfRule>
    <cfRule type="expression" dxfId="12006" priority="16510">
      <formula>Y$16=""</formula>
    </cfRule>
  </conditionalFormatting>
  <conditionalFormatting sqref="Z17:Z22">
    <cfRule type="expression" dxfId="12005" priority="16507">
      <formula>Z$16&lt;&gt;""</formula>
    </cfRule>
    <cfRule type="expression" dxfId="12004" priority="16508">
      <formula>Z$16=""</formula>
    </cfRule>
  </conditionalFormatting>
  <conditionalFormatting sqref="AA17:AA22">
    <cfRule type="expression" dxfId="12003" priority="16505">
      <formula>AA$16&lt;&gt;""</formula>
    </cfRule>
    <cfRule type="expression" dxfId="12002" priority="16506">
      <formula>AA$16=""</formula>
    </cfRule>
  </conditionalFormatting>
  <conditionalFormatting sqref="AB17:AB22">
    <cfRule type="expression" dxfId="12001" priority="16503">
      <formula>AB$16&lt;&gt;""</formula>
    </cfRule>
    <cfRule type="expression" dxfId="12000" priority="16504">
      <formula>AB$16=""</formula>
    </cfRule>
  </conditionalFormatting>
  <conditionalFormatting sqref="AC17:AC22">
    <cfRule type="expression" dxfId="11999" priority="16501">
      <formula>AC$16&lt;&gt;""</formula>
    </cfRule>
    <cfRule type="expression" dxfId="11998" priority="16502">
      <formula>AC$16=""</formula>
    </cfRule>
  </conditionalFormatting>
  <conditionalFormatting sqref="AD17:AD22">
    <cfRule type="expression" dxfId="11997" priority="16499">
      <formula>AD$16&lt;&gt;""</formula>
    </cfRule>
    <cfRule type="expression" dxfId="11996" priority="16500">
      <formula>AD$16=""</formula>
    </cfRule>
  </conditionalFormatting>
  <conditionalFormatting sqref="AE17:AE22">
    <cfRule type="expression" dxfId="11995" priority="16497">
      <formula>AE$16&lt;&gt;""</formula>
    </cfRule>
    <cfRule type="expression" dxfId="11994" priority="16498">
      <formula>AE$16=""</formula>
    </cfRule>
  </conditionalFormatting>
  <conditionalFormatting sqref="AF17:AF22">
    <cfRule type="expression" dxfId="11993" priority="16495">
      <formula>AF$16&lt;&gt;""</formula>
    </cfRule>
    <cfRule type="expression" dxfId="11992" priority="16496">
      <formula>AF$16=""</formula>
    </cfRule>
  </conditionalFormatting>
  <conditionalFormatting sqref="AG17:AG22">
    <cfRule type="expression" dxfId="11991" priority="16493">
      <formula>AG$16&lt;&gt;""</formula>
    </cfRule>
    <cfRule type="expression" dxfId="11990" priority="16494">
      <formula>AG$16=""</formula>
    </cfRule>
  </conditionalFormatting>
  <conditionalFormatting sqref="AH17:AH22">
    <cfRule type="expression" dxfId="11989" priority="16491">
      <formula>AH$16&lt;&gt;""</formula>
    </cfRule>
    <cfRule type="expression" dxfId="11988" priority="16492">
      <formula>AH$16=""</formula>
    </cfRule>
  </conditionalFormatting>
  <conditionalFormatting sqref="AI17:AI22">
    <cfRule type="expression" dxfId="11987" priority="16489">
      <formula>AI$16&lt;&gt;""</formula>
    </cfRule>
    <cfRule type="expression" dxfId="11986" priority="16490">
      <formula>AI$16=""</formula>
    </cfRule>
  </conditionalFormatting>
  <conditionalFormatting sqref="AJ17:AJ22">
    <cfRule type="expression" dxfId="11985" priority="16487">
      <formula>AJ$16&lt;&gt;""</formula>
    </cfRule>
    <cfRule type="expression" dxfId="11984" priority="16488">
      <formula>AJ$16=""</formula>
    </cfRule>
  </conditionalFormatting>
  <conditionalFormatting sqref="AK17:AK22">
    <cfRule type="expression" dxfId="11983" priority="16485">
      <formula>AK$16&lt;&gt;""</formula>
    </cfRule>
    <cfRule type="expression" dxfId="11982" priority="16486">
      <formula>AK$16=""</formula>
    </cfRule>
  </conditionalFormatting>
  <conditionalFormatting sqref="AL17:AL22">
    <cfRule type="expression" dxfId="11981" priority="16483">
      <formula>AL$16&lt;&gt;""</formula>
    </cfRule>
    <cfRule type="expression" dxfId="11980" priority="16484">
      <formula>AL$16=""</formula>
    </cfRule>
  </conditionalFormatting>
  <conditionalFormatting sqref="AM17:AM22">
    <cfRule type="expression" dxfId="11979" priority="16481">
      <formula>AM$16&lt;&gt;""</formula>
    </cfRule>
    <cfRule type="expression" dxfId="11978" priority="16482">
      <formula>AM$16=""</formula>
    </cfRule>
  </conditionalFormatting>
  <conditionalFormatting sqref="AN17:AN22">
    <cfRule type="expression" dxfId="11977" priority="16479">
      <formula>AN$16&lt;&gt;""</formula>
    </cfRule>
    <cfRule type="expression" dxfId="11976" priority="16480">
      <formula>AN$16=""</formula>
    </cfRule>
  </conditionalFormatting>
  <conditionalFormatting sqref="AO17:AO22">
    <cfRule type="expression" dxfId="11975" priority="16477">
      <formula>AO$16&lt;&gt;""</formula>
    </cfRule>
    <cfRule type="expression" dxfId="11974" priority="16478">
      <formula>AO$16=""</formula>
    </cfRule>
  </conditionalFormatting>
  <conditionalFormatting sqref="AP17:AP22">
    <cfRule type="expression" dxfId="11973" priority="16475">
      <formula>AP$16&lt;&gt;""</formula>
    </cfRule>
    <cfRule type="expression" dxfId="11972" priority="16476">
      <formula>AP$16=""</formula>
    </cfRule>
  </conditionalFormatting>
  <conditionalFormatting sqref="AQ17:AQ22">
    <cfRule type="expression" dxfId="11971" priority="16473">
      <formula>AQ$16&lt;&gt;""</formula>
    </cfRule>
    <cfRule type="expression" dxfId="11970" priority="16474">
      <formula>AQ$16=""</formula>
    </cfRule>
  </conditionalFormatting>
  <conditionalFormatting sqref="AR17:AR22">
    <cfRule type="expression" dxfId="11969" priority="16471">
      <formula>AR$16&lt;&gt;""</formula>
    </cfRule>
    <cfRule type="expression" dxfId="11968" priority="16472">
      <formula>AR$16=""</formula>
    </cfRule>
  </conditionalFormatting>
  <conditionalFormatting sqref="AS17:AS22">
    <cfRule type="expression" dxfId="11967" priority="16469">
      <formula>AS$16&lt;&gt;""</formula>
    </cfRule>
    <cfRule type="expression" dxfId="11966" priority="16470">
      <formula>AS$16=""</formula>
    </cfRule>
  </conditionalFormatting>
  <conditionalFormatting sqref="AT17:AT22">
    <cfRule type="expression" dxfId="11965" priority="16467">
      <formula>AT$16&lt;&gt;""</formula>
    </cfRule>
    <cfRule type="expression" dxfId="11964" priority="16468">
      <formula>AT$16=""</formula>
    </cfRule>
  </conditionalFormatting>
  <conditionalFormatting sqref="AU17:AU22">
    <cfRule type="expression" dxfId="11963" priority="16465">
      <formula>AU$16&lt;&gt;""</formula>
    </cfRule>
    <cfRule type="expression" dxfId="11962" priority="16466">
      <formula>AU$16=""</formula>
    </cfRule>
  </conditionalFormatting>
  <conditionalFormatting sqref="AV17:AV22">
    <cfRule type="expression" dxfId="11961" priority="16463">
      <formula>AV$16&lt;&gt;""</formula>
    </cfRule>
    <cfRule type="expression" dxfId="11960" priority="16464">
      <formula>AV$16=""</formula>
    </cfRule>
  </conditionalFormatting>
  <conditionalFormatting sqref="AW17:AW22">
    <cfRule type="expression" dxfId="11959" priority="16461">
      <formula>AW$16&lt;&gt;""</formula>
    </cfRule>
    <cfRule type="expression" dxfId="11958" priority="16462">
      <formula>AW$16=""</formula>
    </cfRule>
  </conditionalFormatting>
  <conditionalFormatting sqref="AX17:AX22">
    <cfRule type="expression" dxfId="11957" priority="16459">
      <formula>AX$16&lt;&gt;""</formula>
    </cfRule>
    <cfRule type="expression" dxfId="11956" priority="16460">
      <formula>AX$16=""</formula>
    </cfRule>
  </conditionalFormatting>
  <conditionalFormatting sqref="AY17:AY22">
    <cfRule type="expression" dxfId="11955" priority="16457">
      <formula>AY$16&lt;&gt;""</formula>
    </cfRule>
    <cfRule type="expression" dxfId="11954" priority="16458">
      <formula>AY$16=""</formula>
    </cfRule>
  </conditionalFormatting>
  <conditionalFormatting sqref="AZ17:AZ22">
    <cfRule type="expression" dxfId="11953" priority="16455">
      <formula>AZ$16&lt;&gt;""</formula>
    </cfRule>
    <cfRule type="expression" dxfId="11952" priority="16456">
      <formula>AZ$16=""</formula>
    </cfRule>
  </conditionalFormatting>
  <conditionalFormatting sqref="BA17:BA22">
    <cfRule type="expression" dxfId="11951" priority="16453">
      <formula>BA$16&lt;&gt;""</formula>
    </cfRule>
    <cfRule type="expression" dxfId="11950" priority="16454">
      <formula>BA$16=""</formula>
    </cfRule>
  </conditionalFormatting>
  <conditionalFormatting sqref="BB17:BB22">
    <cfRule type="expression" dxfId="11949" priority="16451">
      <formula>BB$16&lt;&gt;""</formula>
    </cfRule>
    <cfRule type="expression" dxfId="11948" priority="16452">
      <formula>BB$16=""</formula>
    </cfRule>
  </conditionalFormatting>
  <conditionalFormatting sqref="BC17:BC22">
    <cfRule type="expression" dxfId="11947" priority="16449">
      <formula>BC$16&lt;&gt;""</formula>
    </cfRule>
    <cfRule type="expression" dxfId="11946" priority="16450">
      <formula>BC$16=""</formula>
    </cfRule>
  </conditionalFormatting>
  <conditionalFormatting sqref="BD17:BD22">
    <cfRule type="expression" dxfId="11945" priority="16447">
      <formula>BD$16&lt;&gt;""</formula>
    </cfRule>
    <cfRule type="expression" dxfId="11944" priority="16448">
      <formula>BD$16=""</formula>
    </cfRule>
  </conditionalFormatting>
  <conditionalFormatting sqref="BE17:BE22">
    <cfRule type="expression" dxfId="11943" priority="16445">
      <formula>BE$16&lt;&gt;""</formula>
    </cfRule>
    <cfRule type="expression" dxfId="11942" priority="16446">
      <formula>BE$16=""</formula>
    </cfRule>
  </conditionalFormatting>
  <conditionalFormatting sqref="BF17:BF22">
    <cfRule type="expression" dxfId="11941" priority="16443">
      <formula>BF$16&lt;&gt;""</formula>
    </cfRule>
    <cfRule type="expression" dxfId="11940" priority="16444">
      <formula>BF$16=""</formula>
    </cfRule>
  </conditionalFormatting>
  <conditionalFormatting sqref="BG17:BG22">
    <cfRule type="expression" dxfId="11939" priority="16441">
      <formula>BG$16&lt;&gt;""</formula>
    </cfRule>
    <cfRule type="expression" dxfId="11938" priority="16442">
      <formula>BG$16=""</formula>
    </cfRule>
  </conditionalFormatting>
  <conditionalFormatting sqref="BH17:BH22">
    <cfRule type="expression" dxfId="11937" priority="16439">
      <formula>BH$16&lt;&gt;""</formula>
    </cfRule>
    <cfRule type="expression" dxfId="11936" priority="16440">
      <formula>BH$16=""</formula>
    </cfRule>
  </conditionalFormatting>
  <conditionalFormatting sqref="BI17:BI22">
    <cfRule type="expression" dxfId="11935" priority="16437">
      <formula>BI$16&lt;&gt;""</formula>
    </cfRule>
    <cfRule type="expression" dxfId="11934" priority="16438">
      <formula>BI$16=""</formula>
    </cfRule>
  </conditionalFormatting>
  <conditionalFormatting sqref="BJ17:BJ22">
    <cfRule type="expression" dxfId="11933" priority="16435">
      <formula>BJ$16&lt;&gt;""</formula>
    </cfRule>
    <cfRule type="expression" dxfId="11932" priority="16436">
      <formula>BJ$16=""</formula>
    </cfRule>
  </conditionalFormatting>
  <conditionalFormatting sqref="BK17:BK22">
    <cfRule type="expression" dxfId="11931" priority="16433">
      <formula>BK$16&lt;&gt;""</formula>
    </cfRule>
    <cfRule type="expression" dxfId="11930" priority="16434">
      <formula>BK$16=""</formula>
    </cfRule>
  </conditionalFormatting>
  <conditionalFormatting sqref="BL17:BL22">
    <cfRule type="expression" dxfId="11929" priority="16431">
      <formula>BL$16&lt;&gt;""</formula>
    </cfRule>
    <cfRule type="expression" dxfId="11928" priority="16432">
      <formula>BL$16=""</formula>
    </cfRule>
  </conditionalFormatting>
  <conditionalFormatting sqref="BM17:BM22">
    <cfRule type="expression" dxfId="11927" priority="16429">
      <formula>BM$16&lt;&gt;""</formula>
    </cfRule>
    <cfRule type="expression" dxfId="11926" priority="16430">
      <formula>BM$16=""</formula>
    </cfRule>
  </conditionalFormatting>
  <conditionalFormatting sqref="BN17:BN22">
    <cfRule type="expression" dxfId="11925" priority="16427">
      <formula>BN$16&lt;&gt;""</formula>
    </cfRule>
    <cfRule type="expression" dxfId="11924" priority="16428">
      <formula>BN$16=""</formula>
    </cfRule>
  </conditionalFormatting>
  <conditionalFormatting sqref="BO17:BO22">
    <cfRule type="expression" dxfId="11923" priority="16425">
      <formula>BO$16&lt;&gt;""</formula>
    </cfRule>
    <cfRule type="expression" dxfId="11922" priority="16426">
      <formula>BO$16=""</formula>
    </cfRule>
  </conditionalFormatting>
  <conditionalFormatting sqref="BP17:BP22">
    <cfRule type="expression" dxfId="11921" priority="16423">
      <formula>BP$16&lt;&gt;""</formula>
    </cfRule>
    <cfRule type="expression" dxfId="11920" priority="16424">
      <formula>BP$16=""</formula>
    </cfRule>
  </conditionalFormatting>
  <conditionalFormatting sqref="BQ17:BQ22">
    <cfRule type="expression" dxfId="11919" priority="16421">
      <formula>BQ$16&lt;&gt;""</formula>
    </cfRule>
    <cfRule type="expression" dxfId="11918" priority="16422">
      <formula>BQ$16=""</formula>
    </cfRule>
  </conditionalFormatting>
  <conditionalFormatting sqref="BR17:BR22">
    <cfRule type="expression" dxfId="11917" priority="16419">
      <formula>BR$16&lt;&gt;""</formula>
    </cfRule>
    <cfRule type="expression" dxfId="11916" priority="16420">
      <formula>BR$16=""</formula>
    </cfRule>
  </conditionalFormatting>
  <conditionalFormatting sqref="BS17:BS22">
    <cfRule type="expression" dxfId="11915" priority="16417">
      <formula>BS$16&lt;&gt;""</formula>
    </cfRule>
    <cfRule type="expression" dxfId="11914" priority="16418">
      <formula>BS$16=""</formula>
    </cfRule>
  </conditionalFormatting>
  <conditionalFormatting sqref="XFD27">
    <cfRule type="expression" dxfId="11913" priority="16285">
      <formula>XFC$27&lt;&gt;""</formula>
    </cfRule>
    <cfRule type="expression" dxfId="11912" priority="16286">
      <formula>"&lt;&gt;"""""</formula>
    </cfRule>
    <cfRule type="cellIs" dxfId="11911" priority="16287" operator="equal">
      <formula>""</formula>
    </cfRule>
  </conditionalFormatting>
  <conditionalFormatting sqref="BS27">
    <cfRule type="expression" dxfId="11910" priority="16000">
      <formula>BR$27&lt;&gt;""</formula>
    </cfRule>
    <cfRule type="expression" dxfId="11909" priority="16001">
      <formula>"&lt;&gt;"""""</formula>
    </cfRule>
    <cfRule type="cellIs" dxfId="11908" priority="16002" operator="equal">
      <formula>""</formula>
    </cfRule>
  </conditionalFormatting>
  <conditionalFormatting sqref="O28:O35">
    <cfRule type="expression" dxfId="11907" priority="15994">
      <formula>O$27&lt;&gt;""</formula>
    </cfRule>
    <cfRule type="expression" dxfId="11906" priority="15995">
      <formula>O$27=""</formula>
    </cfRule>
  </conditionalFormatting>
  <conditionalFormatting sqref="P28:P35">
    <cfRule type="expression" dxfId="11905" priority="15992">
      <formula>P$27&lt;&gt;""</formula>
    </cfRule>
    <cfRule type="expression" dxfId="11904" priority="15993">
      <formula>P$27=""</formula>
    </cfRule>
  </conditionalFormatting>
  <conditionalFormatting sqref="Q28:Q35">
    <cfRule type="expression" dxfId="11903" priority="15990">
      <formula>Q$27&lt;&gt;""</formula>
    </cfRule>
    <cfRule type="expression" dxfId="11902" priority="15991">
      <formula>Q$27=""</formula>
    </cfRule>
  </conditionalFormatting>
  <conditionalFormatting sqref="R28:R35">
    <cfRule type="expression" dxfId="11901" priority="15988">
      <formula>R$27&lt;&gt;""</formula>
    </cfRule>
    <cfRule type="expression" dxfId="11900" priority="15989">
      <formula>R$27=""</formula>
    </cfRule>
  </conditionalFormatting>
  <conditionalFormatting sqref="S28:S35">
    <cfRule type="expression" dxfId="11899" priority="15986">
      <formula>S$27&lt;&gt;""</formula>
    </cfRule>
    <cfRule type="expression" dxfId="11898" priority="15987">
      <formula>S$27=""</formula>
    </cfRule>
  </conditionalFormatting>
  <conditionalFormatting sqref="T28:T35">
    <cfRule type="expression" dxfId="11897" priority="15984">
      <formula>T$27&lt;&gt;""</formula>
    </cfRule>
    <cfRule type="expression" dxfId="11896" priority="15985">
      <formula>T$27=""</formula>
    </cfRule>
  </conditionalFormatting>
  <conditionalFormatting sqref="U28:U35">
    <cfRule type="expression" dxfId="11895" priority="15982">
      <formula>U$27&lt;&gt;""</formula>
    </cfRule>
    <cfRule type="expression" dxfId="11894" priority="15983">
      <formula>U$27=""</formula>
    </cfRule>
  </conditionalFormatting>
  <conditionalFormatting sqref="V28:V35">
    <cfRule type="expression" dxfId="11893" priority="15980">
      <formula>V$27&lt;&gt;""</formula>
    </cfRule>
    <cfRule type="expression" dxfId="11892" priority="15981">
      <formula>V$27=""</formula>
    </cfRule>
  </conditionalFormatting>
  <conditionalFormatting sqref="W28:W35">
    <cfRule type="expression" dxfId="11891" priority="15978">
      <formula>W$27&lt;&gt;""</formula>
    </cfRule>
    <cfRule type="expression" dxfId="11890" priority="15979">
      <formula>W$27=""</formula>
    </cfRule>
  </conditionalFormatting>
  <conditionalFormatting sqref="X28:X35">
    <cfRule type="expression" dxfId="11889" priority="15976">
      <formula>X$27&lt;&gt;""</formula>
    </cfRule>
    <cfRule type="expression" dxfId="11888" priority="15977">
      <formula>X$27=""</formula>
    </cfRule>
  </conditionalFormatting>
  <conditionalFormatting sqref="Y28:Y35">
    <cfRule type="expression" dxfId="11887" priority="15974">
      <formula>Y$27&lt;&gt;""</formula>
    </cfRule>
    <cfRule type="expression" dxfId="11886" priority="15975">
      <formula>Y$27=""</formula>
    </cfRule>
  </conditionalFormatting>
  <conditionalFormatting sqref="Z28:Z35">
    <cfRule type="expression" dxfId="11885" priority="15972">
      <formula>Z$27&lt;&gt;""</formula>
    </cfRule>
    <cfRule type="expression" dxfId="11884" priority="15973">
      <formula>Z$27=""</formula>
    </cfRule>
  </conditionalFormatting>
  <conditionalFormatting sqref="AA28:AA35">
    <cfRule type="expression" dxfId="11883" priority="15970">
      <formula>AA$27&lt;&gt;""</formula>
    </cfRule>
    <cfRule type="expression" dxfId="11882" priority="15971">
      <formula>AA$27=""</formula>
    </cfRule>
  </conditionalFormatting>
  <conditionalFormatting sqref="AB28:AB35">
    <cfRule type="expression" dxfId="11881" priority="15968">
      <formula>AB$27&lt;&gt;""</formula>
    </cfRule>
    <cfRule type="expression" dxfId="11880" priority="15969">
      <formula>AB$27=""</formula>
    </cfRule>
  </conditionalFormatting>
  <conditionalFormatting sqref="AC28:AC35">
    <cfRule type="expression" dxfId="11879" priority="15966">
      <formula>AC$27&lt;&gt;""</formula>
    </cfRule>
    <cfRule type="expression" dxfId="11878" priority="15967">
      <formula>AC$27=""</formula>
    </cfRule>
  </conditionalFormatting>
  <conditionalFormatting sqref="AD28:AD35">
    <cfRule type="expression" dxfId="11877" priority="15964">
      <formula>AD$27&lt;&gt;""</formula>
    </cfRule>
    <cfRule type="expression" dxfId="11876" priority="15965">
      <formula>AD$27=""</formula>
    </cfRule>
  </conditionalFormatting>
  <conditionalFormatting sqref="AE28:AE35">
    <cfRule type="expression" dxfId="11875" priority="15962">
      <formula>AE$27&lt;&gt;""</formula>
    </cfRule>
    <cfRule type="expression" dxfId="11874" priority="15963">
      <formula>AE$27=""</formula>
    </cfRule>
  </conditionalFormatting>
  <conditionalFormatting sqref="AF28:AF35">
    <cfRule type="expression" dxfId="11873" priority="15960">
      <formula>AF$27&lt;&gt;""</formula>
    </cfRule>
    <cfRule type="expression" dxfId="11872" priority="15961">
      <formula>AF$27=""</formula>
    </cfRule>
  </conditionalFormatting>
  <conditionalFormatting sqref="AG28:AG35">
    <cfRule type="expression" dxfId="11871" priority="15958">
      <formula>AG$27&lt;&gt;""</formula>
    </cfRule>
    <cfRule type="expression" dxfId="11870" priority="15959">
      <formula>AG$27=""</formula>
    </cfRule>
  </conditionalFormatting>
  <conditionalFormatting sqref="AH28:AH35">
    <cfRule type="expression" dxfId="11869" priority="15956">
      <formula>AH$27&lt;&gt;""</formula>
    </cfRule>
    <cfRule type="expression" dxfId="11868" priority="15957">
      <formula>AH$27=""</formula>
    </cfRule>
  </conditionalFormatting>
  <conditionalFormatting sqref="AI28:AI35">
    <cfRule type="expression" dxfId="11867" priority="15954">
      <formula>AI$27&lt;&gt;""</formula>
    </cfRule>
    <cfRule type="expression" dxfId="11866" priority="15955">
      <formula>AI$27=""</formula>
    </cfRule>
  </conditionalFormatting>
  <conditionalFormatting sqref="AJ28:AJ35">
    <cfRule type="expression" dxfId="11865" priority="15952">
      <formula>AJ$27&lt;&gt;""</formula>
    </cfRule>
    <cfRule type="expression" dxfId="11864" priority="15953">
      <formula>AJ$27=""</formula>
    </cfRule>
  </conditionalFormatting>
  <conditionalFormatting sqref="AK28:AK35">
    <cfRule type="expression" dxfId="11863" priority="15950">
      <formula>AK$27&lt;&gt;""</formula>
    </cfRule>
    <cfRule type="expression" dxfId="11862" priority="15951">
      <formula>AK$27=""</formula>
    </cfRule>
  </conditionalFormatting>
  <conditionalFormatting sqref="AL28:AL35">
    <cfRule type="expression" dxfId="11861" priority="15948">
      <formula>AL$27&lt;&gt;""</formula>
    </cfRule>
    <cfRule type="expression" dxfId="11860" priority="15949">
      <formula>AL$27=""</formula>
    </cfRule>
  </conditionalFormatting>
  <conditionalFormatting sqref="AM28:AM35">
    <cfRule type="expression" dxfId="11859" priority="15946">
      <formula>AM$27&lt;&gt;""</formula>
    </cfRule>
    <cfRule type="expression" dxfId="11858" priority="15947">
      <formula>AM$27=""</formula>
    </cfRule>
  </conditionalFormatting>
  <conditionalFormatting sqref="AN28:AN35">
    <cfRule type="expression" dxfId="11857" priority="15944">
      <formula>AN$27&lt;&gt;""</formula>
    </cfRule>
    <cfRule type="expression" dxfId="11856" priority="15945">
      <formula>AN$27=""</formula>
    </cfRule>
  </conditionalFormatting>
  <conditionalFormatting sqref="AO28:AO35">
    <cfRule type="expression" dxfId="11855" priority="15942">
      <formula>AO$27&lt;&gt;""</formula>
    </cfRule>
    <cfRule type="expression" dxfId="11854" priority="15943">
      <formula>AO$27=""</formula>
    </cfRule>
  </conditionalFormatting>
  <conditionalFormatting sqref="AP28:AP35">
    <cfRule type="expression" dxfId="11853" priority="15940">
      <formula>AP$27&lt;&gt;""</formula>
    </cfRule>
    <cfRule type="expression" dxfId="11852" priority="15941">
      <formula>AP$27=""</formula>
    </cfRule>
  </conditionalFormatting>
  <conditionalFormatting sqref="AQ28:AQ35">
    <cfRule type="expression" dxfId="11851" priority="15938">
      <formula>AQ$27&lt;&gt;""</formula>
    </cfRule>
    <cfRule type="expression" dxfId="11850" priority="15939">
      <formula>AQ$27=""</formula>
    </cfRule>
  </conditionalFormatting>
  <conditionalFormatting sqref="AR28:AR35">
    <cfRule type="expression" dxfId="11849" priority="15936">
      <formula>AR$27&lt;&gt;""</formula>
    </cfRule>
    <cfRule type="expression" dxfId="11848" priority="15937">
      <formula>AR$27=""</formula>
    </cfRule>
  </conditionalFormatting>
  <conditionalFormatting sqref="AS28:AS35">
    <cfRule type="expression" dxfId="11847" priority="15934">
      <formula>AS$27&lt;&gt;""</formula>
    </cfRule>
    <cfRule type="expression" dxfId="11846" priority="15935">
      <formula>AS$27=""</formula>
    </cfRule>
  </conditionalFormatting>
  <conditionalFormatting sqref="AT28:AT35">
    <cfRule type="expression" dxfId="11845" priority="15932">
      <formula>AT$27&lt;&gt;""</formula>
    </cfRule>
    <cfRule type="expression" dxfId="11844" priority="15933">
      <formula>AT$27=""</formula>
    </cfRule>
  </conditionalFormatting>
  <conditionalFormatting sqref="AU28:AU35">
    <cfRule type="expression" dxfId="11843" priority="15930">
      <formula>AU$27&lt;&gt;""</formula>
    </cfRule>
    <cfRule type="expression" dxfId="11842" priority="15931">
      <formula>AU$27=""</formula>
    </cfRule>
  </conditionalFormatting>
  <conditionalFormatting sqref="AV28:AV35">
    <cfRule type="expression" dxfId="11841" priority="15928">
      <formula>AV$27&lt;&gt;""</formula>
    </cfRule>
    <cfRule type="expression" dxfId="11840" priority="15929">
      <formula>AV$27=""</formula>
    </cfRule>
  </conditionalFormatting>
  <conditionalFormatting sqref="AW28:AW35">
    <cfRule type="expression" dxfId="11839" priority="15926">
      <formula>AW$27&lt;&gt;""</formula>
    </cfRule>
    <cfRule type="expression" dxfId="11838" priority="15927">
      <formula>AW$27=""</formula>
    </cfRule>
  </conditionalFormatting>
  <conditionalFormatting sqref="AX28:AX35">
    <cfRule type="expression" dxfId="11837" priority="15924">
      <formula>AX$27&lt;&gt;""</formula>
    </cfRule>
    <cfRule type="expression" dxfId="11836" priority="15925">
      <formula>AX$27=""</formula>
    </cfRule>
  </conditionalFormatting>
  <conditionalFormatting sqref="AY28:AY35">
    <cfRule type="expression" dxfId="11835" priority="15922">
      <formula>AY$27&lt;&gt;""</formula>
    </cfRule>
    <cfRule type="expression" dxfId="11834" priority="15923">
      <formula>AY$27=""</formula>
    </cfRule>
  </conditionalFormatting>
  <conditionalFormatting sqref="AZ28:AZ35">
    <cfRule type="expression" dxfId="11833" priority="15920">
      <formula>AZ$27&lt;&gt;""</formula>
    </cfRule>
    <cfRule type="expression" dxfId="11832" priority="15921">
      <formula>AZ$27=""</formula>
    </cfRule>
  </conditionalFormatting>
  <conditionalFormatting sqref="BA28:BA35">
    <cfRule type="expression" dxfId="11831" priority="15918">
      <formula>BA$27&lt;&gt;""</formula>
    </cfRule>
    <cfRule type="expression" dxfId="11830" priority="15919">
      <formula>BA$27=""</formula>
    </cfRule>
  </conditionalFormatting>
  <conditionalFormatting sqref="BB28:BB35">
    <cfRule type="expression" dxfId="11829" priority="15916">
      <formula>BB$27&lt;&gt;""</formula>
    </cfRule>
    <cfRule type="expression" dxfId="11828" priority="15917">
      <formula>BB$27=""</formula>
    </cfRule>
  </conditionalFormatting>
  <conditionalFormatting sqref="BC28:BC35">
    <cfRule type="expression" dxfId="11827" priority="15914">
      <formula>BC$27&lt;&gt;""</formula>
    </cfRule>
    <cfRule type="expression" dxfId="11826" priority="15915">
      <formula>BC$27=""</formula>
    </cfRule>
  </conditionalFormatting>
  <conditionalFormatting sqref="BD28:BD35">
    <cfRule type="expression" dxfId="11825" priority="15912">
      <formula>BD$27&lt;&gt;""</formula>
    </cfRule>
    <cfRule type="expression" dxfId="11824" priority="15913">
      <formula>BD$27=""</formula>
    </cfRule>
  </conditionalFormatting>
  <conditionalFormatting sqref="BE28:BE35">
    <cfRule type="expression" dxfId="11823" priority="15910">
      <formula>BE$27&lt;&gt;""</formula>
    </cfRule>
    <cfRule type="expression" dxfId="11822" priority="15911">
      <formula>BE$27=""</formula>
    </cfRule>
  </conditionalFormatting>
  <conditionalFormatting sqref="BF28:BF35">
    <cfRule type="expression" dxfId="11821" priority="15908">
      <formula>BF$27&lt;&gt;""</formula>
    </cfRule>
    <cfRule type="expression" dxfId="11820" priority="15909">
      <formula>BF$27=""</formula>
    </cfRule>
  </conditionalFormatting>
  <conditionalFormatting sqref="BG28:BG35">
    <cfRule type="expression" dxfId="11819" priority="15906">
      <formula>BG$27&lt;&gt;""</formula>
    </cfRule>
    <cfRule type="expression" dxfId="11818" priority="15907">
      <formula>BG$27=""</formula>
    </cfRule>
  </conditionalFormatting>
  <conditionalFormatting sqref="BH28:BH35">
    <cfRule type="expression" dxfId="11817" priority="15904">
      <formula>BH$27&lt;&gt;""</formula>
    </cfRule>
    <cfRule type="expression" dxfId="11816" priority="15905">
      <formula>BH$27=""</formula>
    </cfRule>
  </conditionalFormatting>
  <conditionalFormatting sqref="BI28:BI35">
    <cfRule type="expression" dxfId="11815" priority="15902">
      <formula>BI$27&lt;&gt;""</formula>
    </cfRule>
    <cfRule type="expression" dxfId="11814" priority="15903">
      <formula>BI$27=""</formula>
    </cfRule>
  </conditionalFormatting>
  <conditionalFormatting sqref="BJ28:BJ35">
    <cfRule type="expression" dxfId="11813" priority="15900">
      <formula>BJ$27&lt;&gt;""</formula>
    </cfRule>
    <cfRule type="expression" dxfId="11812" priority="15901">
      <formula>BJ$27=""</formula>
    </cfRule>
  </conditionalFormatting>
  <conditionalFormatting sqref="BK28:BK35">
    <cfRule type="expression" dxfId="11811" priority="15898">
      <formula>BK$27&lt;&gt;""</formula>
    </cfRule>
    <cfRule type="expression" dxfId="11810" priority="15899">
      <formula>BK$27=""</formula>
    </cfRule>
  </conditionalFormatting>
  <conditionalFormatting sqref="BL28:BL35">
    <cfRule type="expression" dxfId="11809" priority="15896">
      <formula>BL$27&lt;&gt;""</formula>
    </cfRule>
    <cfRule type="expression" dxfId="11808" priority="15897">
      <formula>BL$27=""</formula>
    </cfRule>
  </conditionalFormatting>
  <conditionalFormatting sqref="BM28:BM35">
    <cfRule type="expression" dxfId="11807" priority="15894">
      <formula>BM$27&lt;&gt;""</formula>
    </cfRule>
    <cfRule type="expression" dxfId="11806" priority="15895">
      <formula>BM$27=""</formula>
    </cfRule>
  </conditionalFormatting>
  <conditionalFormatting sqref="BN28:BN35">
    <cfRule type="expression" dxfId="11805" priority="15892">
      <formula>BN$27&lt;&gt;""</formula>
    </cfRule>
    <cfRule type="expression" dxfId="11804" priority="15893">
      <formula>BN$27=""</formula>
    </cfRule>
  </conditionalFormatting>
  <conditionalFormatting sqref="BO28:BO35">
    <cfRule type="expression" dxfId="11803" priority="15890">
      <formula>BO$27&lt;&gt;""</formula>
    </cfRule>
    <cfRule type="expression" dxfId="11802" priority="15891">
      <formula>BO$27=""</formula>
    </cfRule>
  </conditionalFormatting>
  <conditionalFormatting sqref="BP28:BP35">
    <cfRule type="expression" dxfId="11801" priority="15888">
      <formula>BP$27&lt;&gt;""</formula>
    </cfRule>
    <cfRule type="expression" dxfId="11800" priority="15889">
      <formula>BP$27=""</formula>
    </cfRule>
  </conditionalFormatting>
  <conditionalFormatting sqref="BQ28:BQ35">
    <cfRule type="expression" dxfId="11799" priority="15886">
      <formula>BQ$27&lt;&gt;""</formula>
    </cfRule>
    <cfRule type="expression" dxfId="11798" priority="15887">
      <formula>BQ$27=""</formula>
    </cfRule>
  </conditionalFormatting>
  <conditionalFormatting sqref="BR28:BR35">
    <cfRule type="expression" dxfId="11797" priority="15884">
      <formula>BR$27&lt;&gt;""</formula>
    </cfRule>
    <cfRule type="expression" dxfId="11796" priority="15885">
      <formula>BR$27=""</formula>
    </cfRule>
  </conditionalFormatting>
  <conditionalFormatting sqref="BS28:BS35">
    <cfRule type="expression" dxfId="11795" priority="15882">
      <formula>BS$27&lt;&gt;""</formula>
    </cfRule>
    <cfRule type="expression" dxfId="11794" priority="15883">
      <formula>BS$27=""</formula>
    </cfRule>
  </conditionalFormatting>
  <conditionalFormatting sqref="M40">
    <cfRule type="expression" dxfId="11793" priority="15880">
      <formula>$M$40&lt;&gt;""</formula>
    </cfRule>
    <cfRule type="cellIs" dxfId="11792" priority="15881" operator="equal">
      <formula>""</formula>
    </cfRule>
  </conditionalFormatting>
  <conditionalFormatting sqref="N40">
    <cfRule type="expression" dxfId="11791" priority="15878">
      <formula>N$40&lt;&gt;""</formula>
    </cfRule>
    <cfRule type="cellIs" dxfId="11790" priority="15879" operator="equal">
      <formula>""</formula>
    </cfRule>
  </conditionalFormatting>
  <conditionalFormatting sqref="BT40">
    <cfRule type="expression" dxfId="11789" priority="15700">
      <formula>BS$40&lt;&gt;""</formula>
    </cfRule>
    <cfRule type="expression" dxfId="11788" priority="15701">
      <formula>"&lt;&gt;"""""</formula>
    </cfRule>
    <cfRule type="cellIs" dxfId="11787" priority="15702" operator="equal">
      <formula>""</formula>
    </cfRule>
  </conditionalFormatting>
  <conditionalFormatting sqref="O41:O44">
    <cfRule type="expression" dxfId="11786" priority="15696">
      <formula>O$40&lt;&gt;""</formula>
    </cfRule>
    <cfRule type="expression" dxfId="11785" priority="15697">
      <formula>O$40=""</formula>
    </cfRule>
  </conditionalFormatting>
  <conditionalFormatting sqref="P41:P44">
    <cfRule type="expression" dxfId="11784" priority="15694">
      <formula>P$40&lt;&gt;""</formula>
    </cfRule>
    <cfRule type="expression" dxfId="11783" priority="15695">
      <formula>P$40=""</formula>
    </cfRule>
  </conditionalFormatting>
  <conditionalFormatting sqref="Q41:Q44">
    <cfRule type="expression" dxfId="11782" priority="15692">
      <formula>Q$40&lt;&gt;""</formula>
    </cfRule>
    <cfRule type="expression" dxfId="11781" priority="15693">
      <formula>Q$40=""</formula>
    </cfRule>
  </conditionalFormatting>
  <conditionalFormatting sqref="R41:R44">
    <cfRule type="expression" dxfId="11780" priority="15690">
      <formula>R$40&lt;&gt;""</formula>
    </cfRule>
    <cfRule type="expression" dxfId="11779" priority="15691">
      <formula>R$40=""</formula>
    </cfRule>
  </conditionalFormatting>
  <conditionalFormatting sqref="S41:S44">
    <cfRule type="expression" dxfId="11778" priority="15688">
      <formula>S$40&lt;&gt;""</formula>
    </cfRule>
    <cfRule type="expression" dxfId="11777" priority="15689">
      <formula>S$40=""</formula>
    </cfRule>
  </conditionalFormatting>
  <conditionalFormatting sqref="T41:T44">
    <cfRule type="expression" dxfId="11776" priority="15686">
      <formula>T$40&lt;&gt;""</formula>
    </cfRule>
    <cfRule type="expression" dxfId="11775" priority="15687">
      <formula>T$40=""</formula>
    </cfRule>
  </conditionalFormatting>
  <conditionalFormatting sqref="U41:U44">
    <cfRule type="expression" dxfId="11774" priority="15684">
      <formula>U$40&lt;&gt;""</formula>
    </cfRule>
    <cfRule type="expression" dxfId="11773" priority="15685">
      <formula>U$40=""</formula>
    </cfRule>
  </conditionalFormatting>
  <conditionalFormatting sqref="V41:V44">
    <cfRule type="expression" dxfId="11772" priority="15682">
      <formula>V$40&lt;&gt;""</formula>
    </cfRule>
    <cfRule type="expression" dxfId="11771" priority="15683">
      <formula>V$40=""</formula>
    </cfRule>
  </conditionalFormatting>
  <conditionalFormatting sqref="W41:W44">
    <cfRule type="expression" dxfId="11770" priority="15680">
      <formula>W$40&lt;&gt;""</formula>
    </cfRule>
    <cfRule type="expression" dxfId="11769" priority="15681">
      <formula>W$40=""</formula>
    </cfRule>
  </conditionalFormatting>
  <conditionalFormatting sqref="X41:X44">
    <cfRule type="expression" dxfId="11768" priority="15678">
      <formula>X$40&lt;&gt;""</formula>
    </cfRule>
    <cfRule type="expression" dxfId="11767" priority="15679">
      <formula>X$40=""</formula>
    </cfRule>
  </conditionalFormatting>
  <conditionalFormatting sqref="Y41:Y44">
    <cfRule type="expression" dxfId="11766" priority="15676">
      <formula>Y$40&lt;&gt;""</formula>
    </cfRule>
    <cfRule type="expression" dxfId="11765" priority="15677">
      <formula>Y$40=""</formula>
    </cfRule>
  </conditionalFormatting>
  <conditionalFormatting sqref="Z41:Z44">
    <cfRule type="expression" dxfId="11764" priority="15674">
      <formula>Z$40&lt;&gt;""</formula>
    </cfRule>
    <cfRule type="expression" dxfId="11763" priority="15675">
      <formula>Z$40=""</formula>
    </cfRule>
  </conditionalFormatting>
  <conditionalFormatting sqref="AA41:AA44">
    <cfRule type="expression" dxfId="11762" priority="15672">
      <formula>AA$40&lt;&gt;""</formula>
    </cfRule>
    <cfRule type="expression" dxfId="11761" priority="15673">
      <formula>AA$40=""</formula>
    </cfRule>
  </conditionalFormatting>
  <conditionalFormatting sqref="AB41:AB44">
    <cfRule type="expression" dxfId="11760" priority="15670">
      <formula>AB$40&lt;&gt;""</formula>
    </cfRule>
    <cfRule type="expression" dxfId="11759" priority="15671">
      <formula>AB$40=""</formula>
    </cfRule>
  </conditionalFormatting>
  <conditionalFormatting sqref="AC41:AC44">
    <cfRule type="expression" dxfId="11758" priority="15668">
      <formula>AC$40&lt;&gt;""</formula>
    </cfRule>
    <cfRule type="expression" dxfId="11757" priority="15669">
      <formula>AC$40=""</formula>
    </cfRule>
  </conditionalFormatting>
  <conditionalFormatting sqref="AD41:AD44">
    <cfRule type="expression" dxfId="11756" priority="15666">
      <formula>AD$40&lt;&gt;""</formula>
    </cfRule>
    <cfRule type="expression" dxfId="11755" priority="15667">
      <formula>AD$40=""</formula>
    </cfRule>
  </conditionalFormatting>
  <conditionalFormatting sqref="AE41:AE44">
    <cfRule type="expression" dxfId="11754" priority="15664">
      <formula>AE$40&lt;&gt;""</formula>
    </cfRule>
    <cfRule type="expression" dxfId="11753" priority="15665">
      <formula>AE$40=""</formula>
    </cfRule>
  </conditionalFormatting>
  <conditionalFormatting sqref="AF41:AF44">
    <cfRule type="expression" dxfId="11752" priority="15662">
      <formula>AF$40&lt;&gt;""</formula>
    </cfRule>
    <cfRule type="expression" dxfId="11751" priority="15663">
      <formula>AF$40=""</formula>
    </cfRule>
  </conditionalFormatting>
  <conditionalFormatting sqref="AG41:AG44">
    <cfRule type="expression" dxfId="11750" priority="15660">
      <formula>AG$40&lt;&gt;""</formula>
    </cfRule>
    <cfRule type="expression" dxfId="11749" priority="15661">
      <formula>AG$40=""</formula>
    </cfRule>
  </conditionalFormatting>
  <conditionalFormatting sqref="AH41:AH44">
    <cfRule type="expression" dxfId="11748" priority="15658">
      <formula>AH$40&lt;&gt;""</formula>
    </cfRule>
    <cfRule type="expression" dxfId="11747" priority="15659">
      <formula>AH$40=""</formula>
    </cfRule>
  </conditionalFormatting>
  <conditionalFormatting sqref="AI41:AI44">
    <cfRule type="expression" dxfId="11746" priority="15656">
      <formula>AI$40&lt;&gt;""</formula>
    </cfRule>
    <cfRule type="expression" dxfId="11745" priority="15657">
      <formula>AI$40=""</formula>
    </cfRule>
  </conditionalFormatting>
  <conditionalFormatting sqref="AJ41:AJ44">
    <cfRule type="expression" dxfId="11744" priority="15654">
      <formula>AJ$40&lt;&gt;""</formula>
    </cfRule>
    <cfRule type="expression" dxfId="11743" priority="15655">
      <formula>AJ$40=""</formula>
    </cfRule>
  </conditionalFormatting>
  <conditionalFormatting sqref="AK41:AK44">
    <cfRule type="expression" dxfId="11742" priority="15652">
      <formula>AK$40&lt;&gt;""</formula>
    </cfRule>
    <cfRule type="expression" dxfId="11741" priority="15653">
      <formula>AK$40=""</formula>
    </cfRule>
  </conditionalFormatting>
  <conditionalFormatting sqref="AL41:AL44">
    <cfRule type="expression" dxfId="11740" priority="15650">
      <formula>AL$40&lt;&gt;""</formula>
    </cfRule>
    <cfRule type="expression" dxfId="11739" priority="15651">
      <formula>AL$40=""</formula>
    </cfRule>
  </conditionalFormatting>
  <conditionalFormatting sqref="AM41:AM44">
    <cfRule type="expression" dxfId="11738" priority="15648">
      <formula>AM$40&lt;&gt;""</formula>
    </cfRule>
    <cfRule type="expression" dxfId="11737" priority="15649">
      <formula>AM$40=""</formula>
    </cfRule>
  </conditionalFormatting>
  <conditionalFormatting sqref="AN41:AN44">
    <cfRule type="expression" dxfId="11736" priority="15646">
      <formula>AN$40&lt;&gt;""</formula>
    </cfRule>
    <cfRule type="expression" dxfId="11735" priority="15647">
      <formula>AN$40=""</formula>
    </cfRule>
  </conditionalFormatting>
  <conditionalFormatting sqref="AO41:AO44">
    <cfRule type="expression" dxfId="11734" priority="15644">
      <formula>AO$40&lt;&gt;""</formula>
    </cfRule>
    <cfRule type="expression" dxfId="11733" priority="15645">
      <formula>AO$40=""</formula>
    </cfRule>
  </conditionalFormatting>
  <conditionalFormatting sqref="AP41:AP44">
    <cfRule type="expression" dxfId="11732" priority="15642">
      <formula>AP$40&lt;&gt;""</formula>
    </cfRule>
    <cfRule type="expression" dxfId="11731" priority="15643">
      <formula>AP$40=""</formula>
    </cfRule>
  </conditionalFormatting>
  <conditionalFormatting sqref="AQ41:AQ44">
    <cfRule type="expression" dxfId="11730" priority="15640">
      <formula>AQ$40&lt;&gt;""</formula>
    </cfRule>
    <cfRule type="expression" dxfId="11729" priority="15641">
      <formula>AQ$40=""</formula>
    </cfRule>
  </conditionalFormatting>
  <conditionalFormatting sqref="AR41:AR44">
    <cfRule type="expression" dxfId="11728" priority="15638">
      <formula>AR$40&lt;&gt;""</formula>
    </cfRule>
    <cfRule type="expression" dxfId="11727" priority="15639">
      <formula>AR$40=""</formula>
    </cfRule>
  </conditionalFormatting>
  <conditionalFormatting sqref="AS41:AS44">
    <cfRule type="expression" dxfId="11726" priority="15636">
      <formula>AS$40&lt;&gt;""</formula>
    </cfRule>
    <cfRule type="expression" dxfId="11725" priority="15637">
      <formula>AS$40=""</formula>
    </cfRule>
  </conditionalFormatting>
  <conditionalFormatting sqref="AT41:AT44">
    <cfRule type="expression" dxfId="11724" priority="15634">
      <formula>AT$40&lt;&gt;""</formula>
    </cfRule>
    <cfRule type="expression" dxfId="11723" priority="15635">
      <formula>AT$40=""</formula>
    </cfRule>
  </conditionalFormatting>
  <conditionalFormatting sqref="AU41:AU44">
    <cfRule type="expression" dxfId="11722" priority="15632">
      <formula>AU$40&lt;&gt;""</formula>
    </cfRule>
    <cfRule type="expression" dxfId="11721" priority="15633">
      <formula>AU$40=""</formula>
    </cfRule>
  </conditionalFormatting>
  <conditionalFormatting sqref="AV41:AV44">
    <cfRule type="expression" dxfId="11720" priority="15630">
      <formula>AV$40&lt;&gt;""</formula>
    </cfRule>
    <cfRule type="expression" dxfId="11719" priority="15631">
      <formula>AV$40=""</formula>
    </cfRule>
  </conditionalFormatting>
  <conditionalFormatting sqref="AW41:AW44">
    <cfRule type="expression" dxfId="11718" priority="15628">
      <formula>AW$40&lt;&gt;""</formula>
    </cfRule>
    <cfRule type="expression" dxfId="11717" priority="15629">
      <formula>AW$40=""</formula>
    </cfRule>
  </conditionalFormatting>
  <conditionalFormatting sqref="AX41:AX44">
    <cfRule type="expression" dxfId="11716" priority="15626">
      <formula>AX$40&lt;&gt;""</formula>
    </cfRule>
    <cfRule type="expression" dxfId="11715" priority="15627">
      <formula>AX$40=""</formula>
    </cfRule>
  </conditionalFormatting>
  <conditionalFormatting sqref="AY41:AY44">
    <cfRule type="expression" dxfId="11714" priority="15624">
      <formula>AY$40&lt;&gt;""</formula>
    </cfRule>
    <cfRule type="expression" dxfId="11713" priority="15625">
      <formula>AY$40=""</formula>
    </cfRule>
  </conditionalFormatting>
  <conditionalFormatting sqref="AZ41:AZ44">
    <cfRule type="expression" dxfId="11712" priority="15622">
      <formula>AZ$40&lt;&gt;""</formula>
    </cfRule>
    <cfRule type="expression" dxfId="11711" priority="15623">
      <formula>AZ$40=""</formula>
    </cfRule>
  </conditionalFormatting>
  <conditionalFormatting sqref="BA41:BA44">
    <cfRule type="expression" dxfId="11710" priority="15620">
      <formula>BA$40&lt;&gt;""</formula>
    </cfRule>
    <cfRule type="expression" dxfId="11709" priority="15621">
      <formula>BA$40=""</formula>
    </cfRule>
  </conditionalFormatting>
  <conditionalFormatting sqref="BB41:BB44">
    <cfRule type="expression" dxfId="11708" priority="15618">
      <formula>BB$40&lt;&gt;""</formula>
    </cfRule>
    <cfRule type="expression" dxfId="11707" priority="15619">
      <formula>BB$40=""</formula>
    </cfRule>
  </conditionalFormatting>
  <conditionalFormatting sqref="BC41:BC44">
    <cfRule type="expression" dxfId="11706" priority="15616">
      <formula>BC$40&lt;&gt;""</formula>
    </cfRule>
    <cfRule type="expression" dxfId="11705" priority="15617">
      <formula>BC$40=""</formula>
    </cfRule>
  </conditionalFormatting>
  <conditionalFormatting sqref="BD41:BD44">
    <cfRule type="expression" dxfId="11704" priority="15614">
      <formula>BD$40&lt;&gt;""</formula>
    </cfRule>
    <cfRule type="expression" dxfId="11703" priority="15615">
      <formula>BD$40=""</formula>
    </cfRule>
  </conditionalFormatting>
  <conditionalFormatting sqref="BE41:BE44">
    <cfRule type="expression" dxfId="11702" priority="15612">
      <formula>BE$40&lt;&gt;""</formula>
    </cfRule>
    <cfRule type="expression" dxfId="11701" priority="15613">
      <formula>BE$40=""</formula>
    </cfRule>
  </conditionalFormatting>
  <conditionalFormatting sqref="BF41:BF44">
    <cfRule type="expression" dxfId="11700" priority="15610">
      <formula>BF$40&lt;&gt;""</formula>
    </cfRule>
    <cfRule type="expression" dxfId="11699" priority="15611">
      <formula>BF$40=""</formula>
    </cfRule>
  </conditionalFormatting>
  <conditionalFormatting sqref="BG41:BG44">
    <cfRule type="expression" dxfId="11698" priority="15608">
      <formula>BG$40&lt;&gt;""</formula>
    </cfRule>
    <cfRule type="expression" dxfId="11697" priority="15609">
      <formula>BG$40=""</formula>
    </cfRule>
  </conditionalFormatting>
  <conditionalFormatting sqref="BH41:BH44">
    <cfRule type="expression" dxfId="11696" priority="15606">
      <formula>BH$40&lt;&gt;""</formula>
    </cfRule>
    <cfRule type="expression" dxfId="11695" priority="15607">
      <formula>BH$40=""</formula>
    </cfRule>
  </conditionalFormatting>
  <conditionalFormatting sqref="BI41:BI44">
    <cfRule type="expression" dxfId="11694" priority="15604">
      <formula>BI$40&lt;&gt;""</formula>
    </cfRule>
    <cfRule type="expression" dxfId="11693" priority="15605">
      <formula>BI$40=""</formula>
    </cfRule>
  </conditionalFormatting>
  <conditionalFormatting sqref="BJ41:BJ44">
    <cfRule type="expression" dxfId="11692" priority="15602">
      <formula>BJ$40&lt;&gt;""</formula>
    </cfRule>
    <cfRule type="expression" dxfId="11691" priority="15603">
      <formula>BJ$40=""</formula>
    </cfRule>
  </conditionalFormatting>
  <conditionalFormatting sqref="BK41:BK44">
    <cfRule type="expression" dxfId="11690" priority="15600">
      <formula>BK$40&lt;&gt;""</formula>
    </cfRule>
    <cfRule type="expression" dxfId="11689" priority="15601">
      <formula>BK$40=""</formula>
    </cfRule>
  </conditionalFormatting>
  <conditionalFormatting sqref="BL41:BL44">
    <cfRule type="expression" dxfId="11688" priority="15598">
      <formula>BL$40&lt;&gt;""</formula>
    </cfRule>
    <cfRule type="expression" dxfId="11687" priority="15599">
      <formula>BL$40=""</formula>
    </cfRule>
  </conditionalFormatting>
  <conditionalFormatting sqref="BM41:BM44">
    <cfRule type="expression" dxfId="11686" priority="15596">
      <formula>BM$40&lt;&gt;""</formula>
    </cfRule>
    <cfRule type="expression" dxfId="11685" priority="15597">
      <formula>BM$40=""</formula>
    </cfRule>
  </conditionalFormatting>
  <conditionalFormatting sqref="BN41:BN44">
    <cfRule type="expression" dxfId="11684" priority="15594">
      <formula>BN$40&lt;&gt;""</formula>
    </cfRule>
    <cfRule type="expression" dxfId="11683" priority="15595">
      <formula>BN$40=""</formula>
    </cfRule>
  </conditionalFormatting>
  <conditionalFormatting sqref="BO41:BO44">
    <cfRule type="expression" dxfId="11682" priority="15592">
      <formula>BO$40&lt;&gt;""</formula>
    </cfRule>
    <cfRule type="expression" dxfId="11681" priority="15593">
      <formula>BO$40=""</formula>
    </cfRule>
  </conditionalFormatting>
  <conditionalFormatting sqref="BP41:BP44">
    <cfRule type="expression" dxfId="11680" priority="15590">
      <formula>BP$40&lt;&gt;""</formula>
    </cfRule>
    <cfRule type="expression" dxfId="11679" priority="15591">
      <formula>BP$40=""</formula>
    </cfRule>
  </conditionalFormatting>
  <conditionalFormatting sqref="BQ41:BQ44">
    <cfRule type="expression" dxfId="11678" priority="15588">
      <formula>BQ$40&lt;&gt;""</formula>
    </cfRule>
    <cfRule type="expression" dxfId="11677" priority="15589">
      <formula>BQ$40=""</formula>
    </cfRule>
  </conditionalFormatting>
  <conditionalFormatting sqref="BR41:BR44">
    <cfRule type="expression" dxfId="11676" priority="15586">
      <formula>BR$40&lt;&gt;""</formula>
    </cfRule>
    <cfRule type="expression" dxfId="11675" priority="15587">
      <formula>BR$40=""</formula>
    </cfRule>
  </conditionalFormatting>
  <conditionalFormatting sqref="BS41:BS44">
    <cfRule type="expression" dxfId="11674" priority="15584">
      <formula>BS$40&lt;&gt;""</formula>
    </cfRule>
    <cfRule type="expression" dxfId="11673" priority="15585">
      <formula>BS$40=""</formula>
    </cfRule>
  </conditionalFormatting>
  <conditionalFormatting sqref="M49">
    <cfRule type="expression" dxfId="11672" priority="15582">
      <formula>$M$49&lt;&gt;""</formula>
    </cfRule>
    <cfRule type="cellIs" dxfId="11671" priority="15583" operator="equal">
      <formula>""</formula>
    </cfRule>
  </conditionalFormatting>
  <conditionalFormatting sqref="N49">
    <cfRule type="expression" dxfId="11670" priority="15580">
      <formula>N$49&lt;&gt;""</formula>
    </cfRule>
    <cfRule type="cellIs" dxfId="11669" priority="15581" operator="equal">
      <formula>""</formula>
    </cfRule>
  </conditionalFormatting>
  <conditionalFormatting sqref="BT49">
    <cfRule type="expression" dxfId="11668" priority="15402">
      <formula>BS$49&lt;&gt;""</formula>
    </cfRule>
    <cfRule type="expression" dxfId="11667" priority="15403">
      <formula>"&lt;&gt;"""""</formula>
    </cfRule>
    <cfRule type="cellIs" dxfId="11666" priority="15404" operator="equal">
      <formula>""</formula>
    </cfRule>
  </conditionalFormatting>
  <conditionalFormatting sqref="O50:O58">
    <cfRule type="expression" dxfId="11665" priority="15276">
      <formula>O$49&lt;&gt;""</formula>
    </cfRule>
    <cfRule type="expression" dxfId="11664" priority="15277">
      <formula>O$49=""</formula>
    </cfRule>
  </conditionalFormatting>
  <conditionalFormatting sqref="P50:P58">
    <cfRule type="expression" dxfId="11663" priority="15274">
      <formula>P$49&lt;&gt;""</formula>
    </cfRule>
    <cfRule type="expression" dxfId="11662" priority="15275">
      <formula>P$49=""</formula>
    </cfRule>
  </conditionalFormatting>
  <conditionalFormatting sqref="Q50:Q58">
    <cfRule type="expression" dxfId="11661" priority="15272">
      <formula>Q$49&lt;&gt;""</formula>
    </cfRule>
    <cfRule type="expression" dxfId="11660" priority="15273">
      <formula>Q$49=""</formula>
    </cfRule>
  </conditionalFormatting>
  <conditionalFormatting sqref="R50:R58">
    <cfRule type="expression" dxfId="11659" priority="15270">
      <formula>R$49&lt;&gt;""</formula>
    </cfRule>
    <cfRule type="expression" dxfId="11658" priority="15271">
      <formula>R$49=""</formula>
    </cfRule>
  </conditionalFormatting>
  <conditionalFormatting sqref="S50:S58">
    <cfRule type="expression" dxfId="11657" priority="15268">
      <formula>S$49&lt;&gt;""</formula>
    </cfRule>
    <cfRule type="expression" dxfId="11656" priority="15269">
      <formula>S$49=""</formula>
    </cfRule>
  </conditionalFormatting>
  <conditionalFormatting sqref="T50:T58">
    <cfRule type="expression" dxfId="11655" priority="15266">
      <formula>T$49&lt;&gt;""</formula>
    </cfRule>
    <cfRule type="expression" dxfId="11654" priority="15267">
      <formula>T$49=""</formula>
    </cfRule>
  </conditionalFormatting>
  <conditionalFormatting sqref="U50:U58">
    <cfRule type="expression" dxfId="11653" priority="15264">
      <formula>U$49&lt;&gt;""</formula>
    </cfRule>
    <cfRule type="expression" dxfId="11652" priority="15265">
      <formula>U$49=""</formula>
    </cfRule>
  </conditionalFormatting>
  <conditionalFormatting sqref="V50:V58">
    <cfRule type="expression" dxfId="11651" priority="15262">
      <formula>V$49&lt;&gt;""</formula>
    </cfRule>
    <cfRule type="expression" dxfId="11650" priority="15263">
      <formula>V$49=""</formula>
    </cfRule>
  </conditionalFormatting>
  <conditionalFormatting sqref="W50:W58">
    <cfRule type="expression" dxfId="11649" priority="15260">
      <formula>W$49&lt;&gt;""</formula>
    </cfRule>
    <cfRule type="expression" dxfId="11648" priority="15261">
      <formula>W$49=""</formula>
    </cfRule>
  </conditionalFormatting>
  <conditionalFormatting sqref="X50:X58">
    <cfRule type="expression" dxfId="11647" priority="15258">
      <formula>X$49&lt;&gt;""</formula>
    </cfRule>
    <cfRule type="expression" dxfId="11646" priority="15259">
      <formula>X$49=""</formula>
    </cfRule>
  </conditionalFormatting>
  <conditionalFormatting sqref="Y50:Y58">
    <cfRule type="expression" dxfId="11645" priority="15256">
      <formula>Y$49&lt;&gt;""</formula>
    </cfRule>
    <cfRule type="expression" dxfId="11644" priority="15257">
      <formula>Y$49=""</formula>
    </cfRule>
  </conditionalFormatting>
  <conditionalFormatting sqref="Z50:Z58">
    <cfRule type="expression" dxfId="11643" priority="15254">
      <formula>Z$49&lt;&gt;""</formula>
    </cfRule>
    <cfRule type="expression" dxfId="11642" priority="15255">
      <formula>Z$49=""</formula>
    </cfRule>
  </conditionalFormatting>
  <conditionalFormatting sqref="AA50:AA58">
    <cfRule type="expression" dxfId="11641" priority="15252">
      <formula>AA$49&lt;&gt;""</formula>
    </cfRule>
    <cfRule type="expression" dxfId="11640" priority="15253">
      <formula>AA$49=""</formula>
    </cfRule>
  </conditionalFormatting>
  <conditionalFormatting sqref="AB50:AB58">
    <cfRule type="expression" dxfId="11639" priority="15250">
      <formula>AB$49&lt;&gt;""</formula>
    </cfRule>
    <cfRule type="expression" dxfId="11638" priority="15251">
      <formula>AB$49=""</formula>
    </cfRule>
  </conditionalFormatting>
  <conditionalFormatting sqref="AC50:AC58">
    <cfRule type="expression" dxfId="11637" priority="15248">
      <formula>AC$49&lt;&gt;""</formula>
    </cfRule>
    <cfRule type="expression" dxfId="11636" priority="15249">
      <formula>AC$49=""</formula>
    </cfRule>
  </conditionalFormatting>
  <conditionalFormatting sqref="AD50:AD58">
    <cfRule type="expression" dxfId="11635" priority="15246">
      <formula>AD$49&lt;&gt;""</formula>
    </cfRule>
    <cfRule type="expression" dxfId="11634" priority="15247">
      <formula>AD$49=""</formula>
    </cfRule>
  </conditionalFormatting>
  <conditionalFormatting sqref="AE50:AE58">
    <cfRule type="expression" dxfId="11633" priority="15244">
      <formula>AE$49&lt;&gt;""</formula>
    </cfRule>
    <cfRule type="expression" dxfId="11632" priority="15245">
      <formula>AE$49=""</formula>
    </cfRule>
  </conditionalFormatting>
  <conditionalFormatting sqref="AF50:AF58">
    <cfRule type="expression" dxfId="11631" priority="15242">
      <formula>AF$49&lt;&gt;""</formula>
    </cfRule>
    <cfRule type="expression" dxfId="11630" priority="15243">
      <formula>AF$49=""</formula>
    </cfRule>
  </conditionalFormatting>
  <conditionalFormatting sqref="AG50:AG58">
    <cfRule type="expression" dxfId="11629" priority="15240">
      <formula>AG$49&lt;&gt;""</formula>
    </cfRule>
    <cfRule type="expression" dxfId="11628" priority="15241">
      <formula>AG$49=""</formula>
    </cfRule>
  </conditionalFormatting>
  <conditionalFormatting sqref="AH50:AH58">
    <cfRule type="expression" dxfId="11627" priority="15238">
      <formula>AH$49&lt;&gt;""</formula>
    </cfRule>
    <cfRule type="expression" dxfId="11626" priority="15239">
      <formula>AH$49=""</formula>
    </cfRule>
  </conditionalFormatting>
  <conditionalFormatting sqref="AI50:AI58">
    <cfRule type="expression" dxfId="11625" priority="15236">
      <formula>AI$49&lt;&gt;""</formula>
    </cfRule>
    <cfRule type="expression" dxfId="11624" priority="15237">
      <formula>AI$49=""</formula>
    </cfRule>
  </conditionalFormatting>
  <conditionalFormatting sqref="AJ50:AJ58">
    <cfRule type="expression" dxfId="11623" priority="15234">
      <formula>AJ$49&lt;&gt;""</formula>
    </cfRule>
    <cfRule type="expression" dxfId="11622" priority="15235">
      <formula>AJ$49=""</formula>
    </cfRule>
  </conditionalFormatting>
  <conditionalFormatting sqref="AK50:AK58">
    <cfRule type="expression" dxfId="11621" priority="15232">
      <formula>AK$49&lt;&gt;""</formula>
    </cfRule>
    <cfRule type="expression" dxfId="11620" priority="15233">
      <formula>AK$49=""</formula>
    </cfRule>
  </conditionalFormatting>
  <conditionalFormatting sqref="AL50:AL58">
    <cfRule type="expression" dxfId="11619" priority="15230">
      <formula>AL$49&lt;&gt;""</formula>
    </cfRule>
    <cfRule type="expression" dxfId="11618" priority="15231">
      <formula>AL$49=""</formula>
    </cfRule>
  </conditionalFormatting>
  <conditionalFormatting sqref="AM50:AM58">
    <cfRule type="expression" dxfId="11617" priority="15228">
      <formula>AM$49&lt;&gt;""</formula>
    </cfRule>
    <cfRule type="expression" dxfId="11616" priority="15229">
      <formula>AM$49=""</formula>
    </cfRule>
  </conditionalFormatting>
  <conditionalFormatting sqref="AN50:AN58">
    <cfRule type="expression" dxfId="11615" priority="15226">
      <formula>AN$49&lt;&gt;""</formula>
    </cfRule>
    <cfRule type="expression" dxfId="11614" priority="15227">
      <formula>AN$49=""</formula>
    </cfRule>
  </conditionalFormatting>
  <conditionalFormatting sqref="AO50:AO58">
    <cfRule type="expression" dxfId="11613" priority="15224">
      <formula>AO$49&lt;&gt;""</formula>
    </cfRule>
    <cfRule type="expression" dxfId="11612" priority="15225">
      <formula>AO$49=""</formula>
    </cfRule>
  </conditionalFormatting>
  <conditionalFormatting sqref="AP50:AP58">
    <cfRule type="expression" dxfId="11611" priority="15222">
      <formula>AP$49&lt;&gt;""</formula>
    </cfRule>
    <cfRule type="expression" dxfId="11610" priority="15223">
      <formula>AP$49=""</formula>
    </cfRule>
  </conditionalFormatting>
  <conditionalFormatting sqref="AQ50:AQ58">
    <cfRule type="expression" dxfId="11609" priority="15220">
      <formula>AQ$49&lt;&gt;""</formula>
    </cfRule>
    <cfRule type="expression" dxfId="11608" priority="15221">
      <formula>AQ$49=""</formula>
    </cfRule>
  </conditionalFormatting>
  <conditionalFormatting sqref="AR50:AR58">
    <cfRule type="expression" dxfId="11607" priority="15218">
      <formula>AR$49&lt;&gt;""</formula>
    </cfRule>
    <cfRule type="expression" dxfId="11606" priority="15219">
      <formula>AR$49=""</formula>
    </cfRule>
  </conditionalFormatting>
  <conditionalFormatting sqref="AS50:AS58">
    <cfRule type="expression" dxfId="11605" priority="15216">
      <formula>AS$49&lt;&gt;""</formula>
    </cfRule>
    <cfRule type="expression" dxfId="11604" priority="15217">
      <formula>AS$49=""</formula>
    </cfRule>
  </conditionalFormatting>
  <conditionalFormatting sqref="AT50:AT58">
    <cfRule type="expression" dxfId="11603" priority="15214">
      <formula>AT$49&lt;&gt;""</formula>
    </cfRule>
    <cfRule type="expression" dxfId="11602" priority="15215">
      <formula>AT$49=""</formula>
    </cfRule>
  </conditionalFormatting>
  <conditionalFormatting sqref="AU50:AU58">
    <cfRule type="expression" dxfId="11601" priority="15212">
      <formula>AU$49&lt;&gt;""</formula>
    </cfRule>
    <cfRule type="expression" dxfId="11600" priority="15213">
      <formula>AU$49=""</formula>
    </cfRule>
  </conditionalFormatting>
  <conditionalFormatting sqref="AV50:AV58">
    <cfRule type="expression" dxfId="11599" priority="15210">
      <formula>AV$49&lt;&gt;""</formula>
    </cfRule>
    <cfRule type="expression" dxfId="11598" priority="15211">
      <formula>AV$49=""</formula>
    </cfRule>
  </conditionalFormatting>
  <conditionalFormatting sqref="AW50:AW58">
    <cfRule type="expression" dxfId="11597" priority="15208">
      <formula>AW$49&lt;&gt;""</formula>
    </cfRule>
    <cfRule type="expression" dxfId="11596" priority="15209">
      <formula>AW$49=""</formula>
    </cfRule>
  </conditionalFormatting>
  <conditionalFormatting sqref="AX50:AX58">
    <cfRule type="expression" dxfId="11595" priority="15206">
      <formula>AX$49&lt;&gt;""</formula>
    </cfRule>
    <cfRule type="expression" dxfId="11594" priority="15207">
      <formula>AX$49=""</formula>
    </cfRule>
  </conditionalFormatting>
  <conditionalFormatting sqref="AY50:AY58">
    <cfRule type="expression" dxfId="11593" priority="15204">
      <formula>AY$49&lt;&gt;""</formula>
    </cfRule>
    <cfRule type="expression" dxfId="11592" priority="15205">
      <formula>AY$49=""</formula>
    </cfRule>
  </conditionalFormatting>
  <conditionalFormatting sqref="AZ50:AZ58">
    <cfRule type="expression" dxfId="11591" priority="15202">
      <formula>AZ$49&lt;&gt;""</formula>
    </cfRule>
    <cfRule type="expression" dxfId="11590" priority="15203">
      <formula>AZ$49=""</formula>
    </cfRule>
  </conditionalFormatting>
  <conditionalFormatting sqref="BA50:BA58">
    <cfRule type="expression" dxfId="11589" priority="15200">
      <formula>BA$49&lt;&gt;""</formula>
    </cfRule>
    <cfRule type="expression" dxfId="11588" priority="15201">
      <formula>BA$49=""</formula>
    </cfRule>
  </conditionalFormatting>
  <conditionalFormatting sqref="BB50:BB58">
    <cfRule type="expression" dxfId="11587" priority="15198">
      <formula>BB$49&lt;&gt;""</formula>
    </cfRule>
    <cfRule type="expression" dxfId="11586" priority="15199">
      <formula>BB$49=""</formula>
    </cfRule>
  </conditionalFormatting>
  <conditionalFormatting sqref="BC50:BC58">
    <cfRule type="expression" dxfId="11585" priority="15196">
      <formula>BC$49&lt;&gt;""</formula>
    </cfRule>
    <cfRule type="expression" dxfId="11584" priority="15197">
      <formula>BC$49=""</formula>
    </cfRule>
  </conditionalFormatting>
  <conditionalFormatting sqref="BD50:BD58">
    <cfRule type="expression" dxfId="11583" priority="15194">
      <formula>BD$49&lt;&gt;""</formula>
    </cfRule>
    <cfRule type="expression" dxfId="11582" priority="15195">
      <formula>BD$49=""</formula>
    </cfRule>
  </conditionalFormatting>
  <conditionalFormatting sqref="BE50:BE58">
    <cfRule type="expression" dxfId="11581" priority="15192">
      <formula>BE$49&lt;&gt;""</formula>
    </cfRule>
    <cfRule type="expression" dxfId="11580" priority="15193">
      <formula>BE$49=""</formula>
    </cfRule>
  </conditionalFormatting>
  <conditionalFormatting sqref="BF50:BF58">
    <cfRule type="expression" dxfId="11579" priority="15190">
      <formula>BF$49&lt;&gt;""</formula>
    </cfRule>
    <cfRule type="expression" dxfId="11578" priority="15191">
      <formula>BF$49=""</formula>
    </cfRule>
  </conditionalFormatting>
  <conditionalFormatting sqref="BG50:BG58">
    <cfRule type="expression" dxfId="11577" priority="15188">
      <formula>BG$49&lt;&gt;""</formula>
    </cfRule>
    <cfRule type="expression" dxfId="11576" priority="15189">
      <formula>BG$49=""</formula>
    </cfRule>
  </conditionalFormatting>
  <conditionalFormatting sqref="BH50:BH58">
    <cfRule type="expression" dxfId="11575" priority="15186">
      <formula>BH$49&lt;&gt;""</formula>
    </cfRule>
    <cfRule type="expression" dxfId="11574" priority="15187">
      <formula>BH$49=""</formula>
    </cfRule>
  </conditionalFormatting>
  <conditionalFormatting sqref="BI50:BI58">
    <cfRule type="expression" dxfId="11573" priority="15184">
      <formula>BI$49&lt;&gt;""</formula>
    </cfRule>
    <cfRule type="expression" dxfId="11572" priority="15185">
      <formula>BI$49=""</formula>
    </cfRule>
  </conditionalFormatting>
  <conditionalFormatting sqref="BJ50:BJ58">
    <cfRule type="expression" dxfId="11571" priority="15182">
      <formula>BJ$49&lt;&gt;""</formula>
    </cfRule>
    <cfRule type="expression" dxfId="11570" priority="15183">
      <formula>BJ$49=""</formula>
    </cfRule>
  </conditionalFormatting>
  <conditionalFormatting sqref="BK50:BK58">
    <cfRule type="expression" dxfId="11569" priority="15180">
      <formula>BK$49&lt;&gt;""</formula>
    </cfRule>
    <cfRule type="expression" dxfId="11568" priority="15181">
      <formula>BK$49=""</formula>
    </cfRule>
  </conditionalFormatting>
  <conditionalFormatting sqref="BL50:BL58">
    <cfRule type="expression" dxfId="11567" priority="15178">
      <formula>BL$49&lt;&gt;""</formula>
    </cfRule>
    <cfRule type="expression" dxfId="11566" priority="15179">
      <formula>BL$49=""</formula>
    </cfRule>
  </conditionalFormatting>
  <conditionalFormatting sqref="BM50:BM58">
    <cfRule type="expression" dxfId="11565" priority="15176">
      <formula>BM$49&lt;&gt;""</formula>
    </cfRule>
    <cfRule type="expression" dxfId="11564" priority="15177">
      <formula>BM$49=""</formula>
    </cfRule>
  </conditionalFormatting>
  <conditionalFormatting sqref="BN50:BN58">
    <cfRule type="expression" dxfId="11563" priority="15174">
      <formula>BN$49&lt;&gt;""</formula>
    </cfRule>
    <cfRule type="expression" dxfId="11562" priority="15175">
      <formula>BN$49=""</formula>
    </cfRule>
  </conditionalFormatting>
  <conditionalFormatting sqref="BO50:BO58">
    <cfRule type="expression" dxfId="11561" priority="15172">
      <formula>BO$49&lt;&gt;""</formula>
    </cfRule>
    <cfRule type="expression" dxfId="11560" priority="15173">
      <formula>BO$49=""</formula>
    </cfRule>
  </conditionalFormatting>
  <conditionalFormatting sqref="BP50:BP58">
    <cfRule type="expression" dxfId="11559" priority="15170">
      <formula>BP$49&lt;&gt;""</formula>
    </cfRule>
    <cfRule type="expression" dxfId="11558" priority="15171">
      <formula>BP$49=""</formula>
    </cfRule>
  </conditionalFormatting>
  <conditionalFormatting sqref="BQ50:BQ58">
    <cfRule type="expression" dxfId="11557" priority="15168">
      <formula>BQ$49&lt;&gt;""</formula>
    </cfRule>
    <cfRule type="expression" dxfId="11556" priority="15169">
      <formula>BQ$49=""</formula>
    </cfRule>
  </conditionalFormatting>
  <conditionalFormatting sqref="BR50:BR58">
    <cfRule type="expression" dxfId="11555" priority="15166">
      <formula>BR$49&lt;&gt;""</formula>
    </cfRule>
    <cfRule type="expression" dxfId="11554" priority="15167">
      <formula>BR$49=""</formula>
    </cfRule>
  </conditionalFormatting>
  <conditionalFormatting sqref="BS50:BS58">
    <cfRule type="expression" dxfId="11553" priority="15164">
      <formula>BS$49&lt;&gt;""</formula>
    </cfRule>
    <cfRule type="expression" dxfId="11552" priority="15165">
      <formula>BS$49=""</formula>
    </cfRule>
  </conditionalFormatting>
  <conditionalFormatting sqref="N102:N103">
    <cfRule type="expression" dxfId="11551" priority="15156">
      <formula>OR(N$102&lt;&gt;"",N$103&lt;&gt;"")</formula>
    </cfRule>
    <cfRule type="expression" dxfId="11550" priority="15157">
      <formula>AND(N$102="",N$103="")</formula>
    </cfRule>
  </conditionalFormatting>
  <conditionalFormatting sqref="O102:O103">
    <cfRule type="expression" dxfId="11549" priority="15154">
      <formula>OR(O$102&lt;&gt;"",O$103&lt;&gt;"")</formula>
    </cfRule>
    <cfRule type="expression" dxfId="11548" priority="15155">
      <formula>AND(O$102="",O$103="")</formula>
    </cfRule>
  </conditionalFormatting>
  <conditionalFormatting sqref="P102:P103">
    <cfRule type="expression" dxfId="11547" priority="15152">
      <formula>OR(P$102&lt;&gt;"",P$103&lt;&gt;"")</formula>
    </cfRule>
    <cfRule type="expression" dxfId="11546" priority="15153">
      <formula>AND(P$102="",P$103="")</formula>
    </cfRule>
  </conditionalFormatting>
  <conditionalFormatting sqref="Q102:Q103">
    <cfRule type="expression" dxfId="11545" priority="15150">
      <formula>OR(Q$102&lt;&gt;"",Q$103&lt;&gt;"")</formula>
    </cfRule>
    <cfRule type="expression" dxfId="11544" priority="15151">
      <formula>AND(Q$102="",Q$103="")</formula>
    </cfRule>
  </conditionalFormatting>
  <conditionalFormatting sqref="R102:R103">
    <cfRule type="expression" dxfId="11543" priority="15148">
      <formula>OR(R$102&lt;&gt;"",R$103&lt;&gt;"")</formula>
    </cfRule>
    <cfRule type="expression" dxfId="11542" priority="15149">
      <formula>AND(R$102="",R$103="")</formula>
    </cfRule>
  </conditionalFormatting>
  <conditionalFormatting sqref="S102:S103">
    <cfRule type="expression" dxfId="11541" priority="15146">
      <formula>OR(S$102&lt;&gt;"",S$103&lt;&gt;"")</formula>
    </cfRule>
    <cfRule type="expression" dxfId="11540" priority="15147">
      <formula>AND(S$102="",S$103="")</formula>
    </cfRule>
  </conditionalFormatting>
  <conditionalFormatting sqref="T102:T103">
    <cfRule type="expression" dxfId="11539" priority="15144">
      <formula>OR(T$102&lt;&gt;"",T$103&lt;&gt;"")</formula>
    </cfRule>
    <cfRule type="expression" dxfId="11538" priority="15145">
      <formula>AND(T$102="",T$103="")</formula>
    </cfRule>
  </conditionalFormatting>
  <conditionalFormatting sqref="U102:U103">
    <cfRule type="expression" dxfId="11537" priority="15142">
      <formula>OR(U$102&lt;&gt;"",U$103&lt;&gt;"")</formula>
    </cfRule>
    <cfRule type="expression" dxfId="11536" priority="15143">
      <formula>AND(U$102="",U$103="")</formula>
    </cfRule>
  </conditionalFormatting>
  <conditionalFormatting sqref="V102:V103">
    <cfRule type="expression" dxfId="11535" priority="15140">
      <formula>OR(V$102&lt;&gt;"",V$103&lt;&gt;"")</formula>
    </cfRule>
    <cfRule type="expression" dxfId="11534" priority="15141">
      <formula>AND(V$102="",V$103="")</formula>
    </cfRule>
  </conditionalFormatting>
  <conditionalFormatting sqref="W102:W103">
    <cfRule type="expression" dxfId="11533" priority="15138">
      <formula>OR(W$102&lt;&gt;"",W$103&lt;&gt;"")</formula>
    </cfRule>
    <cfRule type="expression" dxfId="11532" priority="15139">
      <formula>AND(W$102="",W$103="")</formula>
    </cfRule>
  </conditionalFormatting>
  <conditionalFormatting sqref="X102:X103">
    <cfRule type="expression" dxfId="11531" priority="15136">
      <formula>OR(X$102&lt;&gt;"",X$103&lt;&gt;"")</formula>
    </cfRule>
    <cfRule type="expression" dxfId="11530" priority="15137">
      <formula>AND(X$102="",X$103="")</formula>
    </cfRule>
  </conditionalFormatting>
  <conditionalFormatting sqref="Y102:Y103">
    <cfRule type="expression" dxfId="11529" priority="15134">
      <formula>OR(Y$102&lt;&gt;"",Y$103&lt;&gt;"")</formula>
    </cfRule>
    <cfRule type="expression" dxfId="11528" priority="15135">
      <formula>AND(Y$102="",Y$103="")</formula>
    </cfRule>
  </conditionalFormatting>
  <conditionalFormatting sqref="Z102:Z103">
    <cfRule type="expression" dxfId="11527" priority="15132">
      <formula>OR(Z$102&lt;&gt;"",Z$103&lt;&gt;"")</formula>
    </cfRule>
    <cfRule type="expression" dxfId="11526" priority="15133">
      <formula>AND(Z$102="",Z$103="")</formula>
    </cfRule>
  </conditionalFormatting>
  <conditionalFormatting sqref="AA102:AA103">
    <cfRule type="expression" dxfId="11525" priority="15130">
      <formula>OR(AA$102&lt;&gt;"",AA$103&lt;&gt;"")</formula>
    </cfRule>
    <cfRule type="expression" dxfId="11524" priority="15131">
      <formula>AND(AA$102="",AA$103="")</formula>
    </cfRule>
  </conditionalFormatting>
  <conditionalFormatting sqref="AB102:AB103">
    <cfRule type="expression" dxfId="11523" priority="15128">
      <formula>OR(AB$102&lt;&gt;"",AB$103&lt;&gt;"")</formula>
    </cfRule>
    <cfRule type="expression" dxfId="11522" priority="15129">
      <formula>AND(AB$102="",AB$103="")</formula>
    </cfRule>
  </conditionalFormatting>
  <conditionalFormatting sqref="AC102:AC103">
    <cfRule type="expression" dxfId="11521" priority="15126">
      <formula>OR(AC$102&lt;&gt;"",AC$103&lt;&gt;"")</formula>
    </cfRule>
    <cfRule type="expression" dxfId="11520" priority="15127">
      <formula>AND(AC$102="",AC$103="")</formula>
    </cfRule>
  </conditionalFormatting>
  <conditionalFormatting sqref="AD102:AD103">
    <cfRule type="expression" dxfId="11519" priority="15124">
      <formula>OR(AD$102&lt;&gt;"",AD$103&lt;&gt;"")</formula>
    </cfRule>
    <cfRule type="expression" dxfId="11518" priority="15125">
      <formula>AND(AD$102="",AD$103="")</formula>
    </cfRule>
  </conditionalFormatting>
  <conditionalFormatting sqref="AE102:AE103">
    <cfRule type="expression" dxfId="11517" priority="15122">
      <formula>OR(AE$102&lt;&gt;"",AE$103&lt;&gt;"")</formula>
    </cfRule>
    <cfRule type="expression" dxfId="11516" priority="15123">
      <formula>AND(AE$102="",AE$103="")</formula>
    </cfRule>
  </conditionalFormatting>
  <conditionalFormatting sqref="AF102:AF103">
    <cfRule type="expression" dxfId="11515" priority="15120">
      <formula>OR(AF$102&lt;&gt;"",AF$103&lt;&gt;"")</formula>
    </cfRule>
    <cfRule type="expression" dxfId="11514" priority="15121">
      <formula>AND(AF$102="",AF$103="")</formula>
    </cfRule>
  </conditionalFormatting>
  <conditionalFormatting sqref="AG102:AG103">
    <cfRule type="expression" dxfId="11513" priority="15118">
      <formula>OR(AG$102&lt;&gt;"",AG$103&lt;&gt;"")</formula>
    </cfRule>
    <cfRule type="expression" dxfId="11512" priority="15119">
      <formula>AND(AG$102="",AG$103="")</formula>
    </cfRule>
  </conditionalFormatting>
  <conditionalFormatting sqref="AH102:AH103">
    <cfRule type="expression" dxfId="11511" priority="15116">
      <formula>OR(AH$102&lt;&gt;"",AH$103&lt;&gt;"")</formula>
    </cfRule>
    <cfRule type="expression" dxfId="11510" priority="15117">
      <formula>AND(AH$102="",AH$103="")</formula>
    </cfRule>
  </conditionalFormatting>
  <conditionalFormatting sqref="AI102:AI103">
    <cfRule type="expression" dxfId="11509" priority="15114">
      <formula>OR(AI$102&lt;&gt;"",AI$103&lt;&gt;"")</formula>
    </cfRule>
    <cfRule type="expression" dxfId="11508" priority="15115">
      <formula>AND(AI$102="",AI$103="")</formula>
    </cfRule>
  </conditionalFormatting>
  <conditionalFormatting sqref="AJ102:AJ103">
    <cfRule type="expression" dxfId="11507" priority="15112">
      <formula>OR(AJ$102&lt;&gt;"",AJ$103&lt;&gt;"")</formula>
    </cfRule>
    <cfRule type="expression" dxfId="11506" priority="15113">
      <formula>AND(AJ$102="",AJ$103="")</formula>
    </cfRule>
  </conditionalFormatting>
  <conditionalFormatting sqref="AK102:AK103">
    <cfRule type="expression" dxfId="11505" priority="15110">
      <formula>OR(AK$102&lt;&gt;"",AK$103&lt;&gt;"")</formula>
    </cfRule>
    <cfRule type="expression" dxfId="11504" priority="15111">
      <formula>AND(AK$102="",AK$103="")</formula>
    </cfRule>
  </conditionalFormatting>
  <conditionalFormatting sqref="AL102:AL103">
    <cfRule type="expression" dxfId="11503" priority="15108">
      <formula>OR(AL$102&lt;&gt;"",AL$103&lt;&gt;"")</formula>
    </cfRule>
    <cfRule type="expression" dxfId="11502" priority="15109">
      <formula>AND(AL$102="",AL$103="")</formula>
    </cfRule>
  </conditionalFormatting>
  <conditionalFormatting sqref="AM102:AM103">
    <cfRule type="expression" dxfId="11501" priority="15106">
      <formula>OR(AM$102&lt;&gt;"",AM$103&lt;&gt;"")</formula>
    </cfRule>
    <cfRule type="expression" dxfId="11500" priority="15107">
      <formula>AND(AM$102="",AM$103="")</formula>
    </cfRule>
  </conditionalFormatting>
  <conditionalFormatting sqref="AN102:AN103">
    <cfRule type="expression" dxfId="11499" priority="15104">
      <formula>OR(AN$102&lt;&gt;"",AN$103&lt;&gt;"")</formula>
    </cfRule>
    <cfRule type="expression" dxfId="11498" priority="15105">
      <formula>AND(AN$102="",AN$103="")</formula>
    </cfRule>
  </conditionalFormatting>
  <conditionalFormatting sqref="AO102:AO103">
    <cfRule type="expression" dxfId="11497" priority="15102">
      <formula>OR(AO$102&lt;&gt;"",AO$103&lt;&gt;"")</formula>
    </cfRule>
    <cfRule type="expression" dxfId="11496" priority="15103">
      <formula>AND(AO$102="",AO$103="")</formula>
    </cfRule>
  </conditionalFormatting>
  <conditionalFormatting sqref="AP102:AP103">
    <cfRule type="expression" dxfId="11495" priority="15100">
      <formula>OR(AP$102&lt;&gt;"",AP$103&lt;&gt;"")</formula>
    </cfRule>
    <cfRule type="expression" dxfId="11494" priority="15101">
      <formula>AND(AP$102="",AP$103="")</formula>
    </cfRule>
  </conditionalFormatting>
  <conditionalFormatting sqref="AQ102:AQ103">
    <cfRule type="expression" dxfId="11493" priority="15098">
      <formula>OR(AQ$102&lt;&gt;"",AQ$103&lt;&gt;"")</formula>
    </cfRule>
    <cfRule type="expression" dxfId="11492" priority="15099">
      <formula>AND(AQ$102="",AQ$103="")</formula>
    </cfRule>
  </conditionalFormatting>
  <conditionalFormatting sqref="AR102:AR103">
    <cfRule type="expression" dxfId="11491" priority="15096">
      <formula>OR(AR$102&lt;&gt;"",AR$103&lt;&gt;"")</formula>
    </cfRule>
    <cfRule type="expression" dxfId="11490" priority="15097">
      <formula>AND(AR$102="",AR$103="")</formula>
    </cfRule>
  </conditionalFormatting>
  <conditionalFormatting sqref="AS102:AS103">
    <cfRule type="expression" dxfId="11489" priority="15094">
      <formula>OR(AS$102&lt;&gt;"",AS$103&lt;&gt;"")</formula>
    </cfRule>
    <cfRule type="expression" dxfId="11488" priority="15095">
      <formula>AND(AS$102="",AS$103="")</formula>
    </cfRule>
  </conditionalFormatting>
  <conditionalFormatting sqref="AT102:AT103">
    <cfRule type="expression" dxfId="11487" priority="15092">
      <formula>OR(AT$102&lt;&gt;"",AT$103&lt;&gt;"")</formula>
    </cfRule>
    <cfRule type="expression" dxfId="11486" priority="15093">
      <formula>AND(AT$102="",AT$103="")</formula>
    </cfRule>
  </conditionalFormatting>
  <conditionalFormatting sqref="AU102:AU103">
    <cfRule type="expression" dxfId="11485" priority="15090">
      <formula>OR(AU$102&lt;&gt;"",AU$103&lt;&gt;"")</formula>
    </cfRule>
    <cfRule type="expression" dxfId="11484" priority="15091">
      <formula>AND(AU$102="",AU$103="")</formula>
    </cfRule>
  </conditionalFormatting>
  <conditionalFormatting sqref="AV102:AV103">
    <cfRule type="expression" dxfId="11483" priority="15088">
      <formula>OR(AV$102&lt;&gt;"",AV$103&lt;&gt;"")</formula>
    </cfRule>
    <cfRule type="expression" dxfId="11482" priority="15089">
      <formula>AND(AV$102="",AV$103="")</formula>
    </cfRule>
  </conditionalFormatting>
  <conditionalFormatting sqref="AW102:AW103">
    <cfRule type="expression" dxfId="11481" priority="15086">
      <formula>OR(AW$102&lt;&gt;"",AW$103&lt;&gt;"")</formula>
    </cfRule>
    <cfRule type="expression" dxfId="11480" priority="15087">
      <formula>AND(AW$102="",AW$103="")</formula>
    </cfRule>
  </conditionalFormatting>
  <conditionalFormatting sqref="AX102:AX103">
    <cfRule type="expression" dxfId="11479" priority="15084">
      <formula>OR(AX$102&lt;&gt;"",AX$103&lt;&gt;"")</formula>
    </cfRule>
    <cfRule type="expression" dxfId="11478" priority="15085">
      <formula>AND(AX$102="",AX$103="")</formula>
    </cfRule>
  </conditionalFormatting>
  <conditionalFormatting sqref="AY102:AY103">
    <cfRule type="expression" dxfId="11477" priority="15082">
      <formula>OR(AY$102&lt;&gt;"",AY$103&lt;&gt;"")</formula>
    </cfRule>
    <cfRule type="expression" dxfId="11476" priority="15083">
      <formula>AND(AY$102="",AY$103="")</formula>
    </cfRule>
  </conditionalFormatting>
  <conditionalFormatting sqref="AZ102:AZ103">
    <cfRule type="expression" dxfId="11475" priority="15080">
      <formula>OR(AZ$102&lt;&gt;"",AZ$103&lt;&gt;"")</formula>
    </cfRule>
    <cfRule type="expression" dxfId="11474" priority="15081">
      <formula>AND(AZ$102="",AZ$103="")</formula>
    </cfRule>
  </conditionalFormatting>
  <conditionalFormatting sqref="BA102:BA103">
    <cfRule type="expression" dxfId="11473" priority="15078">
      <formula>OR(BA$102&lt;&gt;"",BA$103&lt;&gt;"")</formula>
    </cfRule>
    <cfRule type="expression" dxfId="11472" priority="15079">
      <formula>AND(BA$102="",BA$103="")</formula>
    </cfRule>
  </conditionalFormatting>
  <conditionalFormatting sqref="BB102:BB103">
    <cfRule type="expression" dxfId="11471" priority="15076">
      <formula>OR(BB$102&lt;&gt;"",BB$103&lt;&gt;"")</formula>
    </cfRule>
    <cfRule type="expression" dxfId="11470" priority="15077">
      <formula>AND(BB$102="",BB$103="")</formula>
    </cfRule>
  </conditionalFormatting>
  <conditionalFormatting sqref="BC102:BC103">
    <cfRule type="expression" dxfId="11469" priority="15074">
      <formula>OR(BC$102&lt;&gt;"",BC$103&lt;&gt;"")</formula>
    </cfRule>
    <cfRule type="expression" dxfId="11468" priority="15075">
      <formula>AND(BC$102="",BC$103="")</formula>
    </cfRule>
  </conditionalFormatting>
  <conditionalFormatting sqref="BD102:BD103">
    <cfRule type="expression" dxfId="11467" priority="15072">
      <formula>OR(BD$102&lt;&gt;"",BD$103&lt;&gt;"")</formula>
    </cfRule>
    <cfRule type="expression" dxfId="11466" priority="15073">
      <formula>AND(BD$102="",BD$103="")</formula>
    </cfRule>
  </conditionalFormatting>
  <conditionalFormatting sqref="BE102:BE103">
    <cfRule type="expression" dxfId="11465" priority="15070">
      <formula>OR(BE$102&lt;&gt;"",BE$103&lt;&gt;"")</formula>
    </cfRule>
    <cfRule type="expression" dxfId="11464" priority="15071">
      <formula>AND(BE$102="",BE$103="")</formula>
    </cfRule>
  </conditionalFormatting>
  <conditionalFormatting sqref="BF102:BF103">
    <cfRule type="expression" dxfId="11463" priority="15068">
      <formula>OR(BF$102&lt;&gt;"",BF$103&lt;&gt;"")</formula>
    </cfRule>
    <cfRule type="expression" dxfId="11462" priority="15069">
      <formula>AND(BF$102="",BF$103="")</formula>
    </cfRule>
  </conditionalFormatting>
  <conditionalFormatting sqref="BG102:BG103">
    <cfRule type="expression" dxfId="11461" priority="15066">
      <formula>OR(BG$102&lt;&gt;"",BG$103&lt;&gt;"")</formula>
    </cfRule>
    <cfRule type="expression" dxfId="11460" priority="15067">
      <formula>AND(BG$102="",BG$103="")</formula>
    </cfRule>
  </conditionalFormatting>
  <conditionalFormatting sqref="BH102:BH103">
    <cfRule type="expression" dxfId="11459" priority="15064">
      <formula>OR(BH$102&lt;&gt;"",BH$103&lt;&gt;"")</formula>
    </cfRule>
    <cfRule type="expression" dxfId="11458" priority="15065">
      <formula>AND(BH$102="",BH$103="")</formula>
    </cfRule>
  </conditionalFormatting>
  <conditionalFormatting sqref="BI102:BI103">
    <cfRule type="expression" dxfId="11457" priority="15062">
      <formula>OR(BI$102&lt;&gt;"",BI$103&lt;&gt;"")</formula>
    </cfRule>
    <cfRule type="expression" dxfId="11456" priority="15063">
      <formula>AND(BI$102="",BI$103="")</formula>
    </cfRule>
  </conditionalFormatting>
  <conditionalFormatting sqref="BJ102:BJ103">
    <cfRule type="expression" dxfId="11455" priority="15060">
      <formula>OR(BJ$102&lt;&gt;"",BJ$103&lt;&gt;"")</formula>
    </cfRule>
    <cfRule type="expression" dxfId="11454" priority="15061">
      <formula>AND(BJ$102="",BJ$103="")</formula>
    </cfRule>
  </conditionalFormatting>
  <conditionalFormatting sqref="BK102:BK103">
    <cfRule type="expression" dxfId="11453" priority="15058">
      <formula>OR(BK$102&lt;&gt;"",BK$103&lt;&gt;"")</formula>
    </cfRule>
    <cfRule type="expression" dxfId="11452" priority="15059">
      <formula>AND(BK$102="",BK$103="")</formula>
    </cfRule>
  </conditionalFormatting>
  <conditionalFormatting sqref="BL102:BL103">
    <cfRule type="expression" dxfId="11451" priority="15056">
      <formula>OR(BL$102&lt;&gt;"",BL$103&lt;&gt;"")</formula>
    </cfRule>
    <cfRule type="expression" dxfId="11450" priority="15057">
      <formula>AND(BL$102="",BL$103="")</formula>
    </cfRule>
  </conditionalFormatting>
  <conditionalFormatting sqref="BM102:BM103">
    <cfRule type="expression" dxfId="11449" priority="15054">
      <formula>OR(BM$102&lt;&gt;"",BM$103&lt;&gt;"")</formula>
    </cfRule>
    <cfRule type="expression" dxfId="11448" priority="15055">
      <formula>AND(BM$102="",BM$103="")</formula>
    </cfRule>
  </conditionalFormatting>
  <conditionalFormatting sqref="BN102:BN103">
    <cfRule type="expression" dxfId="11447" priority="15052">
      <formula>OR(BN$102&lt;&gt;"",BN$103&lt;&gt;"")</formula>
    </cfRule>
    <cfRule type="expression" dxfId="11446" priority="15053">
      <formula>AND(BN$102="",BN$103="")</formula>
    </cfRule>
  </conditionalFormatting>
  <conditionalFormatting sqref="BO102:BO103">
    <cfRule type="expression" dxfId="11445" priority="15050">
      <formula>OR(BO$102&lt;&gt;"",BO$103&lt;&gt;"")</formula>
    </cfRule>
    <cfRule type="expression" dxfId="11444" priority="15051">
      <formula>AND(BO$102="",BO$103="")</formula>
    </cfRule>
  </conditionalFormatting>
  <conditionalFormatting sqref="BP102:BP103">
    <cfRule type="expression" dxfId="11443" priority="15048">
      <formula>OR(BP$102&lt;&gt;"",BP$103&lt;&gt;"")</formula>
    </cfRule>
    <cfRule type="expression" dxfId="11442" priority="15049">
      <formula>AND(BP$102="",BP$103="")</formula>
    </cfRule>
  </conditionalFormatting>
  <conditionalFormatting sqref="BQ102:BQ103">
    <cfRule type="expression" dxfId="11441" priority="15046">
      <formula>OR(BQ$102&lt;&gt;"",BQ$103&lt;&gt;"")</formula>
    </cfRule>
    <cfRule type="expression" dxfId="11440" priority="15047">
      <formula>AND(BQ$102="",BQ$103="")</formula>
    </cfRule>
  </conditionalFormatting>
  <conditionalFormatting sqref="BR102:BR103">
    <cfRule type="expression" dxfId="11439" priority="15044">
      <formula>OR(BR$102&lt;&gt;"",BR$103&lt;&gt;"")</formula>
    </cfRule>
    <cfRule type="expression" dxfId="11438" priority="15045">
      <formula>AND(BR$102="",BR$103="")</formula>
    </cfRule>
  </conditionalFormatting>
  <conditionalFormatting sqref="BS102:BS103">
    <cfRule type="expression" dxfId="11437" priority="15042">
      <formula>OR(BS$102&lt;&gt;"",BS$103&lt;&gt;"")</formula>
    </cfRule>
    <cfRule type="expression" dxfId="11436" priority="15043">
      <formula>AND(BS$102="",BS$103="")</formula>
    </cfRule>
  </conditionalFormatting>
  <conditionalFormatting sqref="N104:N117">
    <cfRule type="expression" dxfId="11435" priority="15038">
      <formula>OR(N$102&lt;&gt;"",N$103&lt;&gt;"")</formula>
    </cfRule>
    <cfRule type="expression" dxfId="11434" priority="15039">
      <formula>AND(N$102="",N$103="")</formula>
    </cfRule>
  </conditionalFormatting>
  <conditionalFormatting sqref="O104:O117">
    <cfRule type="expression" dxfId="11433" priority="15036">
      <formula>OR(O$102&lt;&gt;"",O$103&lt;&gt;"")</formula>
    </cfRule>
    <cfRule type="expression" dxfId="11432" priority="15037">
      <formula>AND(O$102="",O$103="")</formula>
    </cfRule>
  </conditionalFormatting>
  <conditionalFormatting sqref="P104:P117">
    <cfRule type="expression" dxfId="11431" priority="15034">
      <formula>OR(P$102&lt;&gt;"",P$103&lt;&gt;"")</formula>
    </cfRule>
    <cfRule type="expression" dxfId="11430" priority="15035">
      <formula>AND(P$102="",P$103="")</formula>
    </cfRule>
  </conditionalFormatting>
  <conditionalFormatting sqref="Q104:Q117">
    <cfRule type="expression" dxfId="11429" priority="15032">
      <formula>OR(Q$102&lt;&gt;"",Q$103&lt;&gt;"")</formula>
    </cfRule>
    <cfRule type="expression" dxfId="11428" priority="15033">
      <formula>AND(Q$102="",Q$103="")</formula>
    </cfRule>
  </conditionalFormatting>
  <conditionalFormatting sqref="R104:R117">
    <cfRule type="expression" dxfId="11427" priority="15030">
      <formula>OR(R$102&lt;&gt;"",R$103&lt;&gt;"")</formula>
    </cfRule>
    <cfRule type="expression" dxfId="11426" priority="15031">
      <formula>AND(R$102="",R$103="")</formula>
    </cfRule>
  </conditionalFormatting>
  <conditionalFormatting sqref="S104:S117">
    <cfRule type="expression" dxfId="11425" priority="15028">
      <formula>OR(S$102&lt;&gt;"",S$103&lt;&gt;"")</formula>
    </cfRule>
    <cfRule type="expression" dxfId="11424" priority="15029">
      <formula>AND(S$102="",S$103="")</formula>
    </cfRule>
  </conditionalFormatting>
  <conditionalFormatting sqref="T104:T117">
    <cfRule type="expression" dxfId="11423" priority="15026">
      <formula>OR(T$102&lt;&gt;"",T$103&lt;&gt;"")</formula>
    </cfRule>
    <cfRule type="expression" dxfId="11422" priority="15027">
      <formula>AND(T$102="",T$103="")</formula>
    </cfRule>
  </conditionalFormatting>
  <conditionalFormatting sqref="U104:U117">
    <cfRule type="expression" dxfId="11421" priority="15024">
      <formula>OR(U$102&lt;&gt;"",U$103&lt;&gt;"")</formula>
    </cfRule>
    <cfRule type="expression" dxfId="11420" priority="15025">
      <formula>AND(U$102="",U$103="")</formula>
    </cfRule>
  </conditionalFormatting>
  <conditionalFormatting sqref="V104:V117">
    <cfRule type="expression" dxfId="11419" priority="15022">
      <formula>OR(V$102&lt;&gt;"",V$103&lt;&gt;"")</formula>
    </cfRule>
    <cfRule type="expression" dxfId="11418" priority="15023">
      <formula>AND(V$102="",V$103="")</formula>
    </cfRule>
  </conditionalFormatting>
  <conditionalFormatting sqref="W104:W117">
    <cfRule type="expression" dxfId="11417" priority="15020">
      <formula>OR(W$102&lt;&gt;"",W$103&lt;&gt;"")</formula>
    </cfRule>
    <cfRule type="expression" dxfId="11416" priority="15021">
      <formula>AND(W$102="",W$103="")</formula>
    </cfRule>
  </conditionalFormatting>
  <conditionalFormatting sqref="X104:X117">
    <cfRule type="expression" dxfId="11415" priority="15018">
      <formula>OR(X$102&lt;&gt;"",X$103&lt;&gt;"")</formula>
    </cfRule>
    <cfRule type="expression" dxfId="11414" priority="15019">
      <formula>AND(X$102="",X$103="")</formula>
    </cfRule>
  </conditionalFormatting>
  <conditionalFormatting sqref="Y104:Y117">
    <cfRule type="expression" dxfId="11413" priority="15016">
      <formula>OR(Y$102&lt;&gt;"",Y$103&lt;&gt;"")</formula>
    </cfRule>
    <cfRule type="expression" dxfId="11412" priority="15017">
      <formula>AND(Y$102="",Y$103="")</formula>
    </cfRule>
  </conditionalFormatting>
  <conditionalFormatting sqref="Z104:Z117">
    <cfRule type="expression" dxfId="11411" priority="15014">
      <formula>OR(Z$102&lt;&gt;"",Z$103&lt;&gt;"")</formula>
    </cfRule>
    <cfRule type="expression" dxfId="11410" priority="15015">
      <formula>AND(Z$102="",Z$103="")</formula>
    </cfRule>
  </conditionalFormatting>
  <conditionalFormatting sqref="AA104:AA117">
    <cfRule type="expression" dxfId="11409" priority="15012">
      <formula>OR(AA$102&lt;&gt;"",AA$103&lt;&gt;"")</formula>
    </cfRule>
    <cfRule type="expression" dxfId="11408" priority="15013">
      <formula>AND(AA$102="",AA$103="")</formula>
    </cfRule>
  </conditionalFormatting>
  <conditionalFormatting sqref="AB104:AB117">
    <cfRule type="expression" dxfId="11407" priority="15010">
      <formula>OR(AB$102&lt;&gt;"",AB$103&lt;&gt;"")</formula>
    </cfRule>
    <cfRule type="expression" dxfId="11406" priority="15011">
      <formula>AND(AB$102="",AB$103="")</formula>
    </cfRule>
  </conditionalFormatting>
  <conditionalFormatting sqref="AC104:AC117">
    <cfRule type="expression" dxfId="11405" priority="15008">
      <formula>OR(AC$102&lt;&gt;"",AC$103&lt;&gt;"")</formula>
    </cfRule>
    <cfRule type="expression" dxfId="11404" priority="15009">
      <formula>AND(AC$102="",AC$103="")</formula>
    </cfRule>
  </conditionalFormatting>
  <conditionalFormatting sqref="AD104:AD117">
    <cfRule type="expression" dxfId="11403" priority="15006">
      <formula>OR(AD$102&lt;&gt;"",AD$103&lt;&gt;"")</formula>
    </cfRule>
    <cfRule type="expression" dxfId="11402" priority="15007">
      <formula>AND(AD$102="",AD$103="")</formula>
    </cfRule>
  </conditionalFormatting>
  <conditionalFormatting sqref="AE104:AE117">
    <cfRule type="expression" dxfId="11401" priority="15004">
      <formula>OR(AE$102&lt;&gt;"",AE$103&lt;&gt;"")</formula>
    </cfRule>
    <cfRule type="expression" dxfId="11400" priority="15005">
      <formula>AND(AE$102="",AE$103="")</formula>
    </cfRule>
  </conditionalFormatting>
  <conditionalFormatting sqref="AF104:AF117">
    <cfRule type="expression" dxfId="11399" priority="15002">
      <formula>OR(AF$102&lt;&gt;"",AF$103&lt;&gt;"")</formula>
    </cfRule>
    <cfRule type="expression" dxfId="11398" priority="15003">
      <formula>AND(AF$102="",AF$103="")</formula>
    </cfRule>
  </conditionalFormatting>
  <conditionalFormatting sqref="AG104:AG117">
    <cfRule type="expression" dxfId="11397" priority="15000">
      <formula>OR(AG$102&lt;&gt;"",AG$103&lt;&gt;"")</formula>
    </cfRule>
    <cfRule type="expression" dxfId="11396" priority="15001">
      <formula>AND(AG$102="",AG$103="")</formula>
    </cfRule>
  </conditionalFormatting>
  <conditionalFormatting sqref="AH104:AH117">
    <cfRule type="expression" dxfId="11395" priority="14998">
      <formula>OR(AH$102&lt;&gt;"",AH$103&lt;&gt;"")</formula>
    </cfRule>
    <cfRule type="expression" dxfId="11394" priority="14999">
      <formula>AND(AH$102="",AH$103="")</formula>
    </cfRule>
  </conditionalFormatting>
  <conditionalFormatting sqref="AI104:AI117">
    <cfRule type="expression" dxfId="11393" priority="14996">
      <formula>OR(AI$102&lt;&gt;"",AI$103&lt;&gt;"")</formula>
    </cfRule>
    <cfRule type="expression" dxfId="11392" priority="14997">
      <formula>AND(AI$102="",AI$103="")</formula>
    </cfRule>
  </conditionalFormatting>
  <conditionalFormatting sqref="AJ104:AJ117">
    <cfRule type="expression" dxfId="11391" priority="14994">
      <formula>OR(AJ$102&lt;&gt;"",AJ$103&lt;&gt;"")</formula>
    </cfRule>
    <cfRule type="expression" dxfId="11390" priority="14995">
      <formula>AND(AJ$102="",AJ$103="")</formula>
    </cfRule>
  </conditionalFormatting>
  <conditionalFormatting sqref="AK104:AK117">
    <cfRule type="expression" dxfId="11389" priority="14992">
      <formula>OR(AK$102&lt;&gt;"",AK$103&lt;&gt;"")</formula>
    </cfRule>
    <cfRule type="expression" dxfId="11388" priority="14993">
      <formula>AND(AK$102="",AK$103="")</formula>
    </cfRule>
  </conditionalFormatting>
  <conditionalFormatting sqref="AL104:AL117">
    <cfRule type="expression" dxfId="11387" priority="14990">
      <formula>OR(AL$102&lt;&gt;"",AL$103&lt;&gt;"")</formula>
    </cfRule>
    <cfRule type="expression" dxfId="11386" priority="14991">
      <formula>AND(AL$102="",AL$103="")</formula>
    </cfRule>
  </conditionalFormatting>
  <conditionalFormatting sqref="AM104:AM117">
    <cfRule type="expression" dxfId="11385" priority="14988">
      <formula>OR(AM$102&lt;&gt;"",AM$103&lt;&gt;"")</formula>
    </cfRule>
    <cfRule type="expression" dxfId="11384" priority="14989">
      <formula>AND(AM$102="",AM$103="")</formula>
    </cfRule>
  </conditionalFormatting>
  <conditionalFormatting sqref="AN104:AN117">
    <cfRule type="expression" dxfId="11383" priority="14986">
      <formula>OR(AN$102&lt;&gt;"",AN$103&lt;&gt;"")</formula>
    </cfRule>
    <cfRule type="expression" dxfId="11382" priority="14987">
      <formula>AND(AN$102="",AN$103="")</formula>
    </cfRule>
  </conditionalFormatting>
  <conditionalFormatting sqref="AO104:AO117">
    <cfRule type="expression" dxfId="11381" priority="14984">
      <formula>OR(AO$102&lt;&gt;"",AO$103&lt;&gt;"")</formula>
    </cfRule>
    <cfRule type="expression" dxfId="11380" priority="14985">
      <formula>AND(AO$102="",AO$103="")</formula>
    </cfRule>
  </conditionalFormatting>
  <conditionalFormatting sqref="AP104:AP117">
    <cfRule type="expression" dxfId="11379" priority="14982">
      <formula>OR(AP$102&lt;&gt;"",AP$103&lt;&gt;"")</formula>
    </cfRule>
    <cfRule type="expression" dxfId="11378" priority="14983">
      <formula>AND(AP$102="",AP$103="")</formula>
    </cfRule>
  </conditionalFormatting>
  <conditionalFormatting sqref="AQ104:AQ117">
    <cfRule type="expression" dxfId="11377" priority="14980">
      <formula>OR(AQ$102&lt;&gt;"",AQ$103&lt;&gt;"")</formula>
    </cfRule>
    <cfRule type="expression" dxfId="11376" priority="14981">
      <formula>AND(AQ$102="",AQ$103="")</formula>
    </cfRule>
  </conditionalFormatting>
  <conditionalFormatting sqref="AR104:AR117">
    <cfRule type="expression" dxfId="11375" priority="14978">
      <formula>OR(AR$102&lt;&gt;"",AR$103&lt;&gt;"")</formula>
    </cfRule>
    <cfRule type="expression" dxfId="11374" priority="14979">
      <formula>AND(AR$102="",AR$103="")</formula>
    </cfRule>
  </conditionalFormatting>
  <conditionalFormatting sqref="AS104:AS117">
    <cfRule type="expression" dxfId="11373" priority="14976">
      <formula>OR(AS$102&lt;&gt;"",AS$103&lt;&gt;"")</formula>
    </cfRule>
    <cfRule type="expression" dxfId="11372" priority="14977">
      <formula>AND(AS$102="",AS$103="")</formula>
    </cfRule>
  </conditionalFormatting>
  <conditionalFormatting sqref="AT104:AT117">
    <cfRule type="expression" dxfId="11371" priority="14974">
      <formula>OR(AT$102&lt;&gt;"",AT$103&lt;&gt;"")</formula>
    </cfRule>
    <cfRule type="expression" dxfId="11370" priority="14975">
      <formula>AND(AT$102="",AT$103="")</formula>
    </cfRule>
  </conditionalFormatting>
  <conditionalFormatting sqref="AU104:AU117">
    <cfRule type="expression" dxfId="11369" priority="14972">
      <formula>OR(AU$102&lt;&gt;"",AU$103&lt;&gt;"")</formula>
    </cfRule>
    <cfRule type="expression" dxfId="11368" priority="14973">
      <formula>AND(AU$102="",AU$103="")</formula>
    </cfRule>
  </conditionalFormatting>
  <conditionalFormatting sqref="AV104:AV117">
    <cfRule type="expression" dxfId="11367" priority="14970">
      <formula>OR(AV$102&lt;&gt;"",AV$103&lt;&gt;"")</formula>
    </cfRule>
    <cfRule type="expression" dxfId="11366" priority="14971">
      <formula>AND(AV$102="",AV$103="")</formula>
    </cfRule>
  </conditionalFormatting>
  <conditionalFormatting sqref="AW104:AW117">
    <cfRule type="expression" dxfId="11365" priority="14968">
      <formula>OR(AW$102&lt;&gt;"",AW$103&lt;&gt;"")</formula>
    </cfRule>
    <cfRule type="expression" dxfId="11364" priority="14969">
      <formula>AND(AW$102="",AW$103="")</formula>
    </cfRule>
  </conditionalFormatting>
  <conditionalFormatting sqref="AX104:AX117">
    <cfRule type="expression" dxfId="11363" priority="14966">
      <formula>OR(AX$102&lt;&gt;"",AX$103&lt;&gt;"")</formula>
    </cfRule>
    <cfRule type="expression" dxfId="11362" priority="14967">
      <formula>AND(AX$102="",AX$103="")</formula>
    </cfRule>
  </conditionalFormatting>
  <conditionalFormatting sqref="AY104:AY117">
    <cfRule type="expression" dxfId="11361" priority="14964">
      <formula>OR(AY$102&lt;&gt;"",AY$103&lt;&gt;"")</formula>
    </cfRule>
    <cfRule type="expression" dxfId="11360" priority="14965">
      <formula>AND(AY$102="",AY$103="")</formula>
    </cfRule>
  </conditionalFormatting>
  <conditionalFormatting sqref="AZ104:AZ117">
    <cfRule type="expression" dxfId="11359" priority="14962">
      <formula>OR(AZ$102&lt;&gt;"",AZ$103&lt;&gt;"")</formula>
    </cfRule>
    <cfRule type="expression" dxfId="11358" priority="14963">
      <formula>AND(AZ$102="",AZ$103="")</formula>
    </cfRule>
  </conditionalFormatting>
  <conditionalFormatting sqref="BA104:BA117">
    <cfRule type="expression" dxfId="11357" priority="14960">
      <formula>OR(BA$102&lt;&gt;"",BA$103&lt;&gt;"")</formula>
    </cfRule>
    <cfRule type="expression" dxfId="11356" priority="14961">
      <formula>AND(BA$102="",BA$103="")</formula>
    </cfRule>
  </conditionalFormatting>
  <conditionalFormatting sqref="BB104:BB117">
    <cfRule type="expression" dxfId="11355" priority="14958">
      <formula>OR(BB$102&lt;&gt;"",BB$103&lt;&gt;"")</formula>
    </cfRule>
    <cfRule type="expression" dxfId="11354" priority="14959">
      <formula>AND(BB$102="",BB$103="")</formula>
    </cfRule>
  </conditionalFormatting>
  <conditionalFormatting sqref="BC104:BC117">
    <cfRule type="expression" dxfId="11353" priority="14956">
      <formula>OR(BC$102&lt;&gt;"",BC$103&lt;&gt;"")</formula>
    </cfRule>
    <cfRule type="expression" dxfId="11352" priority="14957">
      <formula>AND(BC$102="",BC$103="")</formula>
    </cfRule>
  </conditionalFormatting>
  <conditionalFormatting sqref="BD104:BD117">
    <cfRule type="expression" dxfId="11351" priority="14954">
      <formula>OR(BD$102&lt;&gt;"",BD$103&lt;&gt;"")</formula>
    </cfRule>
    <cfRule type="expression" dxfId="11350" priority="14955">
      <formula>AND(BD$102="",BD$103="")</formula>
    </cfRule>
  </conditionalFormatting>
  <conditionalFormatting sqref="BE104:BE117">
    <cfRule type="expression" dxfId="11349" priority="14952">
      <formula>OR(BE$102&lt;&gt;"",BE$103&lt;&gt;"")</formula>
    </cfRule>
    <cfRule type="expression" dxfId="11348" priority="14953">
      <formula>AND(BE$102="",BE$103="")</formula>
    </cfRule>
  </conditionalFormatting>
  <conditionalFormatting sqref="BF104:BF117">
    <cfRule type="expression" dxfId="11347" priority="14950">
      <formula>OR(BF$102&lt;&gt;"",BF$103&lt;&gt;"")</formula>
    </cfRule>
    <cfRule type="expression" dxfId="11346" priority="14951">
      <formula>AND(BF$102="",BF$103="")</formula>
    </cfRule>
  </conditionalFormatting>
  <conditionalFormatting sqref="BG104:BG117">
    <cfRule type="expression" dxfId="11345" priority="14948">
      <formula>OR(BG$102&lt;&gt;"",BG$103&lt;&gt;"")</formula>
    </cfRule>
    <cfRule type="expression" dxfId="11344" priority="14949">
      <formula>AND(BG$102="",BG$103="")</formula>
    </cfRule>
  </conditionalFormatting>
  <conditionalFormatting sqref="BH104:BH117">
    <cfRule type="expression" dxfId="11343" priority="14946">
      <formula>OR(BH$102&lt;&gt;"",BH$103&lt;&gt;"")</formula>
    </cfRule>
    <cfRule type="expression" dxfId="11342" priority="14947">
      <formula>AND(BH$102="",BH$103="")</formula>
    </cfRule>
  </conditionalFormatting>
  <conditionalFormatting sqref="BI104:BI117">
    <cfRule type="expression" dxfId="11341" priority="14944">
      <formula>OR(BI$102&lt;&gt;"",BI$103&lt;&gt;"")</formula>
    </cfRule>
    <cfRule type="expression" dxfId="11340" priority="14945">
      <formula>AND(BI$102="",BI$103="")</formula>
    </cfRule>
  </conditionalFormatting>
  <conditionalFormatting sqref="BJ104:BJ117">
    <cfRule type="expression" dxfId="11339" priority="14942">
      <formula>OR(BJ$102&lt;&gt;"",BJ$103&lt;&gt;"")</formula>
    </cfRule>
    <cfRule type="expression" dxfId="11338" priority="14943">
      <formula>AND(BJ$102="",BJ$103="")</formula>
    </cfRule>
  </conditionalFormatting>
  <conditionalFormatting sqref="BK104:BK117">
    <cfRule type="expression" dxfId="11337" priority="14940">
      <formula>OR(BK$102&lt;&gt;"",BK$103&lt;&gt;"")</formula>
    </cfRule>
    <cfRule type="expression" dxfId="11336" priority="14941">
      <formula>AND(BK$102="",BK$103="")</formula>
    </cfRule>
  </conditionalFormatting>
  <conditionalFormatting sqref="BL104:BL117">
    <cfRule type="expression" dxfId="11335" priority="14938">
      <formula>OR(BL$102&lt;&gt;"",BL$103&lt;&gt;"")</formula>
    </cfRule>
    <cfRule type="expression" dxfId="11334" priority="14939">
      <formula>AND(BL$102="",BL$103="")</formula>
    </cfRule>
  </conditionalFormatting>
  <conditionalFormatting sqref="BM104:BM117">
    <cfRule type="expression" dxfId="11333" priority="14936">
      <formula>OR(BM$102&lt;&gt;"",BM$103&lt;&gt;"")</formula>
    </cfRule>
    <cfRule type="expression" dxfId="11332" priority="14937">
      <formula>AND(BM$102="",BM$103="")</formula>
    </cfRule>
  </conditionalFormatting>
  <conditionalFormatting sqref="BN104:BN117">
    <cfRule type="expression" dxfId="11331" priority="14934">
      <formula>OR(BN$102&lt;&gt;"",BN$103&lt;&gt;"")</formula>
    </cfRule>
    <cfRule type="expression" dxfId="11330" priority="14935">
      <formula>AND(BN$102="",BN$103="")</formula>
    </cfRule>
  </conditionalFormatting>
  <conditionalFormatting sqref="BO104:BO117">
    <cfRule type="expression" dxfId="11329" priority="14932">
      <formula>OR(BO$102&lt;&gt;"",BO$103&lt;&gt;"")</formula>
    </cfRule>
    <cfRule type="expression" dxfId="11328" priority="14933">
      <formula>AND(BO$102="",BO$103="")</formula>
    </cfRule>
  </conditionalFormatting>
  <conditionalFormatting sqref="BP104:BP117">
    <cfRule type="expression" dxfId="11327" priority="14930">
      <formula>OR(BP$102&lt;&gt;"",BP$103&lt;&gt;"")</formula>
    </cfRule>
    <cfRule type="expression" dxfId="11326" priority="14931">
      <formula>AND(BP$102="",BP$103="")</formula>
    </cfRule>
  </conditionalFormatting>
  <conditionalFormatting sqref="BQ104:BQ117">
    <cfRule type="expression" dxfId="11325" priority="14928">
      <formula>OR(BQ$102&lt;&gt;"",BQ$103&lt;&gt;"")</formula>
    </cfRule>
    <cfRule type="expression" dxfId="11324" priority="14929">
      <formula>AND(BQ$102="",BQ$103="")</formula>
    </cfRule>
  </conditionalFormatting>
  <conditionalFormatting sqref="BR104:BR117">
    <cfRule type="expression" dxfId="11323" priority="14926">
      <formula>OR(BR$102&lt;&gt;"",BR$103&lt;&gt;"")</formula>
    </cfRule>
    <cfRule type="expression" dxfId="11322" priority="14927">
      <formula>AND(BR$102="",BR$103="")</formula>
    </cfRule>
  </conditionalFormatting>
  <conditionalFormatting sqref="BS104:BS117">
    <cfRule type="expression" dxfId="11321" priority="14924">
      <formula>OR(BS$102&lt;&gt;"",BS$103&lt;&gt;"")</formula>
    </cfRule>
    <cfRule type="expression" dxfId="11320" priority="14925">
      <formula>AND(BS$102="",BS$103="")</formula>
    </cfRule>
  </conditionalFormatting>
  <conditionalFormatting sqref="N123:N124">
    <cfRule type="expression" dxfId="11319" priority="14797">
      <formula>OR(N$123&lt;&gt;"",N$124&lt;&gt;"")</formula>
    </cfRule>
    <cfRule type="expression" dxfId="11318" priority="14798">
      <formula>AND(N$123="",N$124="")</formula>
    </cfRule>
  </conditionalFormatting>
  <conditionalFormatting sqref="O123:O124">
    <cfRule type="expression" dxfId="11317" priority="14795">
      <formula>OR(O$123&lt;&gt;"",O$124&lt;&gt;"")</formula>
    </cfRule>
    <cfRule type="expression" dxfId="11316" priority="14796">
      <formula>AND(O$123="",O$124="")</formula>
    </cfRule>
  </conditionalFormatting>
  <conditionalFormatting sqref="P123:P124">
    <cfRule type="expression" dxfId="11315" priority="14793">
      <formula>OR(P$123&lt;&gt;"",P$124&lt;&gt;"")</formula>
    </cfRule>
    <cfRule type="expression" dxfId="11314" priority="14794">
      <formula>AND(P$123="",P$124="")</formula>
    </cfRule>
  </conditionalFormatting>
  <conditionalFormatting sqref="Q123:Q124">
    <cfRule type="expression" dxfId="11313" priority="14791">
      <formula>OR(Q$123&lt;&gt;"",Q$124&lt;&gt;"")</formula>
    </cfRule>
    <cfRule type="expression" dxfId="11312" priority="14792">
      <formula>AND(Q$123="",Q$124="")</formula>
    </cfRule>
  </conditionalFormatting>
  <conditionalFormatting sqref="R123:R124">
    <cfRule type="expression" dxfId="11311" priority="14789">
      <formula>OR(R$123&lt;&gt;"",R$124&lt;&gt;"")</formula>
    </cfRule>
    <cfRule type="expression" dxfId="11310" priority="14790">
      <formula>AND(R$123="",R$124="")</formula>
    </cfRule>
  </conditionalFormatting>
  <conditionalFormatting sqref="S123:S124">
    <cfRule type="expression" dxfId="11309" priority="14787">
      <formula>OR(S$123&lt;&gt;"",S$124&lt;&gt;"")</formula>
    </cfRule>
    <cfRule type="expression" dxfId="11308" priority="14788">
      <formula>AND(S$123="",S$124="")</formula>
    </cfRule>
  </conditionalFormatting>
  <conditionalFormatting sqref="T123:T124">
    <cfRule type="expression" dxfId="11307" priority="14785">
      <formula>OR(T$123&lt;&gt;"",T$124&lt;&gt;"")</formula>
    </cfRule>
    <cfRule type="expression" dxfId="11306" priority="14786">
      <formula>AND(T$123="",T$124="")</formula>
    </cfRule>
  </conditionalFormatting>
  <conditionalFormatting sqref="U123:U124">
    <cfRule type="expression" dxfId="11305" priority="14783">
      <formula>OR(U$123&lt;&gt;"",U$124&lt;&gt;"")</formula>
    </cfRule>
    <cfRule type="expression" dxfId="11304" priority="14784">
      <formula>AND(U$123="",U$124="")</formula>
    </cfRule>
  </conditionalFormatting>
  <conditionalFormatting sqref="V123:V124">
    <cfRule type="expression" dxfId="11303" priority="14781">
      <formula>OR(V$123&lt;&gt;"",V$124&lt;&gt;"")</formula>
    </cfRule>
    <cfRule type="expression" dxfId="11302" priority="14782">
      <formula>AND(V$123="",V$124="")</formula>
    </cfRule>
  </conditionalFormatting>
  <conditionalFormatting sqref="W123:W124">
    <cfRule type="expression" dxfId="11301" priority="14779">
      <formula>OR(W$123&lt;&gt;"",W$124&lt;&gt;"")</formula>
    </cfRule>
    <cfRule type="expression" dxfId="11300" priority="14780">
      <formula>AND(W$123="",W$124="")</formula>
    </cfRule>
  </conditionalFormatting>
  <conditionalFormatting sqref="X123:X124">
    <cfRule type="expression" dxfId="11299" priority="14777">
      <formula>OR(X$123&lt;&gt;"",X$124&lt;&gt;"")</formula>
    </cfRule>
    <cfRule type="expression" dxfId="11298" priority="14778">
      <formula>AND(X$123="",X$124="")</formula>
    </cfRule>
  </conditionalFormatting>
  <conditionalFormatting sqref="Y123:Y124">
    <cfRule type="expression" dxfId="11297" priority="14775">
      <formula>OR(Y$123&lt;&gt;"",Y$124&lt;&gt;"")</formula>
    </cfRule>
    <cfRule type="expression" dxfId="11296" priority="14776">
      <formula>AND(Y$123="",Y$124="")</formula>
    </cfRule>
  </conditionalFormatting>
  <conditionalFormatting sqref="Z123:Z124">
    <cfRule type="expression" dxfId="11295" priority="14773">
      <formula>OR(Z$123&lt;&gt;"",Z$124&lt;&gt;"")</formula>
    </cfRule>
    <cfRule type="expression" dxfId="11294" priority="14774">
      <formula>AND(Z$123="",Z$124="")</formula>
    </cfRule>
  </conditionalFormatting>
  <conditionalFormatting sqref="AA123:AA124">
    <cfRule type="expression" dxfId="11293" priority="14771">
      <formula>OR(AA$123&lt;&gt;"",AA$124&lt;&gt;"")</formula>
    </cfRule>
    <cfRule type="expression" dxfId="11292" priority="14772">
      <formula>AND(AA$123="",AA$124="")</formula>
    </cfRule>
  </conditionalFormatting>
  <conditionalFormatting sqref="AB123:AB124">
    <cfRule type="expression" dxfId="11291" priority="14769">
      <formula>OR(AB$123&lt;&gt;"",AB$124&lt;&gt;"")</formula>
    </cfRule>
    <cfRule type="expression" dxfId="11290" priority="14770">
      <formula>AND(AB$123="",AB$124="")</formula>
    </cfRule>
  </conditionalFormatting>
  <conditionalFormatting sqref="AC123:AC124">
    <cfRule type="expression" dxfId="11289" priority="14767">
      <formula>OR(AC$123&lt;&gt;"",AC$124&lt;&gt;"")</formula>
    </cfRule>
    <cfRule type="expression" dxfId="11288" priority="14768">
      <formula>AND(AC$123="",AC$124="")</formula>
    </cfRule>
  </conditionalFormatting>
  <conditionalFormatting sqref="AD123:AD124">
    <cfRule type="expression" dxfId="11287" priority="14765">
      <formula>OR(AD$123&lt;&gt;"",AD$124&lt;&gt;"")</formula>
    </cfRule>
    <cfRule type="expression" dxfId="11286" priority="14766">
      <formula>AND(AD$123="",AD$124="")</formula>
    </cfRule>
  </conditionalFormatting>
  <conditionalFormatting sqref="AE123:AE124">
    <cfRule type="expression" dxfId="11285" priority="14763">
      <formula>OR(AE$123&lt;&gt;"",AE$124&lt;&gt;"")</formula>
    </cfRule>
    <cfRule type="expression" dxfId="11284" priority="14764">
      <formula>AND(AE$123="",AE$124="")</formula>
    </cfRule>
  </conditionalFormatting>
  <conditionalFormatting sqref="AF123:AF124">
    <cfRule type="expression" dxfId="11283" priority="14761">
      <formula>OR(AF$123&lt;&gt;"",AF$124&lt;&gt;"")</formula>
    </cfRule>
    <cfRule type="expression" dxfId="11282" priority="14762">
      <formula>AND(AF$123="",AF$124="")</formula>
    </cfRule>
  </conditionalFormatting>
  <conditionalFormatting sqref="AG123:AG124">
    <cfRule type="expression" dxfId="11281" priority="14759">
      <formula>OR(AG$123&lt;&gt;"",AG$124&lt;&gt;"")</formula>
    </cfRule>
    <cfRule type="expression" dxfId="11280" priority="14760">
      <formula>AND(AG$123="",AG$124="")</formula>
    </cfRule>
  </conditionalFormatting>
  <conditionalFormatting sqref="AH123:AH124">
    <cfRule type="expression" dxfId="11279" priority="14757">
      <formula>OR(AH$123&lt;&gt;"",AH$124&lt;&gt;"")</formula>
    </cfRule>
    <cfRule type="expression" dxfId="11278" priority="14758">
      <formula>AND(AH$123="",AH$124="")</formula>
    </cfRule>
  </conditionalFormatting>
  <conditionalFormatting sqref="AI123:AI124">
    <cfRule type="expression" dxfId="11277" priority="14755">
      <formula>OR(AI$123&lt;&gt;"",AI$124&lt;&gt;"")</formula>
    </cfRule>
    <cfRule type="expression" dxfId="11276" priority="14756">
      <formula>AND(AI$123="",AI$124="")</formula>
    </cfRule>
  </conditionalFormatting>
  <conditionalFormatting sqref="AJ123:AJ124">
    <cfRule type="expression" dxfId="11275" priority="14753">
      <formula>OR(AJ$123&lt;&gt;"",AJ$124&lt;&gt;"")</formula>
    </cfRule>
    <cfRule type="expression" dxfId="11274" priority="14754">
      <formula>AND(AJ$123="",AJ$124="")</formula>
    </cfRule>
  </conditionalFormatting>
  <conditionalFormatting sqref="AK123:AK124">
    <cfRule type="expression" dxfId="11273" priority="14751">
      <formula>OR(AK$123&lt;&gt;"",AK$124&lt;&gt;"")</formula>
    </cfRule>
    <cfRule type="expression" dxfId="11272" priority="14752">
      <formula>AND(AK$123="",AK$124="")</formula>
    </cfRule>
  </conditionalFormatting>
  <conditionalFormatting sqref="AL123:AL124">
    <cfRule type="expression" dxfId="11271" priority="14749">
      <formula>OR(AL$123&lt;&gt;"",AL$124&lt;&gt;"")</formula>
    </cfRule>
    <cfRule type="expression" dxfId="11270" priority="14750">
      <formula>AND(AL$123="",AL$124="")</formula>
    </cfRule>
  </conditionalFormatting>
  <conditionalFormatting sqref="AM123:AM124">
    <cfRule type="expression" dxfId="11269" priority="14747">
      <formula>OR(AM$123&lt;&gt;"",AM$124&lt;&gt;"")</formula>
    </cfRule>
    <cfRule type="expression" dxfId="11268" priority="14748">
      <formula>AND(AM$123="",AM$124="")</formula>
    </cfRule>
  </conditionalFormatting>
  <conditionalFormatting sqref="AN123:AN124">
    <cfRule type="expression" dxfId="11267" priority="14745">
      <formula>OR(AN$123&lt;&gt;"",AN$124&lt;&gt;"")</formula>
    </cfRule>
    <cfRule type="expression" dxfId="11266" priority="14746">
      <formula>AND(AN$123="",AN$124="")</formula>
    </cfRule>
  </conditionalFormatting>
  <conditionalFormatting sqref="AO123:AO124">
    <cfRule type="expression" dxfId="11265" priority="14743">
      <formula>OR(AO$123&lt;&gt;"",AO$124&lt;&gt;"")</formula>
    </cfRule>
    <cfRule type="expression" dxfId="11264" priority="14744">
      <formula>AND(AO$123="",AO$124="")</formula>
    </cfRule>
  </conditionalFormatting>
  <conditionalFormatting sqref="AP123:AP124">
    <cfRule type="expression" dxfId="11263" priority="14741">
      <formula>OR(AP$123&lt;&gt;"",AP$124&lt;&gt;"")</formula>
    </cfRule>
    <cfRule type="expression" dxfId="11262" priority="14742">
      <formula>AND(AP$123="",AP$124="")</formula>
    </cfRule>
  </conditionalFormatting>
  <conditionalFormatting sqref="AQ123:AQ124">
    <cfRule type="expression" dxfId="11261" priority="14739">
      <formula>OR(AQ$123&lt;&gt;"",AQ$124&lt;&gt;"")</formula>
    </cfRule>
    <cfRule type="expression" dxfId="11260" priority="14740">
      <formula>AND(AQ$123="",AQ$124="")</formula>
    </cfRule>
  </conditionalFormatting>
  <conditionalFormatting sqref="AR123:AR124">
    <cfRule type="expression" dxfId="11259" priority="14737">
      <formula>OR(AR$123&lt;&gt;"",AR$124&lt;&gt;"")</formula>
    </cfRule>
    <cfRule type="expression" dxfId="11258" priority="14738">
      <formula>AND(AR$123="",AR$124="")</formula>
    </cfRule>
  </conditionalFormatting>
  <conditionalFormatting sqref="AS123:AS124">
    <cfRule type="expression" dxfId="11257" priority="14735">
      <formula>OR(AS$123&lt;&gt;"",AS$124&lt;&gt;"")</formula>
    </cfRule>
    <cfRule type="expression" dxfId="11256" priority="14736">
      <formula>AND(AS$123="",AS$124="")</formula>
    </cfRule>
  </conditionalFormatting>
  <conditionalFormatting sqref="AT123:AT124">
    <cfRule type="expression" dxfId="11255" priority="14733">
      <formula>OR(AT$123&lt;&gt;"",AT$124&lt;&gt;"")</formula>
    </cfRule>
    <cfRule type="expression" dxfId="11254" priority="14734">
      <formula>AND(AT$123="",AT$124="")</formula>
    </cfRule>
  </conditionalFormatting>
  <conditionalFormatting sqref="AU123:AU124">
    <cfRule type="expression" dxfId="11253" priority="14731">
      <formula>OR(AU$123&lt;&gt;"",AU$124&lt;&gt;"")</formula>
    </cfRule>
    <cfRule type="expression" dxfId="11252" priority="14732">
      <formula>AND(AU$123="",AU$124="")</formula>
    </cfRule>
  </conditionalFormatting>
  <conditionalFormatting sqref="AV123:AV124">
    <cfRule type="expression" dxfId="11251" priority="14729">
      <formula>OR(AV$123&lt;&gt;"",AV$124&lt;&gt;"")</formula>
    </cfRule>
    <cfRule type="expression" dxfId="11250" priority="14730">
      <formula>AND(AV$123="",AV$124="")</formula>
    </cfRule>
  </conditionalFormatting>
  <conditionalFormatting sqref="AW123:AW124">
    <cfRule type="expression" dxfId="11249" priority="14727">
      <formula>OR(AW$123&lt;&gt;"",AW$124&lt;&gt;"")</formula>
    </cfRule>
    <cfRule type="expression" dxfId="11248" priority="14728">
      <formula>AND(AW$123="",AW$124="")</formula>
    </cfRule>
  </conditionalFormatting>
  <conditionalFormatting sqref="AX123:AX124">
    <cfRule type="expression" dxfId="11247" priority="14725">
      <formula>OR(AX$123&lt;&gt;"",AX$124&lt;&gt;"")</formula>
    </cfRule>
    <cfRule type="expression" dxfId="11246" priority="14726">
      <formula>AND(AX$123="",AX$124="")</formula>
    </cfRule>
  </conditionalFormatting>
  <conditionalFormatting sqref="AY123:AY124">
    <cfRule type="expression" dxfId="11245" priority="14723">
      <formula>OR(AY$123&lt;&gt;"",AY$124&lt;&gt;"")</formula>
    </cfRule>
    <cfRule type="expression" dxfId="11244" priority="14724">
      <formula>AND(AY$123="",AY$124="")</formula>
    </cfRule>
  </conditionalFormatting>
  <conditionalFormatting sqref="AZ123:AZ124">
    <cfRule type="expression" dxfId="11243" priority="14721">
      <formula>OR(AZ$123&lt;&gt;"",AZ$124&lt;&gt;"")</formula>
    </cfRule>
    <cfRule type="expression" dxfId="11242" priority="14722">
      <formula>AND(AZ$123="",AZ$124="")</formula>
    </cfRule>
  </conditionalFormatting>
  <conditionalFormatting sqref="BA123:BA124">
    <cfRule type="expression" dxfId="11241" priority="14719">
      <formula>OR(BA$123&lt;&gt;"",BA$124&lt;&gt;"")</formula>
    </cfRule>
    <cfRule type="expression" dxfId="11240" priority="14720">
      <formula>AND(BA$123="",BA$124="")</formula>
    </cfRule>
  </conditionalFormatting>
  <conditionalFormatting sqref="BB123:BB124">
    <cfRule type="expression" dxfId="11239" priority="14717">
      <formula>OR(BB$123&lt;&gt;"",BB$124&lt;&gt;"")</formula>
    </cfRule>
    <cfRule type="expression" dxfId="11238" priority="14718">
      <formula>AND(BB$123="",BB$124="")</formula>
    </cfRule>
  </conditionalFormatting>
  <conditionalFormatting sqref="BC123:BC124">
    <cfRule type="expression" dxfId="11237" priority="14715">
      <formula>OR(BC$123&lt;&gt;"",BC$124&lt;&gt;"")</formula>
    </cfRule>
    <cfRule type="expression" dxfId="11236" priority="14716">
      <formula>AND(BC$123="",BC$124="")</formula>
    </cfRule>
  </conditionalFormatting>
  <conditionalFormatting sqref="BD123:BD124">
    <cfRule type="expression" dxfId="11235" priority="14713">
      <formula>OR(BD$123&lt;&gt;"",BD$124&lt;&gt;"")</formula>
    </cfRule>
    <cfRule type="expression" dxfId="11234" priority="14714">
      <formula>AND(BD$123="",BD$124="")</formula>
    </cfRule>
  </conditionalFormatting>
  <conditionalFormatting sqref="BE123:BE124">
    <cfRule type="expression" dxfId="11233" priority="14711">
      <formula>OR(BE$123&lt;&gt;"",BE$124&lt;&gt;"")</formula>
    </cfRule>
    <cfRule type="expression" dxfId="11232" priority="14712">
      <formula>AND(BE$123="",BE$124="")</formula>
    </cfRule>
  </conditionalFormatting>
  <conditionalFormatting sqref="BF123:BF124">
    <cfRule type="expression" dxfId="11231" priority="14709">
      <formula>OR(BF$123&lt;&gt;"",BF$124&lt;&gt;"")</formula>
    </cfRule>
    <cfRule type="expression" dxfId="11230" priority="14710">
      <formula>AND(BF$123="",BF$124="")</formula>
    </cfRule>
  </conditionalFormatting>
  <conditionalFormatting sqref="BG123:BG124">
    <cfRule type="expression" dxfId="11229" priority="14707">
      <formula>OR(BG$123&lt;&gt;"",BG$124&lt;&gt;"")</formula>
    </cfRule>
    <cfRule type="expression" dxfId="11228" priority="14708">
      <formula>AND(BG$123="",BG$124="")</formula>
    </cfRule>
  </conditionalFormatting>
  <conditionalFormatting sqref="BH123:BH124">
    <cfRule type="expression" dxfId="11227" priority="14705">
      <formula>OR(BH$123&lt;&gt;"",BH$124&lt;&gt;"")</formula>
    </cfRule>
    <cfRule type="expression" dxfId="11226" priority="14706">
      <formula>AND(BH$123="",BH$124="")</formula>
    </cfRule>
  </conditionalFormatting>
  <conditionalFormatting sqref="BI123:BI124">
    <cfRule type="expression" dxfId="11225" priority="14703">
      <formula>OR(BI$123&lt;&gt;"",BI$124&lt;&gt;"")</formula>
    </cfRule>
    <cfRule type="expression" dxfId="11224" priority="14704">
      <formula>AND(BI$123="",BI$124="")</formula>
    </cfRule>
  </conditionalFormatting>
  <conditionalFormatting sqref="BJ123:BJ124">
    <cfRule type="expression" dxfId="11223" priority="14701">
      <formula>OR(BJ$123&lt;&gt;"",BJ$124&lt;&gt;"")</formula>
    </cfRule>
    <cfRule type="expression" dxfId="11222" priority="14702">
      <formula>AND(BJ$123="",BJ$124="")</formula>
    </cfRule>
  </conditionalFormatting>
  <conditionalFormatting sqref="BK123:BK124">
    <cfRule type="expression" dxfId="11221" priority="14699">
      <formula>OR(BK$123&lt;&gt;"",BK$124&lt;&gt;"")</formula>
    </cfRule>
    <cfRule type="expression" dxfId="11220" priority="14700">
      <formula>AND(BK$123="",BK$124="")</formula>
    </cfRule>
  </conditionalFormatting>
  <conditionalFormatting sqref="BL123:BL124">
    <cfRule type="expression" dxfId="11219" priority="14697">
      <formula>OR(BL$123&lt;&gt;"",BL$124&lt;&gt;"")</formula>
    </cfRule>
    <cfRule type="expression" dxfId="11218" priority="14698">
      <formula>AND(BL$123="",BL$124="")</formula>
    </cfRule>
  </conditionalFormatting>
  <conditionalFormatting sqref="BM123:BM124">
    <cfRule type="expression" dxfId="11217" priority="14695">
      <formula>OR(BM$123&lt;&gt;"",BM$124&lt;&gt;"")</formula>
    </cfRule>
    <cfRule type="expression" dxfId="11216" priority="14696">
      <formula>AND(BM$123="",BM$124="")</formula>
    </cfRule>
  </conditionalFormatting>
  <conditionalFormatting sqref="BN123:BN124">
    <cfRule type="expression" dxfId="11215" priority="14693">
      <formula>OR(BN$123&lt;&gt;"",BN$124&lt;&gt;"")</formula>
    </cfRule>
    <cfRule type="expression" dxfId="11214" priority="14694">
      <formula>AND(BN$123="",BN$124="")</formula>
    </cfRule>
  </conditionalFormatting>
  <conditionalFormatting sqref="BO123:BO124">
    <cfRule type="expression" dxfId="11213" priority="14691">
      <formula>OR(BO$123&lt;&gt;"",BO$124&lt;&gt;"")</formula>
    </cfRule>
    <cfRule type="expression" dxfId="11212" priority="14692">
      <formula>AND(BO$123="",BO$124="")</formula>
    </cfRule>
  </conditionalFormatting>
  <conditionalFormatting sqref="BP123:BP124">
    <cfRule type="expression" dxfId="11211" priority="14689">
      <formula>OR(BP$123&lt;&gt;"",BP$124&lt;&gt;"")</formula>
    </cfRule>
    <cfRule type="expression" dxfId="11210" priority="14690">
      <formula>AND(BP$123="",BP$124="")</formula>
    </cfRule>
  </conditionalFormatting>
  <conditionalFormatting sqref="BQ123:BQ124">
    <cfRule type="expression" dxfId="11209" priority="14687">
      <formula>OR(BQ$123&lt;&gt;"",BQ$124&lt;&gt;"")</formula>
    </cfRule>
    <cfRule type="expression" dxfId="11208" priority="14688">
      <formula>AND(BQ$123="",BQ$124="")</formula>
    </cfRule>
  </conditionalFormatting>
  <conditionalFormatting sqref="BR123:BR124">
    <cfRule type="expression" dxfId="11207" priority="14685">
      <formula>OR(BR$123&lt;&gt;"",BR$124&lt;&gt;"")</formula>
    </cfRule>
    <cfRule type="expression" dxfId="11206" priority="14686">
      <formula>AND(BR$123="",BR$124="")</formula>
    </cfRule>
  </conditionalFormatting>
  <conditionalFormatting sqref="BS123:BS124">
    <cfRule type="expression" dxfId="11205" priority="14683">
      <formula>OR(BS$123&lt;&gt;"",BS$124&lt;&gt;"")</formula>
    </cfRule>
    <cfRule type="expression" dxfId="11204" priority="14684">
      <formula>AND(BS$123="",BS$124="")</formula>
    </cfRule>
  </conditionalFormatting>
  <conditionalFormatting sqref="N125:N128">
    <cfRule type="expression" dxfId="11203" priority="14677">
      <formula>OR(N$123&lt;&gt;"",N$124&lt;&gt;"")</formula>
    </cfRule>
    <cfRule type="expression" dxfId="11202" priority="14678">
      <formula>AND(N$123="",N$124="")</formula>
    </cfRule>
  </conditionalFormatting>
  <conditionalFormatting sqref="O125:O128">
    <cfRule type="expression" dxfId="11201" priority="14675">
      <formula>OR(O$123&lt;&gt;"",O$124&lt;&gt;"")</formula>
    </cfRule>
    <cfRule type="expression" dxfId="11200" priority="14676">
      <formula>AND(O$123="",O$124="")</formula>
    </cfRule>
  </conditionalFormatting>
  <conditionalFormatting sqref="P125:P128">
    <cfRule type="expression" dxfId="11199" priority="14673">
      <formula>OR(P$123&lt;&gt;"",P$124&lt;&gt;"")</formula>
    </cfRule>
    <cfRule type="expression" dxfId="11198" priority="14674">
      <formula>AND(P$123="",P$124="")</formula>
    </cfRule>
  </conditionalFormatting>
  <conditionalFormatting sqref="Q125:Q128">
    <cfRule type="expression" dxfId="11197" priority="14671">
      <formula>OR(Q$123&lt;&gt;"",Q$124&lt;&gt;"")</formula>
    </cfRule>
    <cfRule type="expression" dxfId="11196" priority="14672">
      <formula>AND(Q$123="",Q$124="")</formula>
    </cfRule>
  </conditionalFormatting>
  <conditionalFormatting sqref="R125:R128">
    <cfRule type="expression" dxfId="11195" priority="14669">
      <formula>OR(R$123&lt;&gt;"",R$124&lt;&gt;"")</formula>
    </cfRule>
    <cfRule type="expression" dxfId="11194" priority="14670">
      <formula>AND(R$123="",R$124="")</formula>
    </cfRule>
  </conditionalFormatting>
  <conditionalFormatting sqref="S125:S128">
    <cfRule type="expression" dxfId="11193" priority="14667">
      <formula>OR(S$123&lt;&gt;"",S$124&lt;&gt;"")</formula>
    </cfRule>
    <cfRule type="expression" dxfId="11192" priority="14668">
      <formula>AND(S$123="",S$124="")</formula>
    </cfRule>
  </conditionalFormatting>
  <conditionalFormatting sqref="T125:T128">
    <cfRule type="expression" dxfId="11191" priority="14665">
      <formula>OR(T$123&lt;&gt;"",T$124&lt;&gt;"")</formula>
    </cfRule>
    <cfRule type="expression" dxfId="11190" priority="14666">
      <formula>AND(T$123="",T$124="")</formula>
    </cfRule>
  </conditionalFormatting>
  <conditionalFormatting sqref="U125:U128">
    <cfRule type="expression" dxfId="11189" priority="14663">
      <formula>OR(U$123&lt;&gt;"",U$124&lt;&gt;"")</formula>
    </cfRule>
    <cfRule type="expression" dxfId="11188" priority="14664">
      <formula>AND(U$123="",U$124="")</formula>
    </cfRule>
  </conditionalFormatting>
  <conditionalFormatting sqref="V125:V128">
    <cfRule type="expression" dxfId="11187" priority="14661">
      <formula>OR(V$123&lt;&gt;"",V$124&lt;&gt;"")</formula>
    </cfRule>
    <cfRule type="expression" dxfId="11186" priority="14662">
      <formula>AND(V$123="",V$124="")</formula>
    </cfRule>
  </conditionalFormatting>
  <conditionalFormatting sqref="W125:W128">
    <cfRule type="expression" dxfId="11185" priority="14659">
      <formula>OR(W$123&lt;&gt;"",W$124&lt;&gt;"")</formula>
    </cfRule>
    <cfRule type="expression" dxfId="11184" priority="14660">
      <formula>AND(W$123="",W$124="")</formula>
    </cfRule>
  </conditionalFormatting>
  <conditionalFormatting sqref="X125:X128">
    <cfRule type="expression" dxfId="11183" priority="14657">
      <formula>OR(X$123&lt;&gt;"",X$124&lt;&gt;"")</formula>
    </cfRule>
    <cfRule type="expression" dxfId="11182" priority="14658">
      <formula>AND(X$123="",X$124="")</formula>
    </cfRule>
  </conditionalFormatting>
  <conditionalFormatting sqref="Y125:Y128">
    <cfRule type="expression" dxfId="11181" priority="14655">
      <formula>OR(Y$123&lt;&gt;"",Y$124&lt;&gt;"")</formula>
    </cfRule>
    <cfRule type="expression" dxfId="11180" priority="14656">
      <formula>AND(Y$123="",Y$124="")</formula>
    </cfRule>
  </conditionalFormatting>
  <conditionalFormatting sqref="Z125:Z128">
    <cfRule type="expression" dxfId="11179" priority="14653">
      <formula>OR(Z$123&lt;&gt;"",Z$124&lt;&gt;"")</formula>
    </cfRule>
    <cfRule type="expression" dxfId="11178" priority="14654">
      <formula>AND(Z$123="",Z$124="")</formula>
    </cfRule>
  </conditionalFormatting>
  <conditionalFormatting sqref="AA125:AA128">
    <cfRule type="expression" dxfId="11177" priority="14651">
      <formula>OR(AA$123&lt;&gt;"",AA$124&lt;&gt;"")</formula>
    </cfRule>
    <cfRule type="expression" dxfId="11176" priority="14652">
      <formula>AND(AA$123="",AA$124="")</formula>
    </cfRule>
  </conditionalFormatting>
  <conditionalFormatting sqref="AB125:AB128">
    <cfRule type="expression" dxfId="11175" priority="14649">
      <formula>OR(AB$123&lt;&gt;"",AB$124&lt;&gt;"")</formula>
    </cfRule>
    <cfRule type="expression" dxfId="11174" priority="14650">
      <formula>AND(AB$123="",AB$124="")</formula>
    </cfRule>
  </conditionalFormatting>
  <conditionalFormatting sqref="AC125:AC128">
    <cfRule type="expression" dxfId="11173" priority="14647">
      <formula>OR(AC$123&lt;&gt;"",AC$124&lt;&gt;"")</formula>
    </cfRule>
    <cfRule type="expression" dxfId="11172" priority="14648">
      <formula>AND(AC$123="",AC$124="")</formula>
    </cfRule>
  </conditionalFormatting>
  <conditionalFormatting sqref="AD125:AD128">
    <cfRule type="expression" dxfId="11171" priority="14645">
      <formula>OR(AD$123&lt;&gt;"",AD$124&lt;&gt;"")</formula>
    </cfRule>
    <cfRule type="expression" dxfId="11170" priority="14646">
      <formula>AND(AD$123="",AD$124="")</formula>
    </cfRule>
  </conditionalFormatting>
  <conditionalFormatting sqref="AE125:AE128">
    <cfRule type="expression" dxfId="11169" priority="14643">
      <formula>OR(AE$123&lt;&gt;"",AE$124&lt;&gt;"")</formula>
    </cfRule>
    <cfRule type="expression" dxfId="11168" priority="14644">
      <formula>AND(AE$123="",AE$124="")</formula>
    </cfRule>
  </conditionalFormatting>
  <conditionalFormatting sqref="AF125:AF128">
    <cfRule type="expression" dxfId="11167" priority="14641">
      <formula>OR(AF$123&lt;&gt;"",AF$124&lt;&gt;"")</formula>
    </cfRule>
    <cfRule type="expression" dxfId="11166" priority="14642">
      <formula>AND(AF$123="",AF$124="")</formula>
    </cfRule>
  </conditionalFormatting>
  <conditionalFormatting sqref="AG125:AG128">
    <cfRule type="expression" dxfId="11165" priority="14639">
      <formula>OR(AG$123&lt;&gt;"",AG$124&lt;&gt;"")</formula>
    </cfRule>
    <cfRule type="expression" dxfId="11164" priority="14640">
      <formula>AND(AG$123="",AG$124="")</formula>
    </cfRule>
  </conditionalFormatting>
  <conditionalFormatting sqref="AH125:AH128">
    <cfRule type="expression" dxfId="11163" priority="14637">
      <formula>OR(AH$123&lt;&gt;"",AH$124&lt;&gt;"")</formula>
    </cfRule>
    <cfRule type="expression" dxfId="11162" priority="14638">
      <formula>AND(AH$123="",AH$124="")</formula>
    </cfRule>
  </conditionalFormatting>
  <conditionalFormatting sqref="AI125:AI128">
    <cfRule type="expression" dxfId="11161" priority="14635">
      <formula>OR(AI$123&lt;&gt;"",AI$124&lt;&gt;"")</formula>
    </cfRule>
    <cfRule type="expression" dxfId="11160" priority="14636">
      <formula>AND(AI$123="",AI$124="")</formula>
    </cfRule>
  </conditionalFormatting>
  <conditionalFormatting sqref="AJ125:AJ128">
    <cfRule type="expression" dxfId="11159" priority="14633">
      <formula>OR(AJ$123&lt;&gt;"",AJ$124&lt;&gt;"")</formula>
    </cfRule>
    <cfRule type="expression" dxfId="11158" priority="14634">
      <formula>AND(AJ$123="",AJ$124="")</formula>
    </cfRule>
  </conditionalFormatting>
  <conditionalFormatting sqref="AK125:AK128">
    <cfRule type="expression" dxfId="11157" priority="14631">
      <formula>OR(AK$123&lt;&gt;"",AK$124&lt;&gt;"")</formula>
    </cfRule>
    <cfRule type="expression" dxfId="11156" priority="14632">
      <formula>AND(AK$123="",AK$124="")</formula>
    </cfRule>
  </conditionalFormatting>
  <conditionalFormatting sqref="AL125:AL128">
    <cfRule type="expression" dxfId="11155" priority="14629">
      <formula>OR(AL$123&lt;&gt;"",AL$124&lt;&gt;"")</formula>
    </cfRule>
    <cfRule type="expression" dxfId="11154" priority="14630">
      <formula>AND(AL$123="",AL$124="")</formula>
    </cfRule>
  </conditionalFormatting>
  <conditionalFormatting sqref="AM125:AM128">
    <cfRule type="expression" dxfId="11153" priority="14627">
      <formula>OR(AM$123&lt;&gt;"",AM$124&lt;&gt;"")</formula>
    </cfRule>
    <cfRule type="expression" dxfId="11152" priority="14628">
      <formula>AND(AM$123="",AM$124="")</formula>
    </cfRule>
  </conditionalFormatting>
  <conditionalFormatting sqref="AN125:AN128">
    <cfRule type="expression" dxfId="11151" priority="14625">
      <formula>OR(AN$123&lt;&gt;"",AN$124&lt;&gt;"")</formula>
    </cfRule>
    <cfRule type="expression" dxfId="11150" priority="14626">
      <formula>AND(AN$123="",AN$124="")</formula>
    </cfRule>
  </conditionalFormatting>
  <conditionalFormatting sqref="AO125:AO128">
    <cfRule type="expression" dxfId="11149" priority="14623">
      <formula>OR(AO$123&lt;&gt;"",AO$124&lt;&gt;"")</formula>
    </cfRule>
    <cfRule type="expression" dxfId="11148" priority="14624">
      <formula>AND(AO$123="",AO$124="")</formula>
    </cfRule>
  </conditionalFormatting>
  <conditionalFormatting sqref="AP125:AP128">
    <cfRule type="expression" dxfId="11147" priority="14621">
      <formula>OR(AP$123&lt;&gt;"",AP$124&lt;&gt;"")</formula>
    </cfRule>
    <cfRule type="expression" dxfId="11146" priority="14622">
      <formula>AND(AP$123="",AP$124="")</formula>
    </cfRule>
  </conditionalFormatting>
  <conditionalFormatting sqref="AQ125:AQ128">
    <cfRule type="expression" dxfId="11145" priority="14619">
      <formula>OR(AQ$123&lt;&gt;"",AQ$124&lt;&gt;"")</formula>
    </cfRule>
    <cfRule type="expression" dxfId="11144" priority="14620">
      <formula>AND(AQ$123="",AQ$124="")</formula>
    </cfRule>
  </conditionalFormatting>
  <conditionalFormatting sqref="AR125:AR128">
    <cfRule type="expression" dxfId="11143" priority="14617">
      <formula>OR(AR$123&lt;&gt;"",AR$124&lt;&gt;"")</formula>
    </cfRule>
    <cfRule type="expression" dxfId="11142" priority="14618">
      <formula>AND(AR$123="",AR$124="")</formula>
    </cfRule>
  </conditionalFormatting>
  <conditionalFormatting sqref="AS125:AS128">
    <cfRule type="expression" dxfId="11141" priority="14615">
      <formula>OR(AS$123&lt;&gt;"",AS$124&lt;&gt;"")</formula>
    </cfRule>
    <cfRule type="expression" dxfId="11140" priority="14616">
      <formula>AND(AS$123="",AS$124="")</formula>
    </cfRule>
  </conditionalFormatting>
  <conditionalFormatting sqref="AT125:AT128">
    <cfRule type="expression" dxfId="11139" priority="14613">
      <formula>OR(AT$123&lt;&gt;"",AT$124&lt;&gt;"")</formula>
    </cfRule>
    <cfRule type="expression" dxfId="11138" priority="14614">
      <formula>AND(AT$123="",AT$124="")</formula>
    </cfRule>
  </conditionalFormatting>
  <conditionalFormatting sqref="AU125:AU128">
    <cfRule type="expression" dxfId="11137" priority="14611">
      <formula>OR(AU$123&lt;&gt;"",AU$124&lt;&gt;"")</formula>
    </cfRule>
    <cfRule type="expression" dxfId="11136" priority="14612">
      <formula>AND(AU$123="",AU$124="")</formula>
    </cfRule>
  </conditionalFormatting>
  <conditionalFormatting sqref="AV125:AV128">
    <cfRule type="expression" dxfId="11135" priority="14609">
      <formula>OR(AV$123&lt;&gt;"",AV$124&lt;&gt;"")</formula>
    </cfRule>
    <cfRule type="expression" dxfId="11134" priority="14610">
      <formula>AND(AV$123="",AV$124="")</formula>
    </cfRule>
  </conditionalFormatting>
  <conditionalFormatting sqref="AW125:AW128">
    <cfRule type="expression" dxfId="11133" priority="14607">
      <formula>OR(AW$123&lt;&gt;"",AW$124&lt;&gt;"")</formula>
    </cfRule>
    <cfRule type="expression" dxfId="11132" priority="14608">
      <formula>AND(AW$123="",AW$124="")</formula>
    </cfRule>
  </conditionalFormatting>
  <conditionalFormatting sqref="AX125:AX128">
    <cfRule type="expression" dxfId="11131" priority="14605">
      <formula>OR(AX$123&lt;&gt;"",AX$124&lt;&gt;"")</formula>
    </cfRule>
    <cfRule type="expression" dxfId="11130" priority="14606">
      <formula>AND(AX$123="",AX$124="")</formula>
    </cfRule>
  </conditionalFormatting>
  <conditionalFormatting sqref="AY125:AY128">
    <cfRule type="expression" dxfId="11129" priority="14603">
      <formula>OR(AY$123&lt;&gt;"",AY$124&lt;&gt;"")</formula>
    </cfRule>
    <cfRule type="expression" dxfId="11128" priority="14604">
      <formula>AND(AY$123="",AY$124="")</formula>
    </cfRule>
  </conditionalFormatting>
  <conditionalFormatting sqref="AZ125:AZ128">
    <cfRule type="expression" dxfId="11127" priority="14601">
      <formula>OR(AZ$123&lt;&gt;"",AZ$124&lt;&gt;"")</formula>
    </cfRule>
    <cfRule type="expression" dxfId="11126" priority="14602">
      <formula>AND(AZ$123="",AZ$124="")</formula>
    </cfRule>
  </conditionalFormatting>
  <conditionalFormatting sqref="BA125:BA128">
    <cfRule type="expression" dxfId="11125" priority="14599">
      <formula>OR(BA$123&lt;&gt;"",BA$124&lt;&gt;"")</formula>
    </cfRule>
    <cfRule type="expression" dxfId="11124" priority="14600">
      <formula>AND(BA$123="",BA$124="")</formula>
    </cfRule>
  </conditionalFormatting>
  <conditionalFormatting sqref="BB125:BB128">
    <cfRule type="expression" dxfId="11123" priority="14597">
      <formula>OR(BB$123&lt;&gt;"",BB$124&lt;&gt;"")</formula>
    </cfRule>
    <cfRule type="expression" dxfId="11122" priority="14598">
      <formula>AND(BB$123="",BB$124="")</formula>
    </cfRule>
  </conditionalFormatting>
  <conditionalFormatting sqref="BC125:BC128">
    <cfRule type="expression" dxfId="11121" priority="14595">
      <formula>OR(BC$123&lt;&gt;"",BC$124&lt;&gt;"")</formula>
    </cfRule>
    <cfRule type="expression" dxfId="11120" priority="14596">
      <formula>AND(BC$123="",BC$124="")</formula>
    </cfRule>
  </conditionalFormatting>
  <conditionalFormatting sqref="BD125:BD128">
    <cfRule type="expression" dxfId="11119" priority="14593">
      <formula>OR(BD$123&lt;&gt;"",BD$124&lt;&gt;"")</formula>
    </cfRule>
    <cfRule type="expression" dxfId="11118" priority="14594">
      <formula>AND(BD$123="",BD$124="")</formula>
    </cfRule>
  </conditionalFormatting>
  <conditionalFormatting sqref="BE125:BE128">
    <cfRule type="expression" dxfId="11117" priority="14591">
      <formula>OR(BE$123&lt;&gt;"",BE$124&lt;&gt;"")</formula>
    </cfRule>
    <cfRule type="expression" dxfId="11116" priority="14592">
      <formula>AND(BE$123="",BE$124="")</formula>
    </cfRule>
  </conditionalFormatting>
  <conditionalFormatting sqref="BF125:BF128">
    <cfRule type="expression" dxfId="11115" priority="14589">
      <formula>OR(BF$123&lt;&gt;"",BF$124&lt;&gt;"")</formula>
    </cfRule>
    <cfRule type="expression" dxfId="11114" priority="14590">
      <formula>AND(BF$123="",BF$124="")</formula>
    </cfRule>
  </conditionalFormatting>
  <conditionalFormatting sqref="BG125:BG128">
    <cfRule type="expression" dxfId="11113" priority="14587">
      <formula>OR(BG$123&lt;&gt;"",BG$124&lt;&gt;"")</formula>
    </cfRule>
    <cfRule type="expression" dxfId="11112" priority="14588">
      <formula>AND(BG$123="",BG$124="")</formula>
    </cfRule>
  </conditionalFormatting>
  <conditionalFormatting sqref="BH125:BH128">
    <cfRule type="expression" dxfId="11111" priority="14585">
      <formula>OR(BH$123&lt;&gt;"",BH$124&lt;&gt;"")</formula>
    </cfRule>
    <cfRule type="expression" dxfId="11110" priority="14586">
      <formula>AND(BH$123="",BH$124="")</formula>
    </cfRule>
  </conditionalFormatting>
  <conditionalFormatting sqref="BI125:BI128">
    <cfRule type="expression" dxfId="11109" priority="14583">
      <formula>OR(BI$123&lt;&gt;"",BI$124&lt;&gt;"")</formula>
    </cfRule>
    <cfRule type="expression" dxfId="11108" priority="14584">
      <formula>AND(BI$123="",BI$124="")</formula>
    </cfRule>
  </conditionalFormatting>
  <conditionalFormatting sqref="BJ125:BJ128">
    <cfRule type="expression" dxfId="11107" priority="14581">
      <formula>OR(BJ$123&lt;&gt;"",BJ$124&lt;&gt;"")</formula>
    </cfRule>
    <cfRule type="expression" dxfId="11106" priority="14582">
      <formula>AND(BJ$123="",BJ$124="")</formula>
    </cfRule>
  </conditionalFormatting>
  <conditionalFormatting sqref="BK125:BK128">
    <cfRule type="expression" dxfId="11105" priority="14579">
      <formula>OR(BK$123&lt;&gt;"",BK$124&lt;&gt;"")</formula>
    </cfRule>
    <cfRule type="expression" dxfId="11104" priority="14580">
      <formula>AND(BK$123="",BK$124="")</formula>
    </cfRule>
  </conditionalFormatting>
  <conditionalFormatting sqref="BL125:BL128">
    <cfRule type="expression" dxfId="11103" priority="14577">
      <formula>OR(BL$123&lt;&gt;"",BL$124&lt;&gt;"")</formula>
    </cfRule>
    <cfRule type="expression" dxfId="11102" priority="14578">
      <formula>AND(BL$123="",BL$124="")</formula>
    </cfRule>
  </conditionalFormatting>
  <conditionalFormatting sqref="BM125:BM128">
    <cfRule type="expression" dxfId="11101" priority="14575">
      <formula>OR(BM$123&lt;&gt;"",BM$124&lt;&gt;"")</formula>
    </cfRule>
    <cfRule type="expression" dxfId="11100" priority="14576">
      <formula>AND(BM$123="",BM$124="")</formula>
    </cfRule>
  </conditionalFormatting>
  <conditionalFormatting sqref="BN125:BN128">
    <cfRule type="expression" dxfId="11099" priority="14573">
      <formula>OR(BN$123&lt;&gt;"",BN$124&lt;&gt;"")</formula>
    </cfRule>
    <cfRule type="expression" dxfId="11098" priority="14574">
      <formula>AND(BN$123="",BN$124="")</formula>
    </cfRule>
  </conditionalFormatting>
  <conditionalFormatting sqref="BO125:BO128">
    <cfRule type="expression" dxfId="11097" priority="14571">
      <formula>OR(BO$123&lt;&gt;"",BO$124&lt;&gt;"")</formula>
    </cfRule>
    <cfRule type="expression" dxfId="11096" priority="14572">
      <formula>AND(BO$123="",BO$124="")</formula>
    </cfRule>
  </conditionalFormatting>
  <conditionalFormatting sqref="BP125:BP128">
    <cfRule type="expression" dxfId="11095" priority="14569">
      <formula>OR(BP$123&lt;&gt;"",BP$124&lt;&gt;"")</formula>
    </cfRule>
    <cfRule type="expression" dxfId="11094" priority="14570">
      <formula>AND(BP$123="",BP$124="")</formula>
    </cfRule>
  </conditionalFormatting>
  <conditionalFormatting sqref="BQ125:BQ128">
    <cfRule type="expression" dxfId="11093" priority="14567">
      <formula>OR(BQ$123&lt;&gt;"",BQ$124&lt;&gt;"")</formula>
    </cfRule>
    <cfRule type="expression" dxfId="11092" priority="14568">
      <formula>AND(BQ$123="",BQ$124="")</formula>
    </cfRule>
  </conditionalFormatting>
  <conditionalFormatting sqref="BR125:BR128">
    <cfRule type="expression" dxfId="11091" priority="14565">
      <formula>OR(BR$123&lt;&gt;"",BR$124&lt;&gt;"")</formula>
    </cfRule>
    <cfRule type="expression" dxfId="11090" priority="14566">
      <formula>AND(BR$123="",BR$124="")</formula>
    </cfRule>
  </conditionalFormatting>
  <conditionalFormatting sqref="BS125:BS128">
    <cfRule type="expression" dxfId="11089" priority="14563">
      <formula>OR(BS$123&lt;&gt;"",BS$124&lt;&gt;"")</formula>
    </cfRule>
    <cfRule type="expression" dxfId="11088" priority="14564">
      <formula>AND(BS$123="",BS$124="")</formula>
    </cfRule>
  </conditionalFormatting>
  <conditionalFormatting sqref="M104:M117">
    <cfRule type="expression" dxfId="11087" priority="14559">
      <formula>OR($M$102&lt;&gt;"",$M$103&lt;&gt;"")</formula>
    </cfRule>
    <cfRule type="expression" dxfId="11086" priority="14561">
      <formula>AND($M$102="",$M$103="")</formula>
    </cfRule>
  </conditionalFormatting>
  <conditionalFormatting sqref="M102:M103">
    <cfRule type="expression" dxfId="11085" priority="14545">
      <formula>OR(M$102&lt;&gt;"",M$103&lt;&gt;"")</formula>
    </cfRule>
    <cfRule type="expression" dxfId="11084" priority="14546">
      <formula>AND(M$102="",M$103="")</formula>
    </cfRule>
  </conditionalFormatting>
  <conditionalFormatting sqref="M123:M124">
    <cfRule type="expression" dxfId="11083" priority="14542">
      <formula>OR(M$123&lt;&gt;"",M$124&lt;&gt;"")</formula>
    </cfRule>
    <cfRule type="expression" dxfId="11082" priority="14543">
      <formula>AND(M$123="",M$124="")</formula>
    </cfRule>
  </conditionalFormatting>
  <conditionalFormatting sqref="M125:M128">
    <cfRule type="expression" dxfId="11081" priority="14540">
      <formula>OR($M$123&lt;&gt;"",$M$124&lt;&gt;"")</formula>
    </cfRule>
    <cfRule type="expression" dxfId="11080" priority="14541">
      <formula>AND($M$123="",$M$124="")</formula>
    </cfRule>
  </conditionalFormatting>
  <conditionalFormatting sqref="M134:M135">
    <cfRule type="expression" dxfId="11079" priority="14538">
      <formula>OR(M$134&lt;&gt;"",M$135&lt;&gt;"")</formula>
    </cfRule>
    <cfRule type="expression" dxfId="11078" priority="14539">
      <formula>AND(M$134="",M$135="")</formula>
    </cfRule>
  </conditionalFormatting>
  <conditionalFormatting sqref="N134:N135">
    <cfRule type="expression" dxfId="11077" priority="14536">
      <formula>OR(N$134&lt;&gt;"",N$135&lt;&gt;"")</formula>
    </cfRule>
    <cfRule type="expression" dxfId="11076" priority="14537">
      <formula>AND(N$134="",N$135="")</formula>
    </cfRule>
  </conditionalFormatting>
  <conditionalFormatting sqref="M136:M142">
    <cfRule type="expression" dxfId="11075" priority="14534">
      <formula>OR($M$134&lt;&gt;"",$M$135&lt;&gt;"")</formula>
    </cfRule>
    <cfRule type="expression" dxfId="11074" priority="14535">
      <formula>AND($M$134="",$M$135="")</formula>
    </cfRule>
  </conditionalFormatting>
  <conditionalFormatting sqref="O134:O135">
    <cfRule type="expression" dxfId="11073" priority="14532">
      <formula>OR(O$134&lt;&gt;"",O$135&lt;&gt;"")</formula>
    </cfRule>
    <cfRule type="expression" dxfId="11072" priority="14533">
      <formula>AND(O$134="",O$135="")</formula>
    </cfRule>
  </conditionalFormatting>
  <conditionalFormatting sqref="P134:P135">
    <cfRule type="expression" dxfId="11071" priority="14530">
      <formula>OR(P$134&lt;&gt;"",P$135&lt;&gt;"")</formula>
    </cfRule>
    <cfRule type="expression" dxfId="11070" priority="14531">
      <formula>AND(P$134="",P$135="")</formula>
    </cfRule>
  </conditionalFormatting>
  <conditionalFormatting sqref="Q134:Q135">
    <cfRule type="expression" dxfId="11069" priority="14528">
      <formula>OR(Q$134&lt;&gt;"",Q$135&lt;&gt;"")</formula>
    </cfRule>
    <cfRule type="expression" dxfId="11068" priority="14529">
      <formula>AND(Q$134="",Q$135="")</formula>
    </cfRule>
  </conditionalFormatting>
  <conditionalFormatting sqref="R134:R135">
    <cfRule type="expression" dxfId="11067" priority="14526">
      <formula>OR(R$134&lt;&gt;"",R$135&lt;&gt;"")</formula>
    </cfRule>
    <cfRule type="expression" dxfId="11066" priority="14527">
      <formula>AND(R$134="",R$135="")</formula>
    </cfRule>
  </conditionalFormatting>
  <conditionalFormatting sqref="S134:S135">
    <cfRule type="expression" dxfId="11065" priority="14524">
      <formula>OR(S$134&lt;&gt;"",S$135&lt;&gt;"")</formula>
    </cfRule>
    <cfRule type="expression" dxfId="11064" priority="14525">
      <formula>AND(S$134="",S$135="")</formula>
    </cfRule>
  </conditionalFormatting>
  <conditionalFormatting sqref="T134:T135">
    <cfRule type="expression" dxfId="11063" priority="14522">
      <formula>OR(T$134&lt;&gt;"",T$135&lt;&gt;"")</formula>
    </cfRule>
    <cfRule type="expression" dxfId="11062" priority="14523">
      <formula>AND(T$134="",T$135="")</formula>
    </cfRule>
  </conditionalFormatting>
  <conditionalFormatting sqref="U134:U135">
    <cfRule type="expression" dxfId="11061" priority="14520">
      <formula>OR(U$134&lt;&gt;"",U$135&lt;&gt;"")</formula>
    </cfRule>
    <cfRule type="expression" dxfId="11060" priority="14521">
      <formula>AND(U$134="",U$135="")</formula>
    </cfRule>
  </conditionalFormatting>
  <conditionalFormatting sqref="V134:V135">
    <cfRule type="expression" dxfId="11059" priority="14518">
      <formula>OR(V$134&lt;&gt;"",V$135&lt;&gt;"")</formula>
    </cfRule>
    <cfRule type="expression" dxfId="11058" priority="14519">
      <formula>AND(V$134="",V$135="")</formula>
    </cfRule>
  </conditionalFormatting>
  <conditionalFormatting sqref="W134:W135">
    <cfRule type="expression" dxfId="11057" priority="14516">
      <formula>OR(W$134&lt;&gt;"",W$135&lt;&gt;"")</formula>
    </cfRule>
    <cfRule type="expression" dxfId="11056" priority="14517">
      <formula>AND(W$134="",W$135="")</formula>
    </cfRule>
  </conditionalFormatting>
  <conditionalFormatting sqref="X134:X135">
    <cfRule type="expression" dxfId="11055" priority="14514">
      <formula>OR(X$134&lt;&gt;"",X$135&lt;&gt;"")</formula>
    </cfRule>
    <cfRule type="expression" dxfId="11054" priority="14515">
      <formula>AND(X$134="",X$135="")</formula>
    </cfRule>
  </conditionalFormatting>
  <conditionalFormatting sqref="Y134:Y135">
    <cfRule type="expression" dxfId="11053" priority="14512">
      <formula>OR(Y$134&lt;&gt;"",Y$135&lt;&gt;"")</formula>
    </cfRule>
    <cfRule type="expression" dxfId="11052" priority="14513">
      <formula>AND(Y$134="",Y$135="")</formula>
    </cfRule>
  </conditionalFormatting>
  <conditionalFormatting sqref="Z134:Z135">
    <cfRule type="expression" dxfId="11051" priority="14510">
      <formula>OR(Z$134&lt;&gt;"",Z$135&lt;&gt;"")</formula>
    </cfRule>
    <cfRule type="expression" dxfId="11050" priority="14511">
      <formula>AND(Z$134="",Z$135="")</formula>
    </cfRule>
  </conditionalFormatting>
  <conditionalFormatting sqref="AA134:AA135">
    <cfRule type="expression" dxfId="11049" priority="14508">
      <formula>OR(AA$134&lt;&gt;"",AA$135&lt;&gt;"")</formula>
    </cfRule>
    <cfRule type="expression" dxfId="11048" priority="14509">
      <formula>AND(AA$134="",AA$135="")</formula>
    </cfRule>
  </conditionalFormatting>
  <conditionalFormatting sqref="AB134:AB135">
    <cfRule type="expression" dxfId="11047" priority="14506">
      <formula>OR(AB$134&lt;&gt;"",AB$135&lt;&gt;"")</formula>
    </cfRule>
    <cfRule type="expression" dxfId="11046" priority="14507">
      <formula>AND(AB$134="",AB$135="")</formula>
    </cfRule>
  </conditionalFormatting>
  <conditionalFormatting sqref="AC134:AC135">
    <cfRule type="expression" dxfId="11045" priority="14504">
      <formula>OR(AC$134&lt;&gt;"",AC$135&lt;&gt;"")</formula>
    </cfRule>
    <cfRule type="expression" dxfId="11044" priority="14505">
      <formula>AND(AC$134="",AC$135="")</formula>
    </cfRule>
  </conditionalFormatting>
  <conditionalFormatting sqref="AD134:AD135">
    <cfRule type="expression" dxfId="11043" priority="14502">
      <formula>OR(AD$134&lt;&gt;"",AD$135&lt;&gt;"")</formula>
    </cfRule>
    <cfRule type="expression" dxfId="11042" priority="14503">
      <formula>AND(AD$134="",AD$135="")</formula>
    </cfRule>
  </conditionalFormatting>
  <conditionalFormatting sqref="AE134:AE135">
    <cfRule type="expression" dxfId="11041" priority="14500">
      <formula>OR(AE$134&lt;&gt;"",AE$135&lt;&gt;"")</formula>
    </cfRule>
    <cfRule type="expression" dxfId="11040" priority="14501">
      <formula>AND(AE$134="",AE$135="")</formula>
    </cfRule>
  </conditionalFormatting>
  <conditionalFormatting sqref="AF134:AF135">
    <cfRule type="expression" dxfId="11039" priority="14498">
      <formula>OR(AF$134&lt;&gt;"",AF$135&lt;&gt;"")</formula>
    </cfRule>
    <cfRule type="expression" dxfId="11038" priority="14499">
      <formula>AND(AF$134="",AF$135="")</formula>
    </cfRule>
  </conditionalFormatting>
  <conditionalFormatting sqref="AG134:AG135">
    <cfRule type="expression" dxfId="11037" priority="14496">
      <formula>OR(AG$134&lt;&gt;"",AG$135&lt;&gt;"")</formula>
    </cfRule>
    <cfRule type="expression" dxfId="11036" priority="14497">
      <formula>AND(AG$134="",AG$135="")</formula>
    </cfRule>
  </conditionalFormatting>
  <conditionalFormatting sqref="AH134:AH135">
    <cfRule type="expression" dxfId="11035" priority="14494">
      <formula>OR(AH$134&lt;&gt;"",AH$135&lt;&gt;"")</formula>
    </cfRule>
    <cfRule type="expression" dxfId="11034" priority="14495">
      <formula>AND(AH$134="",AH$135="")</formula>
    </cfRule>
  </conditionalFormatting>
  <conditionalFormatting sqref="AI134:AI135">
    <cfRule type="expression" dxfId="11033" priority="14492">
      <formula>OR(AI$134&lt;&gt;"",AI$135&lt;&gt;"")</formula>
    </cfRule>
    <cfRule type="expression" dxfId="11032" priority="14493">
      <formula>AND(AI$134="",AI$135="")</formula>
    </cfRule>
  </conditionalFormatting>
  <conditionalFormatting sqref="AJ134:AJ135">
    <cfRule type="expression" dxfId="11031" priority="14490">
      <formula>OR(AJ$134&lt;&gt;"",AJ$135&lt;&gt;"")</formula>
    </cfRule>
    <cfRule type="expression" dxfId="11030" priority="14491">
      <formula>AND(AJ$134="",AJ$135="")</formula>
    </cfRule>
  </conditionalFormatting>
  <conditionalFormatting sqref="AK134:AK135">
    <cfRule type="expression" dxfId="11029" priority="14488">
      <formula>OR(AK$134&lt;&gt;"",AK$135&lt;&gt;"")</formula>
    </cfRule>
    <cfRule type="expression" dxfId="11028" priority="14489">
      <formula>AND(AK$134="",AK$135="")</formula>
    </cfRule>
  </conditionalFormatting>
  <conditionalFormatting sqref="AL134:AL135">
    <cfRule type="expression" dxfId="11027" priority="14486">
      <formula>OR(AL$134&lt;&gt;"",AL$135&lt;&gt;"")</formula>
    </cfRule>
    <cfRule type="expression" dxfId="11026" priority="14487">
      <formula>AND(AL$134="",AL$135="")</formula>
    </cfRule>
  </conditionalFormatting>
  <conditionalFormatting sqref="AM134:AM135">
    <cfRule type="expression" dxfId="11025" priority="14484">
      <formula>OR(AM$134&lt;&gt;"",AM$135&lt;&gt;"")</formula>
    </cfRule>
    <cfRule type="expression" dxfId="11024" priority="14485">
      <formula>AND(AM$134="",AM$135="")</formula>
    </cfRule>
  </conditionalFormatting>
  <conditionalFormatting sqref="AN134:AN135">
    <cfRule type="expression" dxfId="11023" priority="14482">
      <formula>OR(AN$134&lt;&gt;"",AN$135&lt;&gt;"")</formula>
    </cfRule>
    <cfRule type="expression" dxfId="11022" priority="14483">
      <formula>AND(AN$134="",AN$135="")</formula>
    </cfRule>
  </conditionalFormatting>
  <conditionalFormatting sqref="AO134:AO135">
    <cfRule type="expression" dxfId="11021" priority="14480">
      <formula>OR(AO$134&lt;&gt;"",AO$135&lt;&gt;"")</formula>
    </cfRule>
    <cfRule type="expression" dxfId="11020" priority="14481">
      <formula>AND(AO$134="",AO$135="")</formula>
    </cfRule>
  </conditionalFormatting>
  <conditionalFormatting sqref="AP134:AP135">
    <cfRule type="expression" dxfId="11019" priority="14478">
      <formula>OR(AP$134&lt;&gt;"",AP$135&lt;&gt;"")</formula>
    </cfRule>
    <cfRule type="expression" dxfId="11018" priority="14479">
      <formula>AND(AP$134="",AP$135="")</formula>
    </cfRule>
  </conditionalFormatting>
  <conditionalFormatting sqref="AQ134:AQ135">
    <cfRule type="expression" dxfId="11017" priority="14476">
      <formula>OR(AQ$134&lt;&gt;"",AQ$135&lt;&gt;"")</formula>
    </cfRule>
    <cfRule type="expression" dxfId="11016" priority="14477">
      <formula>AND(AQ$134="",AQ$135="")</formula>
    </cfRule>
  </conditionalFormatting>
  <conditionalFormatting sqref="AR134:AR135">
    <cfRule type="expression" dxfId="11015" priority="14474">
      <formula>OR(AR$134&lt;&gt;"",AR$135&lt;&gt;"")</formula>
    </cfRule>
    <cfRule type="expression" dxfId="11014" priority="14475">
      <formula>AND(AR$134="",AR$135="")</formula>
    </cfRule>
  </conditionalFormatting>
  <conditionalFormatting sqref="AS134:AS135">
    <cfRule type="expression" dxfId="11013" priority="14472">
      <formula>OR(AS$134&lt;&gt;"",AS$135&lt;&gt;"")</formula>
    </cfRule>
    <cfRule type="expression" dxfId="11012" priority="14473">
      <formula>AND(AS$134="",AS$135="")</formula>
    </cfRule>
  </conditionalFormatting>
  <conditionalFormatting sqref="AT134:AT135">
    <cfRule type="expression" dxfId="11011" priority="14470">
      <formula>OR(AT$134&lt;&gt;"",AT$135&lt;&gt;"")</formula>
    </cfRule>
    <cfRule type="expression" dxfId="11010" priority="14471">
      <formula>AND(AT$134="",AT$135="")</formula>
    </cfRule>
  </conditionalFormatting>
  <conditionalFormatting sqref="AU134:AU135">
    <cfRule type="expression" dxfId="11009" priority="14468">
      <formula>OR(AU$134&lt;&gt;"",AU$135&lt;&gt;"")</formula>
    </cfRule>
    <cfRule type="expression" dxfId="11008" priority="14469">
      <formula>AND(AU$134="",AU$135="")</formula>
    </cfRule>
  </conditionalFormatting>
  <conditionalFormatting sqref="AV134:AV135">
    <cfRule type="expression" dxfId="11007" priority="14466">
      <formula>OR(AV$134&lt;&gt;"",AV$135&lt;&gt;"")</formula>
    </cfRule>
    <cfRule type="expression" dxfId="11006" priority="14467">
      <formula>AND(AV$134="",AV$135="")</formula>
    </cfRule>
  </conditionalFormatting>
  <conditionalFormatting sqref="AW134:AW135">
    <cfRule type="expression" dxfId="11005" priority="14464">
      <formula>OR(AW$134&lt;&gt;"",AW$135&lt;&gt;"")</formula>
    </cfRule>
    <cfRule type="expression" dxfId="11004" priority="14465">
      <formula>AND(AW$134="",AW$135="")</formula>
    </cfRule>
  </conditionalFormatting>
  <conditionalFormatting sqref="AX134:AX135">
    <cfRule type="expression" dxfId="11003" priority="14462">
      <formula>OR(AX$134&lt;&gt;"",AX$135&lt;&gt;"")</formula>
    </cfRule>
    <cfRule type="expression" dxfId="11002" priority="14463">
      <formula>AND(AX$134="",AX$135="")</formula>
    </cfRule>
  </conditionalFormatting>
  <conditionalFormatting sqref="AY134:AY135">
    <cfRule type="expression" dxfId="11001" priority="14460">
      <formula>OR(AY$134&lt;&gt;"",AY$135&lt;&gt;"")</formula>
    </cfRule>
    <cfRule type="expression" dxfId="11000" priority="14461">
      <formula>AND(AY$134="",AY$135="")</formula>
    </cfRule>
  </conditionalFormatting>
  <conditionalFormatting sqref="AZ134:AZ135">
    <cfRule type="expression" dxfId="10999" priority="14458">
      <formula>OR(AZ$134&lt;&gt;"",AZ$135&lt;&gt;"")</formula>
    </cfRule>
    <cfRule type="expression" dxfId="10998" priority="14459">
      <formula>AND(AZ$134="",AZ$135="")</formula>
    </cfRule>
  </conditionalFormatting>
  <conditionalFormatting sqref="BA134:BA135">
    <cfRule type="expression" dxfId="10997" priority="14456">
      <formula>OR(BA$134&lt;&gt;"",BA$135&lt;&gt;"")</formula>
    </cfRule>
    <cfRule type="expression" dxfId="10996" priority="14457">
      <formula>AND(BA$134="",BA$135="")</formula>
    </cfRule>
  </conditionalFormatting>
  <conditionalFormatting sqref="BB134:BB135">
    <cfRule type="expression" dxfId="10995" priority="14454">
      <formula>OR(BB$134&lt;&gt;"",BB$135&lt;&gt;"")</formula>
    </cfRule>
    <cfRule type="expression" dxfId="10994" priority="14455">
      <formula>AND(BB$134="",BB$135="")</formula>
    </cfRule>
  </conditionalFormatting>
  <conditionalFormatting sqref="BC134:BC135">
    <cfRule type="expression" dxfId="10993" priority="14452">
      <formula>OR(BC$134&lt;&gt;"",BC$135&lt;&gt;"")</formula>
    </cfRule>
    <cfRule type="expression" dxfId="10992" priority="14453">
      <formula>AND(BC$134="",BC$135="")</formula>
    </cfRule>
  </conditionalFormatting>
  <conditionalFormatting sqref="BD134:BD135">
    <cfRule type="expression" dxfId="10991" priority="14450">
      <formula>OR(BD$134&lt;&gt;"",BD$135&lt;&gt;"")</formula>
    </cfRule>
    <cfRule type="expression" dxfId="10990" priority="14451">
      <formula>AND(BD$134="",BD$135="")</formula>
    </cfRule>
  </conditionalFormatting>
  <conditionalFormatting sqref="BE134:BE135">
    <cfRule type="expression" dxfId="10989" priority="14448">
      <formula>OR(BE$134&lt;&gt;"",BE$135&lt;&gt;"")</formula>
    </cfRule>
    <cfRule type="expression" dxfId="10988" priority="14449">
      <formula>AND(BE$134="",BE$135="")</formula>
    </cfRule>
  </conditionalFormatting>
  <conditionalFormatting sqref="BF134:BF135">
    <cfRule type="expression" dxfId="10987" priority="14446">
      <formula>OR(BF$134&lt;&gt;"",BF$135&lt;&gt;"")</formula>
    </cfRule>
    <cfRule type="expression" dxfId="10986" priority="14447">
      <formula>AND(BF$134="",BF$135="")</formula>
    </cfRule>
  </conditionalFormatting>
  <conditionalFormatting sqref="BG134:BG135">
    <cfRule type="expression" dxfId="10985" priority="14444">
      <formula>OR(BG$134&lt;&gt;"",BG$135&lt;&gt;"")</formula>
    </cfRule>
    <cfRule type="expression" dxfId="10984" priority="14445">
      <formula>AND(BG$134="",BG$135="")</formula>
    </cfRule>
  </conditionalFormatting>
  <conditionalFormatting sqref="BH134:BH135">
    <cfRule type="expression" dxfId="10983" priority="14442">
      <formula>OR(BH$134&lt;&gt;"",BH$135&lt;&gt;"")</formula>
    </cfRule>
    <cfRule type="expression" dxfId="10982" priority="14443">
      <formula>AND(BH$134="",BH$135="")</formula>
    </cfRule>
  </conditionalFormatting>
  <conditionalFormatting sqref="BI134:BI135">
    <cfRule type="expression" dxfId="10981" priority="14440">
      <formula>OR(BI$134&lt;&gt;"",BI$135&lt;&gt;"")</formula>
    </cfRule>
    <cfRule type="expression" dxfId="10980" priority="14441">
      <formula>AND(BI$134="",BI$135="")</formula>
    </cfRule>
  </conditionalFormatting>
  <conditionalFormatting sqref="BJ134:BJ135">
    <cfRule type="expression" dxfId="10979" priority="14438">
      <formula>OR(BJ$134&lt;&gt;"",BJ$135&lt;&gt;"")</formula>
    </cfRule>
    <cfRule type="expression" dxfId="10978" priority="14439">
      <formula>AND(BJ$134="",BJ$135="")</formula>
    </cfRule>
  </conditionalFormatting>
  <conditionalFormatting sqref="BK134:BK135">
    <cfRule type="expression" dxfId="10977" priority="14436">
      <formula>OR(BK$134&lt;&gt;"",BK$135&lt;&gt;"")</formula>
    </cfRule>
    <cfRule type="expression" dxfId="10976" priority="14437">
      <formula>AND(BK$134="",BK$135="")</formula>
    </cfRule>
  </conditionalFormatting>
  <conditionalFormatting sqref="BL134:BL135">
    <cfRule type="expression" dxfId="10975" priority="14434">
      <formula>OR(BL$134&lt;&gt;"",BL$135&lt;&gt;"")</formula>
    </cfRule>
    <cfRule type="expression" dxfId="10974" priority="14435">
      <formula>AND(BL$134="",BL$135="")</formula>
    </cfRule>
  </conditionalFormatting>
  <conditionalFormatting sqref="BM134:BM135">
    <cfRule type="expression" dxfId="10973" priority="14432">
      <formula>OR(BM$134&lt;&gt;"",BM$135&lt;&gt;"")</formula>
    </cfRule>
    <cfRule type="expression" dxfId="10972" priority="14433">
      <formula>AND(BM$134="",BM$135="")</formula>
    </cfRule>
  </conditionalFormatting>
  <conditionalFormatting sqref="BN134:BN135">
    <cfRule type="expression" dxfId="10971" priority="14430">
      <formula>OR(BN$134&lt;&gt;"",BN$135&lt;&gt;"")</formula>
    </cfRule>
    <cfRule type="expression" dxfId="10970" priority="14431">
      <formula>AND(BN$134="",BN$135="")</formula>
    </cfRule>
  </conditionalFormatting>
  <conditionalFormatting sqref="BO134:BO135">
    <cfRule type="expression" dxfId="10969" priority="14428">
      <formula>OR(BO$134&lt;&gt;"",BO$135&lt;&gt;"")</formula>
    </cfRule>
    <cfRule type="expression" dxfId="10968" priority="14429">
      <formula>AND(BO$134="",BO$135="")</formula>
    </cfRule>
  </conditionalFormatting>
  <conditionalFormatting sqref="BP134:BP135">
    <cfRule type="expression" dxfId="10967" priority="14426">
      <formula>OR(BP$134&lt;&gt;"",BP$135&lt;&gt;"")</formula>
    </cfRule>
    <cfRule type="expression" dxfId="10966" priority="14427">
      <formula>AND(BP$134="",BP$135="")</formula>
    </cfRule>
  </conditionalFormatting>
  <conditionalFormatting sqref="BQ134:BQ135">
    <cfRule type="expression" dxfId="10965" priority="14424">
      <formula>OR(BQ$134&lt;&gt;"",BQ$135&lt;&gt;"")</formula>
    </cfRule>
    <cfRule type="expression" dxfId="10964" priority="14425">
      <formula>AND(BQ$134="",BQ$135="")</formula>
    </cfRule>
  </conditionalFormatting>
  <conditionalFormatting sqref="BR134:BR135">
    <cfRule type="expression" dxfId="10963" priority="14422">
      <formula>OR(BR$134&lt;&gt;"",BR$135&lt;&gt;"")</formula>
    </cfRule>
    <cfRule type="expression" dxfId="10962" priority="14423">
      <formula>AND(BR$134="",BR$135="")</formula>
    </cfRule>
  </conditionalFormatting>
  <conditionalFormatting sqref="BS134:BS135">
    <cfRule type="expression" dxfId="10961" priority="14420">
      <formula>OR(BS$134&lt;&gt;"",BS$135&lt;&gt;"")</formula>
    </cfRule>
    <cfRule type="expression" dxfId="10960" priority="14421">
      <formula>AND(BS$134="",BS$135="")</formula>
    </cfRule>
  </conditionalFormatting>
  <conditionalFormatting sqref="N136:N142">
    <cfRule type="expression" dxfId="10959" priority="14418">
      <formula>OR(N$134&lt;&gt;"",N$135&lt;&gt;"")</formula>
    </cfRule>
    <cfRule type="expression" dxfId="10958" priority="14419">
      <formula>AND(N$134="",N$135="")</formula>
    </cfRule>
  </conditionalFormatting>
  <conditionalFormatting sqref="O136:O142">
    <cfRule type="expression" dxfId="10957" priority="14416">
      <formula>OR(O$134&lt;&gt;"",O$135&lt;&gt;"")</formula>
    </cfRule>
    <cfRule type="expression" dxfId="10956" priority="14417">
      <formula>AND(O$134="",O$135="")</formula>
    </cfRule>
  </conditionalFormatting>
  <conditionalFormatting sqref="P136:P142">
    <cfRule type="expression" dxfId="10955" priority="14414">
      <formula>OR(P$134&lt;&gt;"",P$135&lt;&gt;"")</formula>
    </cfRule>
    <cfRule type="expression" dxfId="10954" priority="14415">
      <formula>AND(P$134="",P$135="")</formula>
    </cfRule>
  </conditionalFormatting>
  <conditionalFormatting sqref="Q136:Q142">
    <cfRule type="expression" dxfId="10953" priority="14412">
      <formula>OR(Q$134&lt;&gt;"",Q$135&lt;&gt;"")</formula>
    </cfRule>
    <cfRule type="expression" dxfId="10952" priority="14413">
      <formula>AND(Q$134="",Q$135="")</formula>
    </cfRule>
  </conditionalFormatting>
  <conditionalFormatting sqref="R136:R142">
    <cfRule type="expression" dxfId="10951" priority="14410">
      <formula>OR(R$134&lt;&gt;"",R$135&lt;&gt;"")</formula>
    </cfRule>
    <cfRule type="expression" dxfId="10950" priority="14411">
      <formula>AND(R$134="",R$135="")</formula>
    </cfRule>
  </conditionalFormatting>
  <conditionalFormatting sqref="S136:S142">
    <cfRule type="expression" dxfId="10949" priority="14408">
      <formula>OR(S$134&lt;&gt;"",S$135&lt;&gt;"")</formula>
    </cfRule>
    <cfRule type="expression" dxfId="10948" priority="14409">
      <formula>AND(S$134="",S$135="")</formula>
    </cfRule>
  </conditionalFormatting>
  <conditionalFormatting sqref="T136:T142">
    <cfRule type="expression" dxfId="10947" priority="14406">
      <formula>OR(T$134&lt;&gt;"",T$135&lt;&gt;"")</formula>
    </cfRule>
    <cfRule type="expression" dxfId="10946" priority="14407">
      <formula>AND(T$134="",T$135="")</formula>
    </cfRule>
  </conditionalFormatting>
  <conditionalFormatting sqref="U136:U142">
    <cfRule type="expression" dxfId="10945" priority="14404">
      <formula>OR(U$134&lt;&gt;"",U$135&lt;&gt;"")</formula>
    </cfRule>
    <cfRule type="expression" dxfId="10944" priority="14405">
      <formula>AND(U$134="",U$135="")</formula>
    </cfRule>
  </conditionalFormatting>
  <conditionalFormatting sqref="V136:V142">
    <cfRule type="expression" dxfId="10943" priority="14402">
      <formula>OR(V$134&lt;&gt;"",V$135&lt;&gt;"")</formula>
    </cfRule>
    <cfRule type="expression" dxfId="10942" priority="14403">
      <formula>AND(V$134="",V$135="")</formula>
    </cfRule>
  </conditionalFormatting>
  <conditionalFormatting sqref="W136:W142">
    <cfRule type="expression" dxfId="10941" priority="14400">
      <formula>OR(W$134&lt;&gt;"",W$135&lt;&gt;"")</formula>
    </cfRule>
    <cfRule type="expression" dxfId="10940" priority="14401">
      <formula>AND(W$134="",W$135="")</formula>
    </cfRule>
  </conditionalFormatting>
  <conditionalFormatting sqref="X136:X142">
    <cfRule type="expression" dxfId="10939" priority="14398">
      <formula>OR(X$134&lt;&gt;"",X$135&lt;&gt;"")</formula>
    </cfRule>
    <cfRule type="expression" dxfId="10938" priority="14399">
      <formula>AND(X$134="",X$135="")</formula>
    </cfRule>
  </conditionalFormatting>
  <conditionalFormatting sqref="Y136:Y142">
    <cfRule type="expression" dxfId="10937" priority="14396">
      <formula>OR(Y$134&lt;&gt;"",Y$135&lt;&gt;"")</formula>
    </cfRule>
    <cfRule type="expression" dxfId="10936" priority="14397">
      <formula>AND(Y$134="",Y$135="")</formula>
    </cfRule>
  </conditionalFormatting>
  <conditionalFormatting sqref="Z136:Z142">
    <cfRule type="expression" dxfId="10935" priority="14394">
      <formula>OR(Z$134&lt;&gt;"",Z$135&lt;&gt;"")</formula>
    </cfRule>
    <cfRule type="expression" dxfId="10934" priority="14395">
      <formula>AND(Z$134="",Z$135="")</formula>
    </cfRule>
  </conditionalFormatting>
  <conditionalFormatting sqref="AA136:AA142">
    <cfRule type="expression" dxfId="10933" priority="14392">
      <formula>OR(AA$134&lt;&gt;"",AA$135&lt;&gt;"")</formula>
    </cfRule>
    <cfRule type="expression" dxfId="10932" priority="14393">
      <formula>AND(AA$134="",AA$135="")</formula>
    </cfRule>
  </conditionalFormatting>
  <conditionalFormatting sqref="AB136:AB142">
    <cfRule type="expression" dxfId="10931" priority="14390">
      <formula>OR(AB$134&lt;&gt;"",AB$135&lt;&gt;"")</formula>
    </cfRule>
    <cfRule type="expression" dxfId="10930" priority="14391">
      <formula>AND(AB$134="",AB$135="")</formula>
    </cfRule>
  </conditionalFormatting>
  <conditionalFormatting sqref="AC136:AC142">
    <cfRule type="expression" dxfId="10929" priority="14388">
      <formula>OR(AC$134&lt;&gt;"",AC$135&lt;&gt;"")</formula>
    </cfRule>
    <cfRule type="expression" dxfId="10928" priority="14389">
      <formula>AND(AC$134="",AC$135="")</formula>
    </cfRule>
  </conditionalFormatting>
  <conditionalFormatting sqref="AD136:AD142">
    <cfRule type="expression" dxfId="10927" priority="14386">
      <formula>OR(AD$134&lt;&gt;"",AD$135&lt;&gt;"")</formula>
    </cfRule>
    <cfRule type="expression" dxfId="10926" priority="14387">
      <formula>AND(AD$134="",AD$135="")</formula>
    </cfRule>
  </conditionalFormatting>
  <conditionalFormatting sqref="AE136:AE142">
    <cfRule type="expression" dxfId="10925" priority="14384">
      <formula>OR(AE$134&lt;&gt;"",AE$135&lt;&gt;"")</formula>
    </cfRule>
    <cfRule type="expression" dxfId="10924" priority="14385">
      <formula>AND(AE$134="",AE$135="")</formula>
    </cfRule>
  </conditionalFormatting>
  <conditionalFormatting sqref="AF136:AF142">
    <cfRule type="expression" dxfId="10923" priority="14382">
      <formula>OR(AF$134&lt;&gt;"",AF$135&lt;&gt;"")</formula>
    </cfRule>
    <cfRule type="expression" dxfId="10922" priority="14383">
      <formula>AND(AF$134="",AF$135="")</formula>
    </cfRule>
  </conditionalFormatting>
  <conditionalFormatting sqref="AG136:AG142">
    <cfRule type="expression" dxfId="10921" priority="14380">
      <formula>OR(AG$134&lt;&gt;"",AG$135&lt;&gt;"")</formula>
    </cfRule>
    <cfRule type="expression" dxfId="10920" priority="14381">
      <formula>AND(AG$134="",AG$135="")</formula>
    </cfRule>
  </conditionalFormatting>
  <conditionalFormatting sqref="AH136:AH142">
    <cfRule type="expression" dxfId="10919" priority="14378">
      <formula>OR(AH$134&lt;&gt;"",AH$135&lt;&gt;"")</formula>
    </cfRule>
    <cfRule type="expression" dxfId="10918" priority="14379">
      <formula>AND(AH$134="",AH$135="")</formula>
    </cfRule>
  </conditionalFormatting>
  <conditionalFormatting sqref="AI136:AI142">
    <cfRule type="expression" dxfId="10917" priority="14376">
      <formula>OR(AI$134&lt;&gt;"",AI$135&lt;&gt;"")</formula>
    </cfRule>
    <cfRule type="expression" dxfId="10916" priority="14377">
      <formula>AND(AI$134="",AI$135="")</formula>
    </cfRule>
  </conditionalFormatting>
  <conditionalFormatting sqref="AJ136:AJ142">
    <cfRule type="expression" dxfId="10915" priority="14374">
      <formula>OR(AJ$134&lt;&gt;"",AJ$135&lt;&gt;"")</formula>
    </cfRule>
    <cfRule type="expression" dxfId="10914" priority="14375">
      <formula>AND(AJ$134="",AJ$135="")</formula>
    </cfRule>
  </conditionalFormatting>
  <conditionalFormatting sqref="AK136:AK142">
    <cfRule type="expression" dxfId="10913" priority="14372">
      <formula>OR(AK$134&lt;&gt;"",AK$135&lt;&gt;"")</formula>
    </cfRule>
    <cfRule type="expression" dxfId="10912" priority="14373">
      <formula>AND(AK$134="",AK$135="")</formula>
    </cfRule>
  </conditionalFormatting>
  <conditionalFormatting sqref="AL136:AL142">
    <cfRule type="expression" dxfId="10911" priority="14370">
      <formula>OR(AL$134&lt;&gt;"",AL$135&lt;&gt;"")</formula>
    </cfRule>
    <cfRule type="expression" dxfId="10910" priority="14371">
      <formula>AND(AL$134="",AL$135="")</formula>
    </cfRule>
  </conditionalFormatting>
  <conditionalFormatting sqref="AM136:AM142">
    <cfRule type="expression" dxfId="10909" priority="14368">
      <formula>OR(AM$134&lt;&gt;"",AM$135&lt;&gt;"")</formula>
    </cfRule>
    <cfRule type="expression" dxfId="10908" priority="14369">
      <formula>AND(AM$134="",AM$135="")</formula>
    </cfRule>
  </conditionalFormatting>
  <conditionalFormatting sqref="AN136:AN142">
    <cfRule type="expression" dxfId="10907" priority="14366">
      <formula>OR(AN$134&lt;&gt;"",AN$135&lt;&gt;"")</formula>
    </cfRule>
    <cfRule type="expression" dxfId="10906" priority="14367">
      <formula>AND(AN$134="",AN$135="")</formula>
    </cfRule>
  </conditionalFormatting>
  <conditionalFormatting sqref="AO136:AO142">
    <cfRule type="expression" dxfId="10905" priority="14364">
      <formula>OR(AO$134&lt;&gt;"",AO$135&lt;&gt;"")</formula>
    </cfRule>
    <cfRule type="expression" dxfId="10904" priority="14365">
      <formula>AND(AO$134="",AO$135="")</formula>
    </cfRule>
  </conditionalFormatting>
  <conditionalFormatting sqref="AP136:AP142">
    <cfRule type="expression" dxfId="10903" priority="14362">
      <formula>OR(AP$134&lt;&gt;"",AP$135&lt;&gt;"")</formula>
    </cfRule>
    <cfRule type="expression" dxfId="10902" priority="14363">
      <formula>AND(AP$134="",AP$135="")</formula>
    </cfRule>
  </conditionalFormatting>
  <conditionalFormatting sqref="AQ136:AQ142">
    <cfRule type="expression" dxfId="10901" priority="14360">
      <formula>OR(AQ$134&lt;&gt;"",AQ$135&lt;&gt;"")</formula>
    </cfRule>
    <cfRule type="expression" dxfId="10900" priority="14361">
      <formula>AND(AQ$134="",AQ$135="")</formula>
    </cfRule>
  </conditionalFormatting>
  <conditionalFormatting sqref="AR136:AR142">
    <cfRule type="expression" dxfId="10899" priority="14358">
      <formula>OR(AR$134&lt;&gt;"",AR$135&lt;&gt;"")</formula>
    </cfRule>
    <cfRule type="expression" dxfId="10898" priority="14359">
      <formula>AND(AR$134="",AR$135="")</formula>
    </cfRule>
  </conditionalFormatting>
  <conditionalFormatting sqref="AS136:AS142">
    <cfRule type="expression" dxfId="10897" priority="14356">
      <formula>OR(AS$134&lt;&gt;"",AS$135&lt;&gt;"")</formula>
    </cfRule>
    <cfRule type="expression" dxfId="10896" priority="14357">
      <formula>AND(AS$134="",AS$135="")</formula>
    </cfRule>
  </conditionalFormatting>
  <conditionalFormatting sqref="AT136:AT142">
    <cfRule type="expression" dxfId="10895" priority="14354">
      <formula>OR(AT$134&lt;&gt;"",AT$135&lt;&gt;"")</formula>
    </cfRule>
    <cfRule type="expression" dxfId="10894" priority="14355">
      <formula>AND(AT$134="",AT$135="")</formula>
    </cfRule>
  </conditionalFormatting>
  <conditionalFormatting sqref="AU136:AU142">
    <cfRule type="expression" dxfId="10893" priority="14352">
      <formula>OR(AU$134&lt;&gt;"",AU$135&lt;&gt;"")</formula>
    </cfRule>
    <cfRule type="expression" dxfId="10892" priority="14353">
      <formula>AND(AU$134="",AU$135="")</formula>
    </cfRule>
  </conditionalFormatting>
  <conditionalFormatting sqref="AV136:AV142">
    <cfRule type="expression" dxfId="10891" priority="14350">
      <formula>OR(AV$134&lt;&gt;"",AV$135&lt;&gt;"")</formula>
    </cfRule>
    <cfRule type="expression" dxfId="10890" priority="14351">
      <formula>AND(AV$134="",AV$135="")</formula>
    </cfRule>
  </conditionalFormatting>
  <conditionalFormatting sqref="AW136:AW142">
    <cfRule type="expression" dxfId="10889" priority="14348">
      <formula>OR(AW$134&lt;&gt;"",AW$135&lt;&gt;"")</formula>
    </cfRule>
    <cfRule type="expression" dxfId="10888" priority="14349">
      <formula>AND(AW$134="",AW$135="")</formula>
    </cfRule>
  </conditionalFormatting>
  <conditionalFormatting sqref="AX136:AX142">
    <cfRule type="expression" dxfId="10887" priority="14346">
      <formula>OR(AX$134&lt;&gt;"",AX$135&lt;&gt;"")</formula>
    </cfRule>
    <cfRule type="expression" dxfId="10886" priority="14347">
      <formula>AND(AX$134="",AX$135="")</formula>
    </cfRule>
  </conditionalFormatting>
  <conditionalFormatting sqref="AY136:AY142">
    <cfRule type="expression" dxfId="10885" priority="14344">
      <formula>OR(AY$134&lt;&gt;"",AY$135&lt;&gt;"")</formula>
    </cfRule>
    <cfRule type="expression" dxfId="10884" priority="14345">
      <formula>AND(AY$134="",AY$135="")</formula>
    </cfRule>
  </conditionalFormatting>
  <conditionalFormatting sqref="AZ136:AZ142">
    <cfRule type="expression" dxfId="10883" priority="14342">
      <formula>OR(AZ$134&lt;&gt;"",AZ$135&lt;&gt;"")</formula>
    </cfRule>
    <cfRule type="expression" dxfId="10882" priority="14343">
      <formula>AND(AZ$134="",AZ$135="")</formula>
    </cfRule>
  </conditionalFormatting>
  <conditionalFormatting sqref="BA136:BA142">
    <cfRule type="expression" dxfId="10881" priority="14340">
      <formula>OR(BA$134&lt;&gt;"",BA$135&lt;&gt;"")</formula>
    </cfRule>
    <cfRule type="expression" dxfId="10880" priority="14341">
      <formula>AND(BA$134="",BA$135="")</formula>
    </cfRule>
  </conditionalFormatting>
  <conditionalFormatting sqref="BB136:BB142">
    <cfRule type="expression" dxfId="10879" priority="14338">
      <formula>OR(BB$134&lt;&gt;"",BB$135&lt;&gt;"")</formula>
    </cfRule>
    <cfRule type="expression" dxfId="10878" priority="14339">
      <formula>AND(BB$134="",BB$135="")</formula>
    </cfRule>
  </conditionalFormatting>
  <conditionalFormatting sqref="BC136:BC142">
    <cfRule type="expression" dxfId="10877" priority="14336">
      <formula>OR(BC$134&lt;&gt;"",BC$135&lt;&gt;"")</formula>
    </cfRule>
    <cfRule type="expression" dxfId="10876" priority="14337">
      <formula>AND(BC$134="",BC$135="")</formula>
    </cfRule>
  </conditionalFormatting>
  <conditionalFormatting sqref="BD136:BD142">
    <cfRule type="expression" dxfId="10875" priority="14334">
      <formula>OR(BD$134&lt;&gt;"",BD$135&lt;&gt;"")</formula>
    </cfRule>
    <cfRule type="expression" dxfId="10874" priority="14335">
      <formula>AND(BD$134="",BD$135="")</formula>
    </cfRule>
  </conditionalFormatting>
  <conditionalFormatting sqref="BE136:BE142">
    <cfRule type="expression" dxfId="10873" priority="14332">
      <formula>OR(BE$134&lt;&gt;"",BE$135&lt;&gt;"")</formula>
    </cfRule>
    <cfRule type="expression" dxfId="10872" priority="14333">
      <formula>AND(BE$134="",BE$135="")</formula>
    </cfRule>
  </conditionalFormatting>
  <conditionalFormatting sqref="BF136:BF142">
    <cfRule type="expression" dxfId="10871" priority="14330">
      <formula>OR(BF$134&lt;&gt;"",BF$135&lt;&gt;"")</formula>
    </cfRule>
    <cfRule type="expression" dxfId="10870" priority="14331">
      <formula>AND(BF$134="",BF$135="")</formula>
    </cfRule>
  </conditionalFormatting>
  <conditionalFormatting sqref="BG136:BG142">
    <cfRule type="expression" dxfId="10869" priority="14328">
      <formula>OR(BG$134&lt;&gt;"",BG$135&lt;&gt;"")</formula>
    </cfRule>
    <cfRule type="expression" dxfId="10868" priority="14329">
      <formula>AND(BG$134="",BG$135="")</formula>
    </cfRule>
  </conditionalFormatting>
  <conditionalFormatting sqref="BH136:BH142">
    <cfRule type="expression" dxfId="10867" priority="14326">
      <formula>OR(BH$134&lt;&gt;"",BH$135&lt;&gt;"")</formula>
    </cfRule>
    <cfRule type="expression" dxfId="10866" priority="14327">
      <formula>AND(BH$134="",BH$135="")</formula>
    </cfRule>
  </conditionalFormatting>
  <conditionalFormatting sqref="BI136:BI142">
    <cfRule type="expression" dxfId="10865" priority="14324">
      <formula>OR(BI$134&lt;&gt;"",BI$135&lt;&gt;"")</formula>
    </cfRule>
    <cfRule type="expression" dxfId="10864" priority="14325">
      <formula>AND(BI$134="",BI$135="")</formula>
    </cfRule>
  </conditionalFormatting>
  <conditionalFormatting sqref="BJ136:BJ142">
    <cfRule type="expression" dxfId="10863" priority="14322">
      <formula>OR(BJ$134&lt;&gt;"",BJ$135&lt;&gt;"")</formula>
    </cfRule>
    <cfRule type="expression" dxfId="10862" priority="14323">
      <formula>AND(BJ$134="",BJ$135="")</formula>
    </cfRule>
  </conditionalFormatting>
  <conditionalFormatting sqref="BK136:BK142">
    <cfRule type="expression" dxfId="10861" priority="14320">
      <formula>OR(BK$134&lt;&gt;"",BK$135&lt;&gt;"")</formula>
    </cfRule>
    <cfRule type="expression" dxfId="10860" priority="14321">
      <formula>AND(BK$134="",BK$135="")</formula>
    </cfRule>
  </conditionalFormatting>
  <conditionalFormatting sqref="BL136:BL142">
    <cfRule type="expression" dxfId="10859" priority="14318">
      <formula>OR(BL$134&lt;&gt;"",BL$135&lt;&gt;"")</formula>
    </cfRule>
    <cfRule type="expression" dxfId="10858" priority="14319">
      <formula>AND(BL$134="",BL$135="")</formula>
    </cfRule>
  </conditionalFormatting>
  <conditionalFormatting sqref="BM136:BM142">
    <cfRule type="expression" dxfId="10857" priority="14316">
      <formula>OR(BM$134&lt;&gt;"",BM$135&lt;&gt;"")</formula>
    </cfRule>
    <cfRule type="expression" dxfId="10856" priority="14317">
      <formula>AND(BM$134="",BM$135="")</formula>
    </cfRule>
  </conditionalFormatting>
  <conditionalFormatting sqref="BN136:BN142">
    <cfRule type="expression" dxfId="10855" priority="14314">
      <formula>OR(BN$134&lt;&gt;"",BN$135&lt;&gt;"")</formula>
    </cfRule>
    <cfRule type="expression" dxfId="10854" priority="14315">
      <formula>AND(BN$134="",BN$135="")</formula>
    </cfRule>
  </conditionalFormatting>
  <conditionalFormatting sqref="BO136:BO142">
    <cfRule type="expression" dxfId="10853" priority="14312">
      <formula>OR(BO$134&lt;&gt;"",BO$135&lt;&gt;"")</formula>
    </cfRule>
    <cfRule type="expression" dxfId="10852" priority="14313">
      <formula>AND(BO$134="",BO$135="")</formula>
    </cfRule>
  </conditionalFormatting>
  <conditionalFormatting sqref="BP136:BP142">
    <cfRule type="expression" dxfId="10851" priority="14310">
      <formula>OR(BP$134&lt;&gt;"",BP$135&lt;&gt;"")</formula>
    </cfRule>
    <cfRule type="expression" dxfId="10850" priority="14311">
      <formula>AND(BP$134="",BP$135="")</formula>
    </cfRule>
  </conditionalFormatting>
  <conditionalFormatting sqref="BQ136:BQ142">
    <cfRule type="expression" dxfId="10849" priority="14308">
      <formula>OR(BQ$134&lt;&gt;"",BQ$135&lt;&gt;"")</formula>
    </cfRule>
    <cfRule type="expression" dxfId="10848" priority="14309">
      <formula>AND(BQ$134="",BQ$135="")</formula>
    </cfRule>
  </conditionalFormatting>
  <conditionalFormatting sqref="BR136:BR142">
    <cfRule type="expression" dxfId="10847" priority="14306">
      <formula>OR(BR$134&lt;&gt;"",BR$135&lt;&gt;"")</formula>
    </cfRule>
    <cfRule type="expression" dxfId="10846" priority="14307">
      <formula>AND(BR$134="",BR$135="")</formula>
    </cfRule>
  </conditionalFormatting>
  <conditionalFormatting sqref="BS136:BS142">
    <cfRule type="expression" dxfId="10845" priority="14304">
      <formula>OR(BS$134&lt;&gt;"",BS$135&lt;&gt;"")</formula>
    </cfRule>
    <cfRule type="expression" dxfId="10844" priority="14305">
      <formula>AND(BS$134="",BS$135="")</formula>
    </cfRule>
  </conditionalFormatting>
  <conditionalFormatting sqref="M187:M188">
    <cfRule type="expression" dxfId="10843" priority="14302">
      <formula>OR(M$187&lt;&gt;"",M$188&lt;&gt;"")</formula>
    </cfRule>
    <cfRule type="expression" dxfId="10842" priority="14303">
      <formula>AND(M$187="",M$188="")</formula>
    </cfRule>
  </conditionalFormatting>
  <conditionalFormatting sqref="N187:N188">
    <cfRule type="expression" dxfId="10841" priority="14300">
      <formula>OR(N$187&lt;&gt;"",N$188&lt;&gt;"")</formula>
    </cfRule>
    <cfRule type="expression" dxfId="10840" priority="14301">
      <formula>AND(N$187="",N$188="")</formula>
    </cfRule>
  </conditionalFormatting>
  <conditionalFormatting sqref="M193:M208">
    <cfRule type="expression" dxfId="10839" priority="14182">
      <formula>OR($M$187&lt;&gt;"",$M$188&lt;&gt;"")</formula>
    </cfRule>
    <cfRule type="expression" dxfId="10838" priority="14183">
      <formula>AND($M$187="",$M$188="")</formula>
    </cfRule>
  </conditionalFormatting>
  <conditionalFormatting sqref="M213:M216">
    <cfRule type="expression" dxfId="10837" priority="14178">
      <formula>OR($M$187&lt;&gt;"",$M$188&lt;&gt;"")</formula>
    </cfRule>
    <cfRule type="expression" dxfId="10836" priority="14179">
      <formula>AND($M$187="",$M$188="")</formula>
    </cfRule>
  </conditionalFormatting>
  <conditionalFormatting sqref="N291:N292">
    <cfRule type="expression" dxfId="10835" priority="13944">
      <formula>OR(N$291&lt;&gt;"",N$292&lt;&gt;"")</formula>
    </cfRule>
    <cfRule type="expression" dxfId="10834" priority="13945">
      <formula>AND(N$291="",N$292="")</formula>
    </cfRule>
  </conditionalFormatting>
  <conditionalFormatting sqref="M293:M297">
    <cfRule type="expression" dxfId="10833" priority="13943">
      <formula>AND($M$291="",$M$292="")</formula>
    </cfRule>
  </conditionalFormatting>
  <conditionalFormatting sqref="N293:N297">
    <cfRule type="expression" dxfId="10832" priority="13941">
      <formula>AND(N$291="",N$292="")</formula>
    </cfRule>
  </conditionalFormatting>
  <conditionalFormatting sqref="O291:O292">
    <cfRule type="expression" dxfId="10831" priority="13938">
      <formula>OR(O$291&lt;&gt;"",O$292&lt;&gt;"")</formula>
    </cfRule>
    <cfRule type="expression" dxfId="10830" priority="13939">
      <formula>AND(O$291="",O$292="")</formula>
    </cfRule>
  </conditionalFormatting>
  <conditionalFormatting sqref="P291:P292">
    <cfRule type="expression" dxfId="10829" priority="13936">
      <formula>OR(P$291&lt;&gt;"",P$292&lt;&gt;"")</formula>
    </cfRule>
    <cfRule type="expression" dxfId="10828" priority="13937">
      <formula>AND(P$291="",P$292="")</formula>
    </cfRule>
  </conditionalFormatting>
  <conditionalFormatting sqref="Q291:Q292">
    <cfRule type="expression" dxfId="10827" priority="13934">
      <formula>OR(Q$291&lt;&gt;"",Q$292&lt;&gt;"")</formula>
    </cfRule>
    <cfRule type="expression" dxfId="10826" priority="13935">
      <formula>AND(Q$291="",Q$292="")</formula>
    </cfRule>
  </conditionalFormatting>
  <conditionalFormatting sqref="R291:R292">
    <cfRule type="expression" dxfId="10825" priority="13932">
      <formula>OR(R$291&lt;&gt;"",R$292&lt;&gt;"")</formula>
    </cfRule>
    <cfRule type="expression" dxfId="10824" priority="13933">
      <formula>AND(R$291="",R$292="")</formula>
    </cfRule>
  </conditionalFormatting>
  <conditionalFormatting sqref="S291:S292">
    <cfRule type="expression" dxfId="10823" priority="13930">
      <formula>OR(S$291&lt;&gt;"",S$292&lt;&gt;"")</formula>
    </cfRule>
    <cfRule type="expression" dxfId="10822" priority="13931">
      <formula>AND(S$291="",S$292="")</formula>
    </cfRule>
  </conditionalFormatting>
  <conditionalFormatting sqref="T291:T292">
    <cfRule type="expression" dxfId="10821" priority="13928">
      <formula>OR(T$291&lt;&gt;"",T$292&lt;&gt;"")</formula>
    </cfRule>
    <cfRule type="expression" dxfId="10820" priority="13929">
      <formula>AND(T$291="",T$292="")</formula>
    </cfRule>
  </conditionalFormatting>
  <conditionalFormatting sqref="U291:U292">
    <cfRule type="expression" dxfId="10819" priority="13926">
      <formula>OR(U$291&lt;&gt;"",U$292&lt;&gt;"")</formula>
    </cfRule>
    <cfRule type="expression" dxfId="10818" priority="13927">
      <formula>AND(U$291="",U$292="")</formula>
    </cfRule>
  </conditionalFormatting>
  <conditionalFormatting sqref="V291:V292">
    <cfRule type="expression" dxfId="10817" priority="13924">
      <formula>OR(V$291&lt;&gt;"",V$292&lt;&gt;"")</formula>
    </cfRule>
    <cfRule type="expression" dxfId="10816" priority="13925">
      <formula>AND(V$291="",V$292="")</formula>
    </cfRule>
  </conditionalFormatting>
  <conditionalFormatting sqref="W291:W292">
    <cfRule type="expression" dxfId="10815" priority="13922">
      <formula>OR(W$291&lt;&gt;"",W$292&lt;&gt;"")</formula>
    </cfRule>
    <cfRule type="expression" dxfId="10814" priority="13923">
      <formula>AND(W$291="",W$292="")</formula>
    </cfRule>
  </conditionalFormatting>
  <conditionalFormatting sqref="X291:X292">
    <cfRule type="expression" dxfId="10813" priority="13920">
      <formula>OR(X$291&lt;&gt;"",X$292&lt;&gt;"")</formula>
    </cfRule>
    <cfRule type="expression" dxfId="10812" priority="13921">
      <formula>AND(X$291="",X$292="")</formula>
    </cfRule>
  </conditionalFormatting>
  <conditionalFormatting sqref="Y291:Y292">
    <cfRule type="expression" dxfId="10811" priority="13918">
      <formula>OR(Y$291&lt;&gt;"",Y$292&lt;&gt;"")</formula>
    </cfRule>
    <cfRule type="expression" dxfId="10810" priority="13919">
      <formula>AND(Y$291="",Y$292="")</formula>
    </cfRule>
  </conditionalFormatting>
  <conditionalFormatting sqref="Z291:Z292">
    <cfRule type="expression" dxfId="10809" priority="13916">
      <formula>OR(Z$291&lt;&gt;"",Z$292&lt;&gt;"")</formula>
    </cfRule>
    <cfRule type="expression" dxfId="10808" priority="13917">
      <formula>AND(Z$291="",Z$292="")</formula>
    </cfRule>
  </conditionalFormatting>
  <conditionalFormatting sqref="AA291:AA292">
    <cfRule type="expression" dxfId="10807" priority="13914">
      <formula>OR(AA$291&lt;&gt;"",AA$292&lt;&gt;"")</formula>
    </cfRule>
    <cfRule type="expression" dxfId="10806" priority="13915">
      <formula>AND(AA$291="",AA$292="")</formula>
    </cfRule>
  </conditionalFormatting>
  <conditionalFormatting sqref="AB291:AB292">
    <cfRule type="expression" dxfId="10805" priority="13912">
      <formula>OR(AB$291&lt;&gt;"",AB$292&lt;&gt;"")</formula>
    </cfRule>
    <cfRule type="expression" dxfId="10804" priority="13913">
      <formula>AND(AB$291="",AB$292="")</formula>
    </cfRule>
  </conditionalFormatting>
  <conditionalFormatting sqref="AC291:AC292">
    <cfRule type="expression" dxfId="10803" priority="13910">
      <formula>OR(AC$291&lt;&gt;"",AC$292&lt;&gt;"")</formula>
    </cfRule>
    <cfRule type="expression" dxfId="10802" priority="13911">
      <formula>AND(AC$291="",AC$292="")</formula>
    </cfRule>
  </conditionalFormatting>
  <conditionalFormatting sqref="AD291:AD292">
    <cfRule type="expression" dxfId="10801" priority="13908">
      <formula>OR(AD$291&lt;&gt;"",AD$292&lt;&gt;"")</formula>
    </cfRule>
    <cfRule type="expression" dxfId="10800" priority="13909">
      <formula>AND(AD$291="",AD$292="")</formula>
    </cfRule>
  </conditionalFormatting>
  <conditionalFormatting sqref="AE291:AE292">
    <cfRule type="expression" dxfId="10799" priority="13906">
      <formula>OR(AE$291&lt;&gt;"",AE$292&lt;&gt;"")</formula>
    </cfRule>
    <cfRule type="expression" dxfId="10798" priority="13907">
      <formula>AND(AE$291="",AE$292="")</formula>
    </cfRule>
  </conditionalFormatting>
  <conditionalFormatting sqref="AF291:AF292">
    <cfRule type="expression" dxfId="10797" priority="13904">
      <formula>OR(AF$291&lt;&gt;"",AF$292&lt;&gt;"")</formula>
    </cfRule>
    <cfRule type="expression" dxfId="10796" priority="13905">
      <formula>AND(AF$291="",AF$292="")</formula>
    </cfRule>
  </conditionalFormatting>
  <conditionalFormatting sqref="AG291:AG292">
    <cfRule type="expression" dxfId="10795" priority="13902">
      <formula>OR(AG$291&lt;&gt;"",AG$292&lt;&gt;"")</formula>
    </cfRule>
    <cfRule type="expression" dxfId="10794" priority="13903">
      <formula>AND(AG$291="",AG$292="")</formula>
    </cfRule>
  </conditionalFormatting>
  <conditionalFormatting sqref="AH291:AH292">
    <cfRule type="expression" dxfId="10793" priority="13900">
      <formula>OR(AH$291&lt;&gt;"",AH$292&lt;&gt;"")</formula>
    </cfRule>
    <cfRule type="expression" dxfId="10792" priority="13901">
      <formula>AND(AH$291="",AH$292="")</formula>
    </cfRule>
  </conditionalFormatting>
  <conditionalFormatting sqref="AI291:AI292">
    <cfRule type="expression" dxfId="10791" priority="13898">
      <formula>OR(AI$291&lt;&gt;"",AI$292&lt;&gt;"")</formula>
    </cfRule>
    <cfRule type="expression" dxfId="10790" priority="13899">
      <formula>AND(AI$291="",AI$292="")</formula>
    </cfRule>
  </conditionalFormatting>
  <conditionalFormatting sqref="AJ291:AJ292">
    <cfRule type="expression" dxfId="10789" priority="13896">
      <formula>OR(AJ$291&lt;&gt;"",AJ$292&lt;&gt;"")</formula>
    </cfRule>
    <cfRule type="expression" dxfId="10788" priority="13897">
      <formula>AND(AJ$291="",AJ$292="")</formula>
    </cfRule>
  </conditionalFormatting>
  <conditionalFormatting sqref="AK291:AK292">
    <cfRule type="expression" dxfId="10787" priority="13894">
      <formula>OR(AK$291&lt;&gt;"",AK$292&lt;&gt;"")</formula>
    </cfRule>
    <cfRule type="expression" dxfId="10786" priority="13895">
      <formula>AND(AK$291="",AK$292="")</formula>
    </cfRule>
  </conditionalFormatting>
  <conditionalFormatting sqref="AL291:AL292">
    <cfRule type="expression" dxfId="10785" priority="13892">
      <formula>OR(AL$291&lt;&gt;"",AL$292&lt;&gt;"")</formula>
    </cfRule>
    <cfRule type="expression" dxfId="10784" priority="13893">
      <formula>AND(AL$291="",AL$292="")</formula>
    </cfRule>
  </conditionalFormatting>
  <conditionalFormatting sqref="AM291:AM292">
    <cfRule type="expression" dxfId="10783" priority="13890">
      <formula>OR(AM$291&lt;&gt;"",AM$292&lt;&gt;"")</formula>
    </cfRule>
    <cfRule type="expression" dxfId="10782" priority="13891">
      <formula>AND(AM$291="",AM$292="")</formula>
    </cfRule>
  </conditionalFormatting>
  <conditionalFormatting sqref="AN291:AN292">
    <cfRule type="expression" dxfId="10781" priority="13888">
      <formula>OR(AN$291&lt;&gt;"",AN$292&lt;&gt;"")</formula>
    </cfRule>
    <cfRule type="expression" dxfId="10780" priority="13889">
      <formula>AND(AN$291="",AN$292="")</formula>
    </cfRule>
  </conditionalFormatting>
  <conditionalFormatting sqref="AO291:AO292">
    <cfRule type="expression" dxfId="10779" priority="13886">
      <formula>OR(AO$291&lt;&gt;"",AO$292&lt;&gt;"")</formula>
    </cfRule>
    <cfRule type="expression" dxfId="10778" priority="13887">
      <formula>AND(AO$291="",AO$292="")</formula>
    </cfRule>
  </conditionalFormatting>
  <conditionalFormatting sqref="AP291:AP292">
    <cfRule type="expression" dxfId="10777" priority="13884">
      <formula>OR(AP$291&lt;&gt;"",AP$292&lt;&gt;"")</formula>
    </cfRule>
    <cfRule type="expression" dxfId="10776" priority="13885">
      <formula>AND(AP$291="",AP$292="")</formula>
    </cfRule>
  </conditionalFormatting>
  <conditionalFormatting sqref="AQ291:AQ292">
    <cfRule type="expression" dxfId="10775" priority="13882">
      <formula>OR(AQ$291&lt;&gt;"",AQ$292&lt;&gt;"")</formula>
    </cfRule>
    <cfRule type="expression" dxfId="10774" priority="13883">
      <formula>AND(AQ$291="",AQ$292="")</formula>
    </cfRule>
  </conditionalFormatting>
  <conditionalFormatting sqref="AR291:AR292">
    <cfRule type="expression" dxfId="10773" priority="13880">
      <formula>OR(AR$291&lt;&gt;"",AR$292&lt;&gt;"")</formula>
    </cfRule>
    <cfRule type="expression" dxfId="10772" priority="13881">
      <formula>AND(AR$291="",AR$292="")</formula>
    </cfRule>
  </conditionalFormatting>
  <conditionalFormatting sqref="AS291:AS292">
    <cfRule type="expression" dxfId="10771" priority="13878">
      <formula>OR(AS$291&lt;&gt;"",AS$292&lt;&gt;"")</formula>
    </cfRule>
    <cfRule type="expression" dxfId="10770" priority="13879">
      <formula>AND(AS$291="",AS$292="")</formula>
    </cfRule>
  </conditionalFormatting>
  <conditionalFormatting sqref="AT291:AT292">
    <cfRule type="expression" dxfId="10769" priority="13876">
      <formula>OR(AT$291&lt;&gt;"",AT$292&lt;&gt;"")</formula>
    </cfRule>
    <cfRule type="expression" dxfId="10768" priority="13877">
      <formula>AND(AT$291="",AT$292="")</formula>
    </cfRule>
  </conditionalFormatting>
  <conditionalFormatting sqref="AU291:AU292">
    <cfRule type="expression" dxfId="10767" priority="13874">
      <formula>OR(AU$291&lt;&gt;"",AU$292&lt;&gt;"")</formula>
    </cfRule>
    <cfRule type="expression" dxfId="10766" priority="13875">
      <formula>AND(AU$291="",AU$292="")</formula>
    </cfRule>
  </conditionalFormatting>
  <conditionalFormatting sqref="AV291:AV292">
    <cfRule type="expression" dxfId="10765" priority="13872">
      <formula>OR(AV$291&lt;&gt;"",AV$292&lt;&gt;"")</formula>
    </cfRule>
    <cfRule type="expression" dxfId="10764" priority="13873">
      <formula>AND(AV$291="",AV$292="")</formula>
    </cfRule>
  </conditionalFormatting>
  <conditionalFormatting sqref="AW291:AW292">
    <cfRule type="expression" dxfId="10763" priority="13870">
      <formula>OR(AW$291&lt;&gt;"",AW$292&lt;&gt;"")</formula>
    </cfRule>
    <cfRule type="expression" dxfId="10762" priority="13871">
      <formula>AND(AW$291="",AW$292="")</formula>
    </cfRule>
  </conditionalFormatting>
  <conditionalFormatting sqref="AX291:AX292">
    <cfRule type="expression" dxfId="10761" priority="13868">
      <formula>OR(AX$291&lt;&gt;"",AX$292&lt;&gt;"")</formula>
    </cfRule>
    <cfRule type="expression" dxfId="10760" priority="13869">
      <formula>AND(AX$291="",AX$292="")</formula>
    </cfRule>
  </conditionalFormatting>
  <conditionalFormatting sqref="AY291:AY292">
    <cfRule type="expression" dxfId="10759" priority="13866">
      <formula>OR(AY$291&lt;&gt;"",AY$292&lt;&gt;"")</formula>
    </cfRule>
    <cfRule type="expression" dxfId="10758" priority="13867">
      <formula>AND(AY$291="",AY$292="")</formula>
    </cfRule>
  </conditionalFormatting>
  <conditionalFormatting sqref="AZ291:AZ292">
    <cfRule type="expression" dxfId="10757" priority="13864">
      <formula>OR(AZ$291&lt;&gt;"",AZ$292&lt;&gt;"")</formula>
    </cfRule>
    <cfRule type="expression" dxfId="10756" priority="13865">
      <formula>AND(AZ$291="",AZ$292="")</formula>
    </cfRule>
  </conditionalFormatting>
  <conditionalFormatting sqref="BA291:BA292">
    <cfRule type="expression" dxfId="10755" priority="13862">
      <formula>OR(BA$291&lt;&gt;"",BA$292&lt;&gt;"")</formula>
    </cfRule>
    <cfRule type="expression" dxfId="10754" priority="13863">
      <formula>AND(BA$291="",BA$292="")</formula>
    </cfRule>
  </conditionalFormatting>
  <conditionalFormatting sqref="BB291:BB292">
    <cfRule type="expression" dxfId="10753" priority="13860">
      <formula>OR(BB$291&lt;&gt;"",BB$292&lt;&gt;"")</formula>
    </cfRule>
    <cfRule type="expression" dxfId="10752" priority="13861">
      <formula>AND(BB$291="",BB$292="")</formula>
    </cfRule>
  </conditionalFormatting>
  <conditionalFormatting sqref="BC291:BC292">
    <cfRule type="expression" dxfId="10751" priority="13858">
      <formula>OR(BC$291&lt;&gt;"",BC$292&lt;&gt;"")</formula>
    </cfRule>
    <cfRule type="expression" dxfId="10750" priority="13859">
      <formula>AND(BC$291="",BC$292="")</formula>
    </cfRule>
  </conditionalFormatting>
  <conditionalFormatting sqref="BD291:BD292">
    <cfRule type="expression" dxfId="10749" priority="13856">
      <formula>OR(BD$291&lt;&gt;"",BD$292&lt;&gt;"")</formula>
    </cfRule>
    <cfRule type="expression" dxfId="10748" priority="13857">
      <formula>AND(BD$291="",BD$292="")</formula>
    </cfRule>
  </conditionalFormatting>
  <conditionalFormatting sqref="BE291:BE292">
    <cfRule type="expression" dxfId="10747" priority="13854">
      <formula>OR(BE$291&lt;&gt;"",BE$292&lt;&gt;"")</formula>
    </cfRule>
    <cfRule type="expression" dxfId="10746" priority="13855">
      <formula>AND(BE$291="",BE$292="")</formula>
    </cfRule>
  </conditionalFormatting>
  <conditionalFormatting sqref="BF291:BF292">
    <cfRule type="expression" dxfId="10745" priority="13852">
      <formula>OR(BF$291&lt;&gt;"",BF$292&lt;&gt;"")</formula>
    </cfRule>
    <cfRule type="expression" dxfId="10744" priority="13853">
      <formula>AND(BF$291="",BF$292="")</formula>
    </cfRule>
  </conditionalFormatting>
  <conditionalFormatting sqref="BG291:BG292">
    <cfRule type="expression" dxfId="10743" priority="13850">
      <formula>OR(BG$291&lt;&gt;"",BG$292&lt;&gt;"")</formula>
    </cfRule>
    <cfRule type="expression" dxfId="10742" priority="13851">
      <formula>AND(BG$291="",BG$292="")</formula>
    </cfRule>
  </conditionalFormatting>
  <conditionalFormatting sqref="BH291:BH292">
    <cfRule type="expression" dxfId="10741" priority="13848">
      <formula>OR(BH$291&lt;&gt;"",BH$292&lt;&gt;"")</formula>
    </cfRule>
    <cfRule type="expression" dxfId="10740" priority="13849">
      <formula>AND(BH$291="",BH$292="")</formula>
    </cfRule>
  </conditionalFormatting>
  <conditionalFormatting sqref="BI291:BI292">
    <cfRule type="expression" dxfId="10739" priority="13846">
      <formula>OR(BI$291&lt;&gt;"",BI$292&lt;&gt;"")</formula>
    </cfRule>
    <cfRule type="expression" dxfId="10738" priority="13847">
      <formula>AND(BI$291="",BI$292="")</formula>
    </cfRule>
  </conditionalFormatting>
  <conditionalFormatting sqref="BJ291:BJ292">
    <cfRule type="expression" dxfId="10737" priority="13844">
      <formula>OR(BJ$291&lt;&gt;"",BJ$292&lt;&gt;"")</formula>
    </cfRule>
    <cfRule type="expression" dxfId="10736" priority="13845">
      <formula>AND(BJ$291="",BJ$292="")</formula>
    </cfRule>
  </conditionalFormatting>
  <conditionalFormatting sqref="BK291:BK292">
    <cfRule type="expression" dxfId="10735" priority="13842">
      <formula>OR(BK$291&lt;&gt;"",BK$292&lt;&gt;"")</formula>
    </cfRule>
    <cfRule type="expression" dxfId="10734" priority="13843">
      <formula>AND(BK$291="",BK$292="")</formula>
    </cfRule>
  </conditionalFormatting>
  <conditionalFormatting sqref="BL291:BL292">
    <cfRule type="expression" dxfId="10733" priority="13840">
      <formula>OR(BL$291&lt;&gt;"",BL$292&lt;&gt;"")</formula>
    </cfRule>
    <cfRule type="expression" dxfId="10732" priority="13841">
      <formula>AND(BL$291="",BL$292="")</formula>
    </cfRule>
  </conditionalFormatting>
  <conditionalFormatting sqref="BM291:BM292">
    <cfRule type="expression" dxfId="10731" priority="13838">
      <formula>OR(BM$291&lt;&gt;"",BM$292&lt;&gt;"")</formula>
    </cfRule>
    <cfRule type="expression" dxfId="10730" priority="13839">
      <formula>AND(BM$291="",BM$292="")</formula>
    </cfRule>
  </conditionalFormatting>
  <conditionalFormatting sqref="BN291:BN292">
    <cfRule type="expression" dxfId="10729" priority="13836">
      <formula>OR(BN$291&lt;&gt;"",BN$292&lt;&gt;"")</formula>
    </cfRule>
    <cfRule type="expression" dxfId="10728" priority="13837">
      <formula>AND(BN$291="",BN$292="")</formula>
    </cfRule>
  </conditionalFormatting>
  <conditionalFormatting sqref="BO291:BO292">
    <cfRule type="expression" dxfId="10727" priority="13834">
      <formula>OR(BO$291&lt;&gt;"",BO$292&lt;&gt;"")</formula>
    </cfRule>
    <cfRule type="expression" dxfId="10726" priority="13835">
      <formula>AND(BO$291="",BO$292="")</formula>
    </cfRule>
  </conditionalFormatting>
  <conditionalFormatting sqref="BP291:BP292">
    <cfRule type="expression" dxfId="10725" priority="13832">
      <formula>OR(BP$291&lt;&gt;"",BP$292&lt;&gt;"")</formula>
    </cfRule>
    <cfRule type="expression" dxfId="10724" priority="13833">
      <formula>AND(BP$291="",BP$292="")</formula>
    </cfRule>
  </conditionalFormatting>
  <conditionalFormatting sqref="BQ291:BQ292">
    <cfRule type="expression" dxfId="10723" priority="13830">
      <formula>OR(BQ$291&lt;&gt;"",BQ$292&lt;&gt;"")</formula>
    </cfRule>
    <cfRule type="expression" dxfId="10722" priority="13831">
      <formula>AND(BQ$291="",BQ$292="")</formula>
    </cfRule>
  </conditionalFormatting>
  <conditionalFormatting sqref="BR291:BR292">
    <cfRule type="expression" dxfId="10721" priority="13828">
      <formula>OR(BR$291&lt;&gt;"",BR$292&lt;&gt;"")</formula>
    </cfRule>
    <cfRule type="expression" dxfId="10720" priority="13829">
      <formula>AND(BR$291="",BR$292="")</formula>
    </cfRule>
  </conditionalFormatting>
  <conditionalFormatting sqref="BS291:BS292">
    <cfRule type="expression" dxfId="10719" priority="13826">
      <formula>OR(BS$291&lt;&gt;"",BS$292&lt;&gt;"")</formula>
    </cfRule>
    <cfRule type="expression" dxfId="10718" priority="13827">
      <formula>AND(BS$291="",BS$292="")</formula>
    </cfRule>
  </conditionalFormatting>
  <conditionalFormatting sqref="M293">
    <cfRule type="expression" dxfId="10717" priority="13942">
      <formula>OR($M$291&lt;&gt;"",$M$292&lt;&gt;"")</formula>
    </cfRule>
  </conditionalFormatting>
  <conditionalFormatting sqref="M294">
    <cfRule type="expression" dxfId="10716" priority="13825">
      <formula>OR($M$291&lt;&gt;"",$M$292&lt;&gt;"")</formula>
    </cfRule>
  </conditionalFormatting>
  <conditionalFormatting sqref="M295">
    <cfRule type="expression" dxfId="10715" priority="13824">
      <formula>OR($M$291&lt;&gt;"",$M$292&lt;&gt;"")</formula>
    </cfRule>
  </conditionalFormatting>
  <conditionalFormatting sqref="M296">
    <cfRule type="expression" dxfId="10714" priority="13823">
      <formula>OR($M$291&lt;&gt;"",$M$292&lt;&gt;"")</formula>
    </cfRule>
  </conditionalFormatting>
  <conditionalFormatting sqref="M297">
    <cfRule type="expression" dxfId="10713" priority="13822">
      <formula>OR($M$291&lt;&gt;"",$M$292&lt;&gt;"")</formula>
    </cfRule>
  </conditionalFormatting>
  <conditionalFormatting sqref="M291:M292">
    <cfRule type="expression" dxfId="10712" priority="13820">
      <formula>OR(M$291&lt;&gt;"",M$292&lt;&gt;"")</formula>
    </cfRule>
    <cfRule type="expression" dxfId="10711" priority="13821">
      <formula>AND(M$291="",M$292="")</formula>
    </cfRule>
  </conditionalFormatting>
  <conditionalFormatting sqref="N293">
    <cfRule type="expression" dxfId="10710" priority="13940">
      <formula>OR(N$291&lt;&gt;"",N$292&lt;&gt;"")</formula>
    </cfRule>
  </conditionalFormatting>
  <conditionalFormatting sqref="N294">
    <cfRule type="expression" dxfId="10709" priority="13819">
      <formula>OR(N$291&lt;&gt;"",N$292&lt;&gt;"")</formula>
    </cfRule>
  </conditionalFormatting>
  <conditionalFormatting sqref="N295">
    <cfRule type="expression" dxfId="10708" priority="13818">
      <formula>OR(N$291&lt;&gt;"",N$292&lt;&gt;"")</formula>
    </cfRule>
  </conditionalFormatting>
  <conditionalFormatting sqref="N296">
    <cfRule type="expression" dxfId="10707" priority="13817">
      <formula>OR(N$291&lt;&gt;"",N$292&lt;&gt;"")</formula>
    </cfRule>
  </conditionalFormatting>
  <conditionalFormatting sqref="N297">
    <cfRule type="expression" dxfId="10706" priority="13815">
      <formula>OR(N$291&lt;&gt;"",N$292&lt;&gt;"")</formula>
    </cfRule>
  </conditionalFormatting>
  <conditionalFormatting sqref="O293:O297">
    <cfRule type="expression" dxfId="10705" priority="13286">
      <formula>AND(O$291="",O$292="")</formula>
    </cfRule>
  </conditionalFormatting>
  <conditionalFormatting sqref="O293">
    <cfRule type="expression" dxfId="10704" priority="13285">
      <formula>OR(O$291&lt;&gt;"",O$292&lt;&gt;"")</formula>
    </cfRule>
  </conditionalFormatting>
  <conditionalFormatting sqref="O294">
    <cfRule type="expression" dxfId="10703" priority="13284">
      <formula>OR(O$291&lt;&gt;"",O$292&lt;&gt;"")</formula>
    </cfRule>
  </conditionalFormatting>
  <conditionalFormatting sqref="O295">
    <cfRule type="expression" dxfId="10702" priority="13283">
      <formula>OR(O$291&lt;&gt;"",O$292&lt;&gt;"")</formula>
    </cfRule>
  </conditionalFormatting>
  <conditionalFormatting sqref="O296">
    <cfRule type="expression" dxfId="10701" priority="13282">
      <formula>OR(O$291&lt;&gt;"",O$292&lt;&gt;"")</formula>
    </cfRule>
  </conditionalFormatting>
  <conditionalFormatting sqref="O297">
    <cfRule type="expression" dxfId="10700" priority="13281">
      <formula>OR(O$291&lt;&gt;"",O$292&lt;&gt;"")</formula>
    </cfRule>
  </conditionalFormatting>
  <conditionalFormatting sqref="P293:P297">
    <cfRule type="expression" dxfId="10699" priority="13280">
      <formula>AND(P$291="",P$292="")</formula>
    </cfRule>
  </conditionalFormatting>
  <conditionalFormatting sqref="P293">
    <cfRule type="expression" dxfId="10698" priority="13279">
      <formula>OR(P$291&lt;&gt;"",P$292&lt;&gt;"")</formula>
    </cfRule>
  </conditionalFormatting>
  <conditionalFormatting sqref="P294">
    <cfRule type="expression" dxfId="10697" priority="13278">
      <formula>OR(P$291&lt;&gt;"",P$292&lt;&gt;"")</formula>
    </cfRule>
  </conditionalFormatting>
  <conditionalFormatting sqref="P295">
    <cfRule type="expression" dxfId="10696" priority="13277">
      <formula>OR(P$291&lt;&gt;"",P$292&lt;&gt;"")</formula>
    </cfRule>
  </conditionalFormatting>
  <conditionalFormatting sqref="P296">
    <cfRule type="expression" dxfId="10695" priority="13276">
      <formula>OR(P$291&lt;&gt;"",P$292&lt;&gt;"")</formula>
    </cfRule>
  </conditionalFormatting>
  <conditionalFormatting sqref="P297">
    <cfRule type="expression" dxfId="10694" priority="13275">
      <formula>OR(P$291&lt;&gt;"",P$292&lt;&gt;"")</formula>
    </cfRule>
  </conditionalFormatting>
  <conditionalFormatting sqref="Q293:Q297">
    <cfRule type="expression" dxfId="10693" priority="13274">
      <formula>AND(Q$291="",Q$292="")</formula>
    </cfRule>
  </conditionalFormatting>
  <conditionalFormatting sqref="Q293">
    <cfRule type="expression" dxfId="10692" priority="13273">
      <formula>OR(Q$291&lt;&gt;"",Q$292&lt;&gt;"")</formula>
    </cfRule>
  </conditionalFormatting>
  <conditionalFormatting sqref="Q294">
    <cfRule type="expression" dxfId="10691" priority="13272">
      <formula>OR(Q$291&lt;&gt;"",Q$292&lt;&gt;"")</formula>
    </cfRule>
  </conditionalFormatting>
  <conditionalFormatting sqref="Q295">
    <cfRule type="expression" dxfId="10690" priority="13271">
      <formula>OR(Q$291&lt;&gt;"",Q$292&lt;&gt;"")</formula>
    </cfRule>
  </conditionalFormatting>
  <conditionalFormatting sqref="Q296">
    <cfRule type="expression" dxfId="10689" priority="13270">
      <formula>OR(Q$291&lt;&gt;"",Q$292&lt;&gt;"")</formula>
    </cfRule>
  </conditionalFormatting>
  <conditionalFormatting sqref="Q297">
    <cfRule type="expression" dxfId="10688" priority="13269">
      <formula>OR(Q$291&lt;&gt;"",Q$292&lt;&gt;"")</formula>
    </cfRule>
  </conditionalFormatting>
  <conditionalFormatting sqref="R293:R297">
    <cfRule type="expression" dxfId="10687" priority="13268">
      <formula>AND(R$291="",R$292="")</formula>
    </cfRule>
  </conditionalFormatting>
  <conditionalFormatting sqref="R293">
    <cfRule type="expression" dxfId="10686" priority="13267">
      <formula>OR(R$291&lt;&gt;"",R$292&lt;&gt;"")</formula>
    </cfRule>
  </conditionalFormatting>
  <conditionalFormatting sqref="R294">
    <cfRule type="expression" dxfId="10685" priority="13266">
      <formula>OR(R$291&lt;&gt;"",R$292&lt;&gt;"")</formula>
    </cfRule>
  </conditionalFormatting>
  <conditionalFormatting sqref="R295">
    <cfRule type="expression" dxfId="10684" priority="13265">
      <formula>OR(R$291&lt;&gt;"",R$292&lt;&gt;"")</formula>
    </cfRule>
  </conditionalFormatting>
  <conditionalFormatting sqref="R296">
    <cfRule type="expression" dxfId="10683" priority="13264">
      <formula>OR(R$291&lt;&gt;"",R$292&lt;&gt;"")</formula>
    </cfRule>
  </conditionalFormatting>
  <conditionalFormatting sqref="R297">
    <cfRule type="expression" dxfId="10682" priority="13263">
      <formula>OR(R$291&lt;&gt;"",R$292&lt;&gt;"")</formula>
    </cfRule>
  </conditionalFormatting>
  <conditionalFormatting sqref="S293:S297">
    <cfRule type="expression" dxfId="10681" priority="13262">
      <formula>AND(S$291="",S$292="")</formula>
    </cfRule>
  </conditionalFormatting>
  <conditionalFormatting sqref="S293">
    <cfRule type="expression" dxfId="10680" priority="13261">
      <formula>OR(S$291&lt;&gt;"",S$292&lt;&gt;"")</formula>
    </cfRule>
  </conditionalFormatting>
  <conditionalFormatting sqref="S294">
    <cfRule type="expression" dxfId="10679" priority="13260">
      <formula>OR(S$291&lt;&gt;"",S$292&lt;&gt;"")</formula>
    </cfRule>
  </conditionalFormatting>
  <conditionalFormatting sqref="S295">
    <cfRule type="expression" dxfId="10678" priority="13259">
      <formula>OR(S$291&lt;&gt;"",S$292&lt;&gt;"")</formula>
    </cfRule>
  </conditionalFormatting>
  <conditionalFormatting sqref="S296">
    <cfRule type="expression" dxfId="10677" priority="13258">
      <formula>OR(S$291&lt;&gt;"",S$292&lt;&gt;"")</formula>
    </cfRule>
  </conditionalFormatting>
  <conditionalFormatting sqref="S297">
    <cfRule type="expression" dxfId="10676" priority="13257">
      <formula>OR(S$291&lt;&gt;"",S$292&lt;&gt;"")</formula>
    </cfRule>
  </conditionalFormatting>
  <conditionalFormatting sqref="T293:T297">
    <cfRule type="expression" dxfId="10675" priority="13256">
      <formula>AND(T$291="",T$292="")</formula>
    </cfRule>
  </conditionalFormatting>
  <conditionalFormatting sqref="T293">
    <cfRule type="expression" dxfId="10674" priority="13255">
      <formula>OR(T$291&lt;&gt;"",T$292&lt;&gt;"")</formula>
    </cfRule>
  </conditionalFormatting>
  <conditionalFormatting sqref="T294">
    <cfRule type="expression" dxfId="10673" priority="13254">
      <formula>OR(T$291&lt;&gt;"",T$292&lt;&gt;"")</formula>
    </cfRule>
  </conditionalFormatting>
  <conditionalFormatting sqref="T295">
    <cfRule type="expression" dxfId="10672" priority="13253">
      <formula>OR(T$291&lt;&gt;"",T$292&lt;&gt;"")</formula>
    </cfRule>
  </conditionalFormatting>
  <conditionalFormatting sqref="T296">
    <cfRule type="expression" dxfId="10671" priority="13252">
      <formula>OR(T$291&lt;&gt;"",T$292&lt;&gt;"")</formula>
    </cfRule>
  </conditionalFormatting>
  <conditionalFormatting sqref="T297">
    <cfRule type="expression" dxfId="10670" priority="13251">
      <formula>OR(T$291&lt;&gt;"",T$292&lt;&gt;"")</formula>
    </cfRule>
  </conditionalFormatting>
  <conditionalFormatting sqref="U293:U297">
    <cfRule type="expression" dxfId="10669" priority="13250">
      <formula>AND(U$291="",U$292="")</formula>
    </cfRule>
  </conditionalFormatting>
  <conditionalFormatting sqref="U293">
    <cfRule type="expression" dxfId="10668" priority="13249">
      <formula>OR(U$291&lt;&gt;"",U$292&lt;&gt;"")</formula>
    </cfRule>
  </conditionalFormatting>
  <conditionalFormatting sqref="U294">
    <cfRule type="expression" dxfId="10667" priority="13248">
      <formula>OR(U$291&lt;&gt;"",U$292&lt;&gt;"")</formula>
    </cfRule>
  </conditionalFormatting>
  <conditionalFormatting sqref="U295">
    <cfRule type="expression" dxfId="10666" priority="13247">
      <formula>OR(U$291&lt;&gt;"",U$292&lt;&gt;"")</formula>
    </cfRule>
  </conditionalFormatting>
  <conditionalFormatting sqref="U296">
    <cfRule type="expression" dxfId="10665" priority="13246">
      <formula>OR(U$291&lt;&gt;"",U$292&lt;&gt;"")</formula>
    </cfRule>
  </conditionalFormatting>
  <conditionalFormatting sqref="U297">
    <cfRule type="expression" dxfId="10664" priority="13245">
      <formula>OR(U$291&lt;&gt;"",U$292&lt;&gt;"")</formula>
    </cfRule>
  </conditionalFormatting>
  <conditionalFormatting sqref="V293:V297">
    <cfRule type="expression" dxfId="10663" priority="13244">
      <formula>AND(V$291="",V$292="")</formula>
    </cfRule>
  </conditionalFormatting>
  <conditionalFormatting sqref="V293">
    <cfRule type="expression" dxfId="10662" priority="13243">
      <formula>OR(V$291&lt;&gt;"",V$292&lt;&gt;"")</formula>
    </cfRule>
  </conditionalFormatting>
  <conditionalFormatting sqref="V294">
    <cfRule type="expression" dxfId="10661" priority="13242">
      <formula>OR(V$291&lt;&gt;"",V$292&lt;&gt;"")</formula>
    </cfRule>
  </conditionalFormatting>
  <conditionalFormatting sqref="V295">
    <cfRule type="expression" dxfId="10660" priority="13241">
      <formula>OR(V$291&lt;&gt;"",V$292&lt;&gt;"")</formula>
    </cfRule>
  </conditionalFormatting>
  <conditionalFormatting sqref="V296">
    <cfRule type="expression" dxfId="10659" priority="13240">
      <formula>OR(V$291&lt;&gt;"",V$292&lt;&gt;"")</formula>
    </cfRule>
  </conditionalFormatting>
  <conditionalFormatting sqref="V297">
    <cfRule type="expression" dxfId="10658" priority="13239">
      <formula>OR(V$291&lt;&gt;"",V$292&lt;&gt;"")</formula>
    </cfRule>
  </conditionalFormatting>
  <conditionalFormatting sqref="W293:W297">
    <cfRule type="expression" dxfId="10657" priority="13238">
      <formula>AND(W$291="",W$292="")</formula>
    </cfRule>
  </conditionalFormatting>
  <conditionalFormatting sqref="W293">
    <cfRule type="expression" dxfId="10656" priority="13237">
      <formula>OR(W$291&lt;&gt;"",W$292&lt;&gt;"")</formula>
    </cfRule>
  </conditionalFormatting>
  <conditionalFormatting sqref="W294">
    <cfRule type="expression" dxfId="10655" priority="13236">
      <formula>OR(W$291&lt;&gt;"",W$292&lt;&gt;"")</formula>
    </cfRule>
  </conditionalFormatting>
  <conditionalFormatting sqref="W295">
    <cfRule type="expression" dxfId="10654" priority="13235">
      <formula>OR(W$291&lt;&gt;"",W$292&lt;&gt;"")</formula>
    </cfRule>
  </conditionalFormatting>
  <conditionalFormatting sqref="W296">
    <cfRule type="expression" dxfId="10653" priority="13234">
      <formula>OR(W$291&lt;&gt;"",W$292&lt;&gt;"")</formula>
    </cfRule>
  </conditionalFormatting>
  <conditionalFormatting sqref="W297">
    <cfRule type="expression" dxfId="10652" priority="13233">
      <formula>OR(W$291&lt;&gt;"",W$292&lt;&gt;"")</formula>
    </cfRule>
  </conditionalFormatting>
  <conditionalFormatting sqref="X293:X297">
    <cfRule type="expression" dxfId="10651" priority="13232">
      <formula>AND(X$291="",X$292="")</formula>
    </cfRule>
  </conditionalFormatting>
  <conditionalFormatting sqref="X293">
    <cfRule type="expression" dxfId="10650" priority="13231">
      <formula>OR(X$291&lt;&gt;"",X$292&lt;&gt;"")</formula>
    </cfRule>
  </conditionalFormatting>
  <conditionalFormatting sqref="X294">
    <cfRule type="expression" dxfId="10649" priority="13230">
      <formula>OR(X$291&lt;&gt;"",X$292&lt;&gt;"")</formula>
    </cfRule>
  </conditionalFormatting>
  <conditionalFormatting sqref="X295">
    <cfRule type="expression" dxfId="10648" priority="13229">
      <formula>OR(X$291&lt;&gt;"",X$292&lt;&gt;"")</formula>
    </cfRule>
  </conditionalFormatting>
  <conditionalFormatting sqref="X296">
    <cfRule type="expression" dxfId="10647" priority="13228">
      <formula>OR(X$291&lt;&gt;"",X$292&lt;&gt;"")</formula>
    </cfRule>
  </conditionalFormatting>
  <conditionalFormatting sqref="X297">
    <cfRule type="expression" dxfId="10646" priority="13227">
      <formula>OR(X$291&lt;&gt;"",X$292&lt;&gt;"")</formula>
    </cfRule>
  </conditionalFormatting>
  <conditionalFormatting sqref="Y293:Y297">
    <cfRule type="expression" dxfId="10645" priority="13226">
      <formula>AND(Y$291="",Y$292="")</formula>
    </cfRule>
  </conditionalFormatting>
  <conditionalFormatting sqref="Y293">
    <cfRule type="expression" dxfId="10644" priority="13225">
      <formula>OR(Y$291&lt;&gt;"",Y$292&lt;&gt;"")</formula>
    </cfRule>
  </conditionalFormatting>
  <conditionalFormatting sqref="Y294">
    <cfRule type="expression" dxfId="10643" priority="13224">
      <formula>OR(Y$291&lt;&gt;"",Y$292&lt;&gt;"")</formula>
    </cfRule>
  </conditionalFormatting>
  <conditionalFormatting sqref="Y295">
    <cfRule type="expression" dxfId="10642" priority="13223">
      <formula>OR(Y$291&lt;&gt;"",Y$292&lt;&gt;"")</formula>
    </cfRule>
  </conditionalFormatting>
  <conditionalFormatting sqref="Y296">
    <cfRule type="expression" dxfId="10641" priority="13222">
      <formula>OR(Y$291&lt;&gt;"",Y$292&lt;&gt;"")</formula>
    </cfRule>
  </conditionalFormatting>
  <conditionalFormatting sqref="Y297">
    <cfRule type="expression" dxfId="10640" priority="13221">
      <formula>OR(Y$291&lt;&gt;"",Y$292&lt;&gt;"")</formula>
    </cfRule>
  </conditionalFormatting>
  <conditionalFormatting sqref="Z293:Z297">
    <cfRule type="expression" dxfId="10639" priority="13220">
      <formula>AND(Z$291="",Z$292="")</formula>
    </cfRule>
  </conditionalFormatting>
  <conditionalFormatting sqref="Z293">
    <cfRule type="expression" dxfId="10638" priority="13219">
      <formula>OR(Z$291&lt;&gt;"",Z$292&lt;&gt;"")</formula>
    </cfRule>
  </conditionalFormatting>
  <conditionalFormatting sqref="Z294">
    <cfRule type="expression" dxfId="10637" priority="13218">
      <formula>OR(Z$291&lt;&gt;"",Z$292&lt;&gt;"")</formula>
    </cfRule>
  </conditionalFormatting>
  <conditionalFormatting sqref="Z295">
    <cfRule type="expression" dxfId="10636" priority="13217">
      <formula>OR(Z$291&lt;&gt;"",Z$292&lt;&gt;"")</formula>
    </cfRule>
  </conditionalFormatting>
  <conditionalFormatting sqref="Z296">
    <cfRule type="expression" dxfId="10635" priority="13216">
      <formula>OR(Z$291&lt;&gt;"",Z$292&lt;&gt;"")</formula>
    </cfRule>
  </conditionalFormatting>
  <conditionalFormatting sqref="Z297">
    <cfRule type="expression" dxfId="10634" priority="13215">
      <formula>OR(Z$291&lt;&gt;"",Z$292&lt;&gt;"")</formula>
    </cfRule>
  </conditionalFormatting>
  <conditionalFormatting sqref="AA293:AA297">
    <cfRule type="expression" dxfId="10633" priority="13214">
      <formula>AND(AA$291="",AA$292="")</formula>
    </cfRule>
  </conditionalFormatting>
  <conditionalFormatting sqref="AA293">
    <cfRule type="expression" dxfId="10632" priority="13213">
      <formula>OR(AA$291&lt;&gt;"",AA$292&lt;&gt;"")</formula>
    </cfRule>
  </conditionalFormatting>
  <conditionalFormatting sqref="AA294">
    <cfRule type="expression" dxfId="10631" priority="13212">
      <formula>OR(AA$291&lt;&gt;"",AA$292&lt;&gt;"")</formula>
    </cfRule>
  </conditionalFormatting>
  <conditionalFormatting sqref="AA295">
    <cfRule type="expression" dxfId="10630" priority="13211">
      <formula>OR(AA$291&lt;&gt;"",AA$292&lt;&gt;"")</formula>
    </cfRule>
  </conditionalFormatting>
  <conditionalFormatting sqref="AA296">
    <cfRule type="expression" dxfId="10629" priority="13210">
      <formula>OR(AA$291&lt;&gt;"",AA$292&lt;&gt;"")</formula>
    </cfRule>
  </conditionalFormatting>
  <conditionalFormatting sqref="AA297">
    <cfRule type="expression" dxfId="10628" priority="13209">
      <formula>OR(AA$291&lt;&gt;"",AA$292&lt;&gt;"")</formula>
    </cfRule>
  </conditionalFormatting>
  <conditionalFormatting sqref="AB293:AB297">
    <cfRule type="expression" dxfId="10627" priority="13208">
      <formula>AND(AB$291="",AB$292="")</formula>
    </cfRule>
  </conditionalFormatting>
  <conditionalFormatting sqref="AB293">
    <cfRule type="expression" dxfId="10626" priority="13207">
      <formula>OR(AB$291&lt;&gt;"",AB$292&lt;&gt;"")</formula>
    </cfRule>
  </conditionalFormatting>
  <conditionalFormatting sqref="AB294">
    <cfRule type="expression" dxfId="10625" priority="13206">
      <formula>OR(AB$291&lt;&gt;"",AB$292&lt;&gt;"")</formula>
    </cfRule>
  </conditionalFormatting>
  <conditionalFormatting sqref="AB295">
    <cfRule type="expression" dxfId="10624" priority="13205">
      <formula>OR(AB$291&lt;&gt;"",AB$292&lt;&gt;"")</formula>
    </cfRule>
  </conditionalFormatting>
  <conditionalFormatting sqref="AB296">
    <cfRule type="expression" dxfId="10623" priority="13204">
      <formula>OR(AB$291&lt;&gt;"",AB$292&lt;&gt;"")</formula>
    </cfRule>
  </conditionalFormatting>
  <conditionalFormatting sqref="AB297">
    <cfRule type="expression" dxfId="10622" priority="13203">
      <formula>OR(AB$291&lt;&gt;"",AB$292&lt;&gt;"")</formula>
    </cfRule>
  </conditionalFormatting>
  <conditionalFormatting sqref="AC293:AC297">
    <cfRule type="expression" dxfId="10621" priority="13202">
      <formula>AND(AC$291="",AC$292="")</formula>
    </cfRule>
  </conditionalFormatting>
  <conditionalFormatting sqref="AC293">
    <cfRule type="expression" dxfId="10620" priority="13201">
      <formula>OR(AC$291&lt;&gt;"",AC$292&lt;&gt;"")</formula>
    </cfRule>
  </conditionalFormatting>
  <conditionalFormatting sqref="AC294">
    <cfRule type="expression" dxfId="10619" priority="13200">
      <formula>OR(AC$291&lt;&gt;"",AC$292&lt;&gt;"")</formula>
    </cfRule>
  </conditionalFormatting>
  <conditionalFormatting sqref="AC295">
    <cfRule type="expression" dxfId="10618" priority="13199">
      <formula>OR(AC$291&lt;&gt;"",AC$292&lt;&gt;"")</formula>
    </cfRule>
  </conditionalFormatting>
  <conditionalFormatting sqref="AC296">
    <cfRule type="expression" dxfId="10617" priority="13198">
      <formula>OR(AC$291&lt;&gt;"",AC$292&lt;&gt;"")</formula>
    </cfRule>
  </conditionalFormatting>
  <conditionalFormatting sqref="AC297">
    <cfRule type="expression" dxfId="10616" priority="13197">
      <formula>OR(AC$291&lt;&gt;"",AC$292&lt;&gt;"")</formula>
    </cfRule>
  </conditionalFormatting>
  <conditionalFormatting sqref="AD293:AD297">
    <cfRule type="expression" dxfId="10615" priority="13196">
      <formula>AND(AD$291="",AD$292="")</formula>
    </cfRule>
  </conditionalFormatting>
  <conditionalFormatting sqref="AD293">
    <cfRule type="expression" dxfId="10614" priority="13195">
      <formula>OR(AD$291&lt;&gt;"",AD$292&lt;&gt;"")</formula>
    </cfRule>
  </conditionalFormatting>
  <conditionalFormatting sqref="AD294">
    <cfRule type="expression" dxfId="10613" priority="13194">
      <formula>OR(AD$291&lt;&gt;"",AD$292&lt;&gt;"")</formula>
    </cfRule>
  </conditionalFormatting>
  <conditionalFormatting sqref="AD295">
    <cfRule type="expression" dxfId="10612" priority="13193">
      <formula>OR(AD$291&lt;&gt;"",AD$292&lt;&gt;"")</formula>
    </cfRule>
  </conditionalFormatting>
  <conditionalFormatting sqref="AD296">
    <cfRule type="expression" dxfId="10611" priority="13192">
      <formula>OR(AD$291&lt;&gt;"",AD$292&lt;&gt;"")</formula>
    </cfRule>
  </conditionalFormatting>
  <conditionalFormatting sqref="AD297">
    <cfRule type="expression" dxfId="10610" priority="13191">
      <formula>OR(AD$291&lt;&gt;"",AD$292&lt;&gt;"")</formula>
    </cfRule>
  </conditionalFormatting>
  <conditionalFormatting sqref="AE293:AE297">
    <cfRule type="expression" dxfId="10609" priority="13190">
      <formula>AND(AE$291="",AE$292="")</formula>
    </cfRule>
  </conditionalFormatting>
  <conditionalFormatting sqref="AE293">
    <cfRule type="expression" dxfId="10608" priority="13189">
      <formula>OR(AE$291&lt;&gt;"",AE$292&lt;&gt;"")</formula>
    </cfRule>
  </conditionalFormatting>
  <conditionalFormatting sqref="AE294">
    <cfRule type="expression" dxfId="10607" priority="13188">
      <formula>OR(AE$291&lt;&gt;"",AE$292&lt;&gt;"")</formula>
    </cfRule>
  </conditionalFormatting>
  <conditionalFormatting sqref="AE295">
    <cfRule type="expression" dxfId="10606" priority="13187">
      <formula>OR(AE$291&lt;&gt;"",AE$292&lt;&gt;"")</formula>
    </cfRule>
  </conditionalFormatting>
  <conditionalFormatting sqref="AE296">
    <cfRule type="expression" dxfId="10605" priority="13186">
      <formula>OR(AE$291&lt;&gt;"",AE$292&lt;&gt;"")</formula>
    </cfRule>
  </conditionalFormatting>
  <conditionalFormatting sqref="AE297">
    <cfRule type="expression" dxfId="10604" priority="13185">
      <formula>OR(AE$291&lt;&gt;"",AE$292&lt;&gt;"")</formula>
    </cfRule>
  </conditionalFormatting>
  <conditionalFormatting sqref="AF293:AF297">
    <cfRule type="expression" dxfId="10603" priority="13184">
      <formula>AND(AF$291="",AF$292="")</formula>
    </cfRule>
  </conditionalFormatting>
  <conditionalFormatting sqref="AF293">
    <cfRule type="expression" dxfId="10602" priority="13183">
      <formula>OR(AF$291&lt;&gt;"",AF$292&lt;&gt;"")</formula>
    </cfRule>
  </conditionalFormatting>
  <conditionalFormatting sqref="AF294">
    <cfRule type="expression" dxfId="10601" priority="13182">
      <formula>OR(AF$291&lt;&gt;"",AF$292&lt;&gt;"")</formula>
    </cfRule>
  </conditionalFormatting>
  <conditionalFormatting sqref="AF295">
    <cfRule type="expression" dxfId="10600" priority="13181">
      <formula>OR(AF$291&lt;&gt;"",AF$292&lt;&gt;"")</formula>
    </cfRule>
  </conditionalFormatting>
  <conditionalFormatting sqref="AF296">
    <cfRule type="expression" dxfId="10599" priority="13180">
      <formula>OR(AF$291&lt;&gt;"",AF$292&lt;&gt;"")</formula>
    </cfRule>
  </conditionalFormatting>
  <conditionalFormatting sqref="AF297">
    <cfRule type="expression" dxfId="10598" priority="13179">
      <formula>OR(AF$291&lt;&gt;"",AF$292&lt;&gt;"")</formula>
    </cfRule>
  </conditionalFormatting>
  <conditionalFormatting sqref="AG293:AG297">
    <cfRule type="expression" dxfId="10597" priority="13178">
      <formula>AND(AG$291="",AG$292="")</formula>
    </cfRule>
  </conditionalFormatting>
  <conditionalFormatting sqref="AG293">
    <cfRule type="expression" dxfId="10596" priority="13177">
      <formula>OR(AG$291&lt;&gt;"",AG$292&lt;&gt;"")</formula>
    </cfRule>
  </conditionalFormatting>
  <conditionalFormatting sqref="AG294">
    <cfRule type="expression" dxfId="10595" priority="13176">
      <formula>OR(AG$291&lt;&gt;"",AG$292&lt;&gt;"")</formula>
    </cfRule>
  </conditionalFormatting>
  <conditionalFormatting sqref="AG295">
    <cfRule type="expression" dxfId="10594" priority="13175">
      <formula>OR(AG$291&lt;&gt;"",AG$292&lt;&gt;"")</formula>
    </cfRule>
  </conditionalFormatting>
  <conditionalFormatting sqref="AG296">
    <cfRule type="expression" dxfId="10593" priority="13174">
      <formula>OR(AG$291&lt;&gt;"",AG$292&lt;&gt;"")</formula>
    </cfRule>
  </conditionalFormatting>
  <conditionalFormatting sqref="AG297">
    <cfRule type="expression" dxfId="10592" priority="13173">
      <formula>OR(AG$291&lt;&gt;"",AG$292&lt;&gt;"")</formula>
    </cfRule>
  </conditionalFormatting>
  <conditionalFormatting sqref="AH293:AH297">
    <cfRule type="expression" dxfId="10591" priority="13172">
      <formula>AND(AH$291="",AH$292="")</formula>
    </cfRule>
  </conditionalFormatting>
  <conditionalFormatting sqref="AH293">
    <cfRule type="expression" dxfId="10590" priority="13171">
      <formula>OR(AH$291&lt;&gt;"",AH$292&lt;&gt;"")</formula>
    </cfRule>
  </conditionalFormatting>
  <conditionalFormatting sqref="AH294">
    <cfRule type="expression" dxfId="10589" priority="13170">
      <formula>OR(AH$291&lt;&gt;"",AH$292&lt;&gt;"")</formula>
    </cfRule>
  </conditionalFormatting>
  <conditionalFormatting sqref="AH295">
    <cfRule type="expression" dxfId="10588" priority="13169">
      <formula>OR(AH$291&lt;&gt;"",AH$292&lt;&gt;"")</formula>
    </cfRule>
  </conditionalFormatting>
  <conditionalFormatting sqref="AH296">
    <cfRule type="expression" dxfId="10587" priority="13168">
      <formula>OR(AH$291&lt;&gt;"",AH$292&lt;&gt;"")</formula>
    </cfRule>
  </conditionalFormatting>
  <conditionalFormatting sqref="AH297">
    <cfRule type="expression" dxfId="10586" priority="13167">
      <formula>OR(AH$291&lt;&gt;"",AH$292&lt;&gt;"")</formula>
    </cfRule>
  </conditionalFormatting>
  <conditionalFormatting sqref="AI293:AI297">
    <cfRule type="expression" dxfId="10585" priority="13166">
      <formula>AND(AI$291="",AI$292="")</formula>
    </cfRule>
  </conditionalFormatting>
  <conditionalFormatting sqref="AI293">
    <cfRule type="expression" dxfId="10584" priority="13165">
      <formula>OR(AI$291&lt;&gt;"",AI$292&lt;&gt;"")</formula>
    </cfRule>
  </conditionalFormatting>
  <conditionalFormatting sqref="AI294">
    <cfRule type="expression" dxfId="10583" priority="13164">
      <formula>OR(AI$291&lt;&gt;"",AI$292&lt;&gt;"")</formula>
    </cfRule>
  </conditionalFormatting>
  <conditionalFormatting sqref="AI295">
    <cfRule type="expression" dxfId="10582" priority="13163">
      <formula>OR(AI$291&lt;&gt;"",AI$292&lt;&gt;"")</formula>
    </cfRule>
  </conditionalFormatting>
  <conditionalFormatting sqref="AI296">
    <cfRule type="expression" dxfId="10581" priority="13162">
      <formula>OR(AI$291&lt;&gt;"",AI$292&lt;&gt;"")</formula>
    </cfRule>
  </conditionalFormatting>
  <conditionalFormatting sqref="AI297">
    <cfRule type="expression" dxfId="10580" priority="13161">
      <formula>OR(AI$291&lt;&gt;"",AI$292&lt;&gt;"")</formula>
    </cfRule>
  </conditionalFormatting>
  <conditionalFormatting sqref="AJ293:AJ297">
    <cfRule type="expression" dxfId="10579" priority="13160">
      <formula>AND(AJ$291="",AJ$292="")</formula>
    </cfRule>
  </conditionalFormatting>
  <conditionalFormatting sqref="AJ293">
    <cfRule type="expression" dxfId="10578" priority="13159">
      <formula>OR(AJ$291&lt;&gt;"",AJ$292&lt;&gt;"")</formula>
    </cfRule>
  </conditionalFormatting>
  <conditionalFormatting sqref="AJ294">
    <cfRule type="expression" dxfId="10577" priority="13158">
      <formula>OR(AJ$291&lt;&gt;"",AJ$292&lt;&gt;"")</formula>
    </cfRule>
  </conditionalFormatting>
  <conditionalFormatting sqref="AJ295">
    <cfRule type="expression" dxfId="10576" priority="13157">
      <formula>OR(AJ$291&lt;&gt;"",AJ$292&lt;&gt;"")</formula>
    </cfRule>
  </conditionalFormatting>
  <conditionalFormatting sqref="AJ296">
    <cfRule type="expression" dxfId="10575" priority="13156">
      <formula>OR(AJ$291&lt;&gt;"",AJ$292&lt;&gt;"")</formula>
    </cfRule>
  </conditionalFormatting>
  <conditionalFormatting sqref="AJ297">
    <cfRule type="expression" dxfId="10574" priority="13155">
      <formula>OR(AJ$291&lt;&gt;"",AJ$292&lt;&gt;"")</formula>
    </cfRule>
  </conditionalFormatting>
  <conditionalFormatting sqref="AK293:AK297">
    <cfRule type="expression" dxfId="10573" priority="13154">
      <formula>AND(AK$291="",AK$292="")</formula>
    </cfRule>
  </conditionalFormatting>
  <conditionalFormatting sqref="AK293">
    <cfRule type="expression" dxfId="10572" priority="13153">
      <formula>OR(AK$291&lt;&gt;"",AK$292&lt;&gt;"")</formula>
    </cfRule>
  </conditionalFormatting>
  <conditionalFormatting sqref="AK294">
    <cfRule type="expression" dxfId="10571" priority="13152">
      <formula>OR(AK$291&lt;&gt;"",AK$292&lt;&gt;"")</formula>
    </cfRule>
  </conditionalFormatting>
  <conditionalFormatting sqref="AK295">
    <cfRule type="expression" dxfId="10570" priority="13151">
      <formula>OR(AK$291&lt;&gt;"",AK$292&lt;&gt;"")</formula>
    </cfRule>
  </conditionalFormatting>
  <conditionalFormatting sqref="AK296">
    <cfRule type="expression" dxfId="10569" priority="13150">
      <formula>OR(AK$291&lt;&gt;"",AK$292&lt;&gt;"")</formula>
    </cfRule>
  </conditionalFormatting>
  <conditionalFormatting sqref="AK297">
    <cfRule type="expression" dxfId="10568" priority="13149">
      <formula>OR(AK$291&lt;&gt;"",AK$292&lt;&gt;"")</formula>
    </cfRule>
  </conditionalFormatting>
  <conditionalFormatting sqref="AL293:AL297">
    <cfRule type="expression" dxfId="10567" priority="13148">
      <formula>AND(AL$291="",AL$292="")</formula>
    </cfRule>
  </conditionalFormatting>
  <conditionalFormatting sqref="AL293">
    <cfRule type="expression" dxfId="10566" priority="13147">
      <formula>OR(AL$291&lt;&gt;"",AL$292&lt;&gt;"")</formula>
    </cfRule>
  </conditionalFormatting>
  <conditionalFormatting sqref="AL294">
    <cfRule type="expression" dxfId="10565" priority="13146">
      <formula>OR(AL$291&lt;&gt;"",AL$292&lt;&gt;"")</formula>
    </cfRule>
  </conditionalFormatting>
  <conditionalFormatting sqref="AL295">
    <cfRule type="expression" dxfId="10564" priority="13145">
      <formula>OR(AL$291&lt;&gt;"",AL$292&lt;&gt;"")</formula>
    </cfRule>
  </conditionalFormatting>
  <conditionalFormatting sqref="AL296">
    <cfRule type="expression" dxfId="10563" priority="13144">
      <formula>OR(AL$291&lt;&gt;"",AL$292&lt;&gt;"")</formula>
    </cfRule>
  </conditionalFormatting>
  <conditionalFormatting sqref="AL297">
    <cfRule type="expression" dxfId="10562" priority="13143">
      <formula>OR(AL$291&lt;&gt;"",AL$292&lt;&gt;"")</formula>
    </cfRule>
  </conditionalFormatting>
  <conditionalFormatting sqref="AM293:AM297">
    <cfRule type="expression" dxfId="10561" priority="13142">
      <formula>AND(AM$291="",AM$292="")</formula>
    </cfRule>
  </conditionalFormatting>
  <conditionalFormatting sqref="AM293">
    <cfRule type="expression" dxfId="10560" priority="13141">
      <formula>OR(AM$291&lt;&gt;"",AM$292&lt;&gt;"")</formula>
    </cfRule>
  </conditionalFormatting>
  <conditionalFormatting sqref="AM294">
    <cfRule type="expression" dxfId="10559" priority="13140">
      <formula>OR(AM$291&lt;&gt;"",AM$292&lt;&gt;"")</formula>
    </cfRule>
  </conditionalFormatting>
  <conditionalFormatting sqref="AM295">
    <cfRule type="expression" dxfId="10558" priority="13139">
      <formula>OR(AM$291&lt;&gt;"",AM$292&lt;&gt;"")</formula>
    </cfRule>
  </conditionalFormatting>
  <conditionalFormatting sqref="AM296">
    <cfRule type="expression" dxfId="10557" priority="13138">
      <formula>OR(AM$291&lt;&gt;"",AM$292&lt;&gt;"")</formula>
    </cfRule>
  </conditionalFormatting>
  <conditionalFormatting sqref="AM297">
    <cfRule type="expression" dxfId="10556" priority="13137">
      <formula>OR(AM$291&lt;&gt;"",AM$292&lt;&gt;"")</formula>
    </cfRule>
  </conditionalFormatting>
  <conditionalFormatting sqref="AN293:AN297">
    <cfRule type="expression" dxfId="10555" priority="13136">
      <formula>AND(AN$291="",AN$292="")</formula>
    </cfRule>
  </conditionalFormatting>
  <conditionalFormatting sqref="AN293">
    <cfRule type="expression" dxfId="10554" priority="13135">
      <formula>OR(AN$291&lt;&gt;"",AN$292&lt;&gt;"")</formula>
    </cfRule>
  </conditionalFormatting>
  <conditionalFormatting sqref="AN294">
    <cfRule type="expression" dxfId="10553" priority="13134">
      <formula>OR(AN$291&lt;&gt;"",AN$292&lt;&gt;"")</formula>
    </cfRule>
  </conditionalFormatting>
  <conditionalFormatting sqref="AN295">
    <cfRule type="expression" dxfId="10552" priority="13133">
      <formula>OR(AN$291&lt;&gt;"",AN$292&lt;&gt;"")</formula>
    </cfRule>
  </conditionalFormatting>
  <conditionalFormatting sqref="AN296">
    <cfRule type="expression" dxfId="10551" priority="13132">
      <formula>OR(AN$291&lt;&gt;"",AN$292&lt;&gt;"")</formula>
    </cfRule>
  </conditionalFormatting>
  <conditionalFormatting sqref="AN297">
    <cfRule type="expression" dxfId="10550" priority="13131">
      <formula>OR(AN$291&lt;&gt;"",AN$292&lt;&gt;"")</formula>
    </cfRule>
  </conditionalFormatting>
  <conditionalFormatting sqref="AO293:AO297">
    <cfRule type="expression" dxfId="10549" priority="13130">
      <formula>AND(AO$291="",AO$292="")</formula>
    </cfRule>
  </conditionalFormatting>
  <conditionalFormatting sqref="AO293">
    <cfRule type="expression" dxfId="10548" priority="13129">
      <formula>OR(AO$291&lt;&gt;"",AO$292&lt;&gt;"")</formula>
    </cfRule>
  </conditionalFormatting>
  <conditionalFormatting sqref="AO294">
    <cfRule type="expression" dxfId="10547" priority="13128">
      <formula>OR(AO$291&lt;&gt;"",AO$292&lt;&gt;"")</formula>
    </cfRule>
  </conditionalFormatting>
  <conditionalFormatting sqref="AO295">
    <cfRule type="expression" dxfId="10546" priority="13127">
      <formula>OR(AO$291&lt;&gt;"",AO$292&lt;&gt;"")</formula>
    </cfRule>
  </conditionalFormatting>
  <conditionalFormatting sqref="AO296">
    <cfRule type="expression" dxfId="10545" priority="13126">
      <formula>OR(AO$291&lt;&gt;"",AO$292&lt;&gt;"")</formula>
    </cfRule>
  </conditionalFormatting>
  <conditionalFormatting sqref="AO297">
    <cfRule type="expression" dxfId="10544" priority="13125">
      <formula>OR(AO$291&lt;&gt;"",AO$292&lt;&gt;"")</formula>
    </cfRule>
  </conditionalFormatting>
  <conditionalFormatting sqref="AP293:AP297">
    <cfRule type="expression" dxfId="10543" priority="13124">
      <formula>AND(AP$291="",AP$292="")</formula>
    </cfRule>
  </conditionalFormatting>
  <conditionalFormatting sqref="AP293">
    <cfRule type="expression" dxfId="10542" priority="13123">
      <formula>OR(AP$291&lt;&gt;"",AP$292&lt;&gt;"")</formula>
    </cfRule>
  </conditionalFormatting>
  <conditionalFormatting sqref="AP294">
    <cfRule type="expression" dxfId="10541" priority="13122">
      <formula>OR(AP$291&lt;&gt;"",AP$292&lt;&gt;"")</formula>
    </cfRule>
  </conditionalFormatting>
  <conditionalFormatting sqref="AP295">
    <cfRule type="expression" dxfId="10540" priority="13121">
      <formula>OR(AP$291&lt;&gt;"",AP$292&lt;&gt;"")</formula>
    </cfRule>
  </conditionalFormatting>
  <conditionalFormatting sqref="AP296">
    <cfRule type="expression" dxfId="10539" priority="13120">
      <formula>OR(AP$291&lt;&gt;"",AP$292&lt;&gt;"")</formula>
    </cfRule>
  </conditionalFormatting>
  <conditionalFormatting sqref="AP297">
    <cfRule type="expression" dxfId="10538" priority="13119">
      <formula>OR(AP$291&lt;&gt;"",AP$292&lt;&gt;"")</formula>
    </cfRule>
  </conditionalFormatting>
  <conditionalFormatting sqref="AQ293:AQ297">
    <cfRule type="expression" dxfId="10537" priority="13118">
      <formula>AND(AQ$291="",AQ$292="")</formula>
    </cfRule>
  </conditionalFormatting>
  <conditionalFormatting sqref="AQ293">
    <cfRule type="expression" dxfId="10536" priority="13117">
      <formula>OR(AQ$291&lt;&gt;"",AQ$292&lt;&gt;"")</formula>
    </cfRule>
  </conditionalFormatting>
  <conditionalFormatting sqref="AQ294">
    <cfRule type="expression" dxfId="10535" priority="13116">
      <formula>OR(AQ$291&lt;&gt;"",AQ$292&lt;&gt;"")</formula>
    </cfRule>
  </conditionalFormatting>
  <conditionalFormatting sqref="AQ295">
    <cfRule type="expression" dxfId="10534" priority="13115">
      <formula>OR(AQ$291&lt;&gt;"",AQ$292&lt;&gt;"")</formula>
    </cfRule>
  </conditionalFormatting>
  <conditionalFormatting sqref="AQ296">
    <cfRule type="expression" dxfId="10533" priority="13114">
      <formula>OR(AQ$291&lt;&gt;"",AQ$292&lt;&gt;"")</formula>
    </cfRule>
  </conditionalFormatting>
  <conditionalFormatting sqref="AQ297">
    <cfRule type="expression" dxfId="10532" priority="13113">
      <formula>OR(AQ$291&lt;&gt;"",AQ$292&lt;&gt;"")</formula>
    </cfRule>
  </conditionalFormatting>
  <conditionalFormatting sqref="AR293:AR297">
    <cfRule type="expression" dxfId="10531" priority="13112">
      <formula>AND(AR$291="",AR$292="")</formula>
    </cfRule>
  </conditionalFormatting>
  <conditionalFormatting sqref="AR293">
    <cfRule type="expression" dxfId="10530" priority="13111">
      <formula>OR(AR$291&lt;&gt;"",AR$292&lt;&gt;"")</formula>
    </cfRule>
  </conditionalFormatting>
  <conditionalFormatting sqref="AR294">
    <cfRule type="expression" dxfId="10529" priority="13110">
      <formula>OR(AR$291&lt;&gt;"",AR$292&lt;&gt;"")</formula>
    </cfRule>
  </conditionalFormatting>
  <conditionalFormatting sqref="AR295">
    <cfRule type="expression" dxfId="10528" priority="13109">
      <formula>OR(AR$291&lt;&gt;"",AR$292&lt;&gt;"")</formula>
    </cfRule>
  </conditionalFormatting>
  <conditionalFormatting sqref="AR296">
    <cfRule type="expression" dxfId="10527" priority="13108">
      <formula>OR(AR$291&lt;&gt;"",AR$292&lt;&gt;"")</formula>
    </cfRule>
  </conditionalFormatting>
  <conditionalFormatting sqref="AR297">
    <cfRule type="expression" dxfId="10526" priority="13107">
      <formula>OR(AR$291&lt;&gt;"",AR$292&lt;&gt;"")</formula>
    </cfRule>
  </conditionalFormatting>
  <conditionalFormatting sqref="AS293:AS297">
    <cfRule type="expression" dxfId="10525" priority="13106">
      <formula>AND(AS$291="",AS$292="")</formula>
    </cfRule>
  </conditionalFormatting>
  <conditionalFormatting sqref="AS293">
    <cfRule type="expression" dxfId="10524" priority="13105">
      <formula>OR(AS$291&lt;&gt;"",AS$292&lt;&gt;"")</formula>
    </cfRule>
  </conditionalFormatting>
  <conditionalFormatting sqref="AS294">
    <cfRule type="expression" dxfId="10523" priority="13104">
      <formula>OR(AS$291&lt;&gt;"",AS$292&lt;&gt;"")</formula>
    </cfRule>
  </conditionalFormatting>
  <conditionalFormatting sqref="AS295">
    <cfRule type="expression" dxfId="10522" priority="13103">
      <formula>OR(AS$291&lt;&gt;"",AS$292&lt;&gt;"")</formula>
    </cfRule>
  </conditionalFormatting>
  <conditionalFormatting sqref="AS296">
    <cfRule type="expression" dxfId="10521" priority="13102">
      <formula>OR(AS$291&lt;&gt;"",AS$292&lt;&gt;"")</formula>
    </cfRule>
  </conditionalFormatting>
  <conditionalFormatting sqref="AS297">
    <cfRule type="expression" dxfId="10520" priority="13101">
      <formula>OR(AS$291&lt;&gt;"",AS$292&lt;&gt;"")</formula>
    </cfRule>
  </conditionalFormatting>
  <conditionalFormatting sqref="AT293:AT297">
    <cfRule type="expression" dxfId="10519" priority="13100">
      <formula>AND(AT$291="",AT$292="")</formula>
    </cfRule>
  </conditionalFormatting>
  <conditionalFormatting sqref="AT293">
    <cfRule type="expression" dxfId="10518" priority="13099">
      <formula>OR(AT$291&lt;&gt;"",AT$292&lt;&gt;"")</formula>
    </cfRule>
  </conditionalFormatting>
  <conditionalFormatting sqref="AT294">
    <cfRule type="expression" dxfId="10517" priority="13098">
      <formula>OR(AT$291&lt;&gt;"",AT$292&lt;&gt;"")</formula>
    </cfRule>
  </conditionalFormatting>
  <conditionalFormatting sqref="AT295">
    <cfRule type="expression" dxfId="10516" priority="13097">
      <formula>OR(AT$291&lt;&gt;"",AT$292&lt;&gt;"")</formula>
    </cfRule>
  </conditionalFormatting>
  <conditionalFormatting sqref="AT296">
    <cfRule type="expression" dxfId="10515" priority="13096">
      <formula>OR(AT$291&lt;&gt;"",AT$292&lt;&gt;"")</formula>
    </cfRule>
  </conditionalFormatting>
  <conditionalFormatting sqref="AT297">
    <cfRule type="expression" dxfId="10514" priority="13095">
      <formula>OR(AT$291&lt;&gt;"",AT$292&lt;&gt;"")</formula>
    </cfRule>
  </conditionalFormatting>
  <conditionalFormatting sqref="AU293:AU297">
    <cfRule type="expression" dxfId="10513" priority="13094">
      <formula>AND(AU$291="",AU$292="")</formula>
    </cfRule>
  </conditionalFormatting>
  <conditionalFormatting sqref="AU293">
    <cfRule type="expression" dxfId="10512" priority="13093">
      <formula>OR(AU$291&lt;&gt;"",AU$292&lt;&gt;"")</formula>
    </cfRule>
  </conditionalFormatting>
  <conditionalFormatting sqref="AU294">
    <cfRule type="expression" dxfId="10511" priority="13092">
      <formula>OR(AU$291&lt;&gt;"",AU$292&lt;&gt;"")</formula>
    </cfRule>
  </conditionalFormatting>
  <conditionalFormatting sqref="AU295">
    <cfRule type="expression" dxfId="10510" priority="13091">
      <formula>OR(AU$291&lt;&gt;"",AU$292&lt;&gt;"")</formula>
    </cfRule>
  </conditionalFormatting>
  <conditionalFormatting sqref="AU296">
    <cfRule type="expression" dxfId="10509" priority="13090">
      <formula>OR(AU$291&lt;&gt;"",AU$292&lt;&gt;"")</formula>
    </cfRule>
  </conditionalFormatting>
  <conditionalFormatting sqref="AU297">
    <cfRule type="expression" dxfId="10508" priority="13089">
      <formula>OR(AU$291&lt;&gt;"",AU$292&lt;&gt;"")</formula>
    </cfRule>
  </conditionalFormatting>
  <conditionalFormatting sqref="AV293:AV297">
    <cfRule type="expression" dxfId="10507" priority="13088">
      <formula>AND(AV$291="",AV$292="")</formula>
    </cfRule>
  </conditionalFormatting>
  <conditionalFormatting sqref="AV293">
    <cfRule type="expression" dxfId="10506" priority="13087">
      <formula>OR(AV$291&lt;&gt;"",AV$292&lt;&gt;"")</formula>
    </cfRule>
  </conditionalFormatting>
  <conditionalFormatting sqref="AV294">
    <cfRule type="expression" dxfId="10505" priority="13086">
      <formula>OR(AV$291&lt;&gt;"",AV$292&lt;&gt;"")</formula>
    </cfRule>
  </conditionalFormatting>
  <conditionalFormatting sqref="AV295">
    <cfRule type="expression" dxfId="10504" priority="13085">
      <formula>OR(AV$291&lt;&gt;"",AV$292&lt;&gt;"")</formula>
    </cfRule>
  </conditionalFormatting>
  <conditionalFormatting sqref="AV296">
    <cfRule type="expression" dxfId="10503" priority="13084">
      <formula>OR(AV$291&lt;&gt;"",AV$292&lt;&gt;"")</formula>
    </cfRule>
  </conditionalFormatting>
  <conditionalFormatting sqref="AV297">
    <cfRule type="expression" dxfId="10502" priority="13083">
      <formula>OR(AV$291&lt;&gt;"",AV$292&lt;&gt;"")</formula>
    </cfRule>
  </conditionalFormatting>
  <conditionalFormatting sqref="AW293:AW297">
    <cfRule type="expression" dxfId="10501" priority="13082">
      <formula>AND(AW$291="",AW$292="")</formula>
    </cfRule>
  </conditionalFormatting>
  <conditionalFormatting sqref="AW293">
    <cfRule type="expression" dxfId="10500" priority="13081">
      <formula>OR(AW$291&lt;&gt;"",AW$292&lt;&gt;"")</formula>
    </cfRule>
  </conditionalFormatting>
  <conditionalFormatting sqref="AW294">
    <cfRule type="expression" dxfId="10499" priority="13080">
      <formula>OR(AW$291&lt;&gt;"",AW$292&lt;&gt;"")</formula>
    </cfRule>
  </conditionalFormatting>
  <conditionalFormatting sqref="AW295">
    <cfRule type="expression" dxfId="10498" priority="13079">
      <formula>OR(AW$291&lt;&gt;"",AW$292&lt;&gt;"")</formula>
    </cfRule>
  </conditionalFormatting>
  <conditionalFormatting sqref="AW296">
    <cfRule type="expression" dxfId="10497" priority="13078">
      <formula>OR(AW$291&lt;&gt;"",AW$292&lt;&gt;"")</formula>
    </cfRule>
  </conditionalFormatting>
  <conditionalFormatting sqref="AW297">
    <cfRule type="expression" dxfId="10496" priority="13077">
      <formula>OR(AW$291&lt;&gt;"",AW$292&lt;&gt;"")</formula>
    </cfRule>
  </conditionalFormatting>
  <conditionalFormatting sqref="AX293:AX297">
    <cfRule type="expression" dxfId="10495" priority="13076">
      <formula>AND(AX$291="",AX$292="")</formula>
    </cfRule>
  </conditionalFormatting>
  <conditionalFormatting sqref="AX293">
    <cfRule type="expression" dxfId="10494" priority="13075">
      <formula>OR(AX$291&lt;&gt;"",AX$292&lt;&gt;"")</formula>
    </cfRule>
  </conditionalFormatting>
  <conditionalFormatting sqref="AX294">
    <cfRule type="expression" dxfId="10493" priority="13074">
      <formula>OR(AX$291&lt;&gt;"",AX$292&lt;&gt;"")</formula>
    </cfRule>
  </conditionalFormatting>
  <conditionalFormatting sqref="AX295">
    <cfRule type="expression" dxfId="10492" priority="13073">
      <formula>OR(AX$291&lt;&gt;"",AX$292&lt;&gt;"")</formula>
    </cfRule>
  </conditionalFormatting>
  <conditionalFormatting sqref="AX296">
    <cfRule type="expression" dxfId="10491" priority="13072">
      <formula>OR(AX$291&lt;&gt;"",AX$292&lt;&gt;"")</formula>
    </cfRule>
  </conditionalFormatting>
  <conditionalFormatting sqref="AX297">
    <cfRule type="expression" dxfId="10490" priority="13071">
      <formula>OR(AX$291&lt;&gt;"",AX$292&lt;&gt;"")</formula>
    </cfRule>
  </conditionalFormatting>
  <conditionalFormatting sqref="AY293:AY297">
    <cfRule type="expression" dxfId="10489" priority="13070">
      <formula>AND(AY$291="",AY$292="")</formula>
    </cfRule>
  </conditionalFormatting>
  <conditionalFormatting sqref="AY293">
    <cfRule type="expression" dxfId="10488" priority="13069">
      <formula>OR(AY$291&lt;&gt;"",AY$292&lt;&gt;"")</formula>
    </cfRule>
  </conditionalFormatting>
  <conditionalFormatting sqref="AY294">
    <cfRule type="expression" dxfId="10487" priority="13068">
      <formula>OR(AY$291&lt;&gt;"",AY$292&lt;&gt;"")</formula>
    </cfRule>
  </conditionalFormatting>
  <conditionalFormatting sqref="AY295">
    <cfRule type="expression" dxfId="10486" priority="13067">
      <formula>OR(AY$291&lt;&gt;"",AY$292&lt;&gt;"")</formula>
    </cfRule>
  </conditionalFormatting>
  <conditionalFormatting sqref="AY296">
    <cfRule type="expression" dxfId="10485" priority="13066">
      <formula>OR(AY$291&lt;&gt;"",AY$292&lt;&gt;"")</formula>
    </cfRule>
  </conditionalFormatting>
  <conditionalFormatting sqref="AY297">
    <cfRule type="expression" dxfId="10484" priority="13065">
      <formula>OR(AY$291&lt;&gt;"",AY$292&lt;&gt;"")</formula>
    </cfRule>
  </conditionalFormatting>
  <conditionalFormatting sqref="AZ293:AZ297">
    <cfRule type="expression" dxfId="10483" priority="13064">
      <formula>AND(AZ$291="",AZ$292="")</formula>
    </cfRule>
  </conditionalFormatting>
  <conditionalFormatting sqref="AZ293">
    <cfRule type="expression" dxfId="10482" priority="13063">
      <formula>OR(AZ$291&lt;&gt;"",AZ$292&lt;&gt;"")</formula>
    </cfRule>
  </conditionalFormatting>
  <conditionalFormatting sqref="AZ294">
    <cfRule type="expression" dxfId="10481" priority="13062">
      <formula>OR(AZ$291&lt;&gt;"",AZ$292&lt;&gt;"")</formula>
    </cfRule>
  </conditionalFormatting>
  <conditionalFormatting sqref="AZ295">
    <cfRule type="expression" dxfId="10480" priority="13061">
      <formula>OR(AZ$291&lt;&gt;"",AZ$292&lt;&gt;"")</formula>
    </cfRule>
  </conditionalFormatting>
  <conditionalFormatting sqref="AZ296">
    <cfRule type="expression" dxfId="10479" priority="13060">
      <formula>OR(AZ$291&lt;&gt;"",AZ$292&lt;&gt;"")</formula>
    </cfRule>
  </conditionalFormatting>
  <conditionalFormatting sqref="AZ297">
    <cfRule type="expression" dxfId="10478" priority="13059">
      <formula>OR(AZ$291&lt;&gt;"",AZ$292&lt;&gt;"")</formula>
    </cfRule>
  </conditionalFormatting>
  <conditionalFormatting sqref="BA293:BA297">
    <cfRule type="expression" dxfId="10477" priority="13058">
      <formula>AND(BA$291="",BA$292="")</formula>
    </cfRule>
  </conditionalFormatting>
  <conditionalFormatting sqref="BA293">
    <cfRule type="expression" dxfId="10476" priority="13057">
      <formula>OR(BA$291&lt;&gt;"",BA$292&lt;&gt;"")</formula>
    </cfRule>
  </conditionalFormatting>
  <conditionalFormatting sqref="BA294">
    <cfRule type="expression" dxfId="10475" priority="13056">
      <formula>OR(BA$291&lt;&gt;"",BA$292&lt;&gt;"")</formula>
    </cfRule>
  </conditionalFormatting>
  <conditionalFormatting sqref="BA295">
    <cfRule type="expression" dxfId="10474" priority="13055">
      <formula>OR(BA$291&lt;&gt;"",BA$292&lt;&gt;"")</formula>
    </cfRule>
  </conditionalFormatting>
  <conditionalFormatting sqref="BA296">
    <cfRule type="expression" dxfId="10473" priority="13054">
      <formula>OR(BA$291&lt;&gt;"",BA$292&lt;&gt;"")</formula>
    </cfRule>
  </conditionalFormatting>
  <conditionalFormatting sqref="BA297">
    <cfRule type="expression" dxfId="10472" priority="13053">
      <formula>OR(BA$291&lt;&gt;"",BA$292&lt;&gt;"")</formula>
    </cfRule>
  </conditionalFormatting>
  <conditionalFormatting sqref="BB293:BB297">
    <cfRule type="expression" dxfId="10471" priority="13052">
      <formula>AND(BB$291="",BB$292="")</formula>
    </cfRule>
  </conditionalFormatting>
  <conditionalFormatting sqref="BB293">
    <cfRule type="expression" dxfId="10470" priority="13051">
      <formula>OR(BB$291&lt;&gt;"",BB$292&lt;&gt;"")</formula>
    </cfRule>
  </conditionalFormatting>
  <conditionalFormatting sqref="BB294">
    <cfRule type="expression" dxfId="10469" priority="13050">
      <formula>OR(BB$291&lt;&gt;"",BB$292&lt;&gt;"")</formula>
    </cfRule>
  </conditionalFormatting>
  <conditionalFormatting sqref="BB295">
    <cfRule type="expression" dxfId="10468" priority="13049">
      <formula>OR(BB$291&lt;&gt;"",BB$292&lt;&gt;"")</formula>
    </cfRule>
  </conditionalFormatting>
  <conditionalFormatting sqref="BB296">
    <cfRule type="expression" dxfId="10467" priority="13048">
      <formula>OR(BB$291&lt;&gt;"",BB$292&lt;&gt;"")</formula>
    </cfRule>
  </conditionalFormatting>
  <conditionalFormatting sqref="BB297">
    <cfRule type="expression" dxfId="10466" priority="13047">
      <formula>OR(BB$291&lt;&gt;"",BB$292&lt;&gt;"")</formula>
    </cfRule>
  </conditionalFormatting>
  <conditionalFormatting sqref="BC293:BC297">
    <cfRule type="expression" dxfId="10465" priority="13046">
      <formula>AND(BC$291="",BC$292="")</formula>
    </cfRule>
  </conditionalFormatting>
  <conditionalFormatting sqref="BC293">
    <cfRule type="expression" dxfId="10464" priority="13045">
      <formula>OR(BC$291&lt;&gt;"",BC$292&lt;&gt;"")</formula>
    </cfRule>
  </conditionalFormatting>
  <conditionalFormatting sqref="BC294">
    <cfRule type="expression" dxfId="10463" priority="13044">
      <formula>OR(BC$291&lt;&gt;"",BC$292&lt;&gt;"")</formula>
    </cfRule>
  </conditionalFormatting>
  <conditionalFormatting sqref="BC295">
    <cfRule type="expression" dxfId="10462" priority="13043">
      <formula>OR(BC$291&lt;&gt;"",BC$292&lt;&gt;"")</formula>
    </cfRule>
  </conditionalFormatting>
  <conditionalFormatting sqref="BC296">
    <cfRule type="expression" dxfId="10461" priority="13042">
      <formula>OR(BC$291&lt;&gt;"",BC$292&lt;&gt;"")</formula>
    </cfRule>
  </conditionalFormatting>
  <conditionalFormatting sqref="BC297">
    <cfRule type="expression" dxfId="10460" priority="13041">
      <formula>OR(BC$291&lt;&gt;"",BC$292&lt;&gt;"")</formula>
    </cfRule>
  </conditionalFormatting>
  <conditionalFormatting sqref="BD293:BD297">
    <cfRule type="expression" dxfId="10459" priority="13040">
      <formula>AND(BD$291="",BD$292="")</formula>
    </cfRule>
  </conditionalFormatting>
  <conditionalFormatting sqref="BD293">
    <cfRule type="expression" dxfId="10458" priority="13039">
      <formula>OR(BD$291&lt;&gt;"",BD$292&lt;&gt;"")</formula>
    </cfRule>
  </conditionalFormatting>
  <conditionalFormatting sqref="BD294">
    <cfRule type="expression" dxfId="10457" priority="13038">
      <formula>OR(BD$291&lt;&gt;"",BD$292&lt;&gt;"")</formula>
    </cfRule>
  </conditionalFormatting>
  <conditionalFormatting sqref="BD295">
    <cfRule type="expression" dxfId="10456" priority="13037">
      <formula>OR(BD$291&lt;&gt;"",BD$292&lt;&gt;"")</formula>
    </cfRule>
  </conditionalFormatting>
  <conditionalFormatting sqref="BD296">
    <cfRule type="expression" dxfId="10455" priority="13036">
      <formula>OR(BD$291&lt;&gt;"",BD$292&lt;&gt;"")</formula>
    </cfRule>
  </conditionalFormatting>
  <conditionalFormatting sqref="BD297">
    <cfRule type="expression" dxfId="10454" priority="13035">
      <formula>OR(BD$291&lt;&gt;"",BD$292&lt;&gt;"")</formula>
    </cfRule>
  </conditionalFormatting>
  <conditionalFormatting sqref="BE293:BE297">
    <cfRule type="expression" dxfId="10453" priority="13034">
      <formula>AND(BE$291="",BE$292="")</formula>
    </cfRule>
  </conditionalFormatting>
  <conditionalFormatting sqref="BE293">
    <cfRule type="expression" dxfId="10452" priority="13033">
      <formula>OR(BE$291&lt;&gt;"",BE$292&lt;&gt;"")</formula>
    </cfRule>
  </conditionalFormatting>
  <conditionalFormatting sqref="BE294">
    <cfRule type="expression" dxfId="10451" priority="13032">
      <formula>OR(BE$291&lt;&gt;"",BE$292&lt;&gt;"")</formula>
    </cfRule>
  </conditionalFormatting>
  <conditionalFormatting sqref="BE295">
    <cfRule type="expression" dxfId="10450" priority="13031">
      <formula>OR(BE$291&lt;&gt;"",BE$292&lt;&gt;"")</formula>
    </cfRule>
  </conditionalFormatting>
  <conditionalFormatting sqref="BE296">
    <cfRule type="expression" dxfId="10449" priority="13030">
      <formula>OR(BE$291&lt;&gt;"",BE$292&lt;&gt;"")</formula>
    </cfRule>
  </conditionalFormatting>
  <conditionalFormatting sqref="BE297">
    <cfRule type="expression" dxfId="10448" priority="13029">
      <formula>OR(BE$291&lt;&gt;"",BE$292&lt;&gt;"")</formula>
    </cfRule>
  </conditionalFormatting>
  <conditionalFormatting sqref="BF293:BF297">
    <cfRule type="expression" dxfId="10447" priority="13028">
      <formula>AND(BF$291="",BF$292="")</formula>
    </cfRule>
  </conditionalFormatting>
  <conditionalFormatting sqref="BF293">
    <cfRule type="expression" dxfId="10446" priority="13027">
      <formula>OR(BF$291&lt;&gt;"",BF$292&lt;&gt;"")</formula>
    </cfRule>
  </conditionalFormatting>
  <conditionalFormatting sqref="BF294">
    <cfRule type="expression" dxfId="10445" priority="13026">
      <formula>OR(BF$291&lt;&gt;"",BF$292&lt;&gt;"")</formula>
    </cfRule>
  </conditionalFormatting>
  <conditionalFormatting sqref="BF295">
    <cfRule type="expression" dxfId="10444" priority="13025">
      <formula>OR(BF$291&lt;&gt;"",BF$292&lt;&gt;"")</formula>
    </cfRule>
  </conditionalFormatting>
  <conditionalFormatting sqref="BF296">
    <cfRule type="expression" dxfId="10443" priority="13024">
      <formula>OR(BF$291&lt;&gt;"",BF$292&lt;&gt;"")</formula>
    </cfRule>
  </conditionalFormatting>
  <conditionalFormatting sqref="BF297">
    <cfRule type="expression" dxfId="10442" priority="13023">
      <formula>OR(BF$291&lt;&gt;"",BF$292&lt;&gt;"")</formula>
    </cfRule>
  </conditionalFormatting>
  <conditionalFormatting sqref="BG293:BG297">
    <cfRule type="expression" dxfId="10441" priority="13022">
      <formula>AND(BG$291="",BG$292="")</formula>
    </cfRule>
  </conditionalFormatting>
  <conditionalFormatting sqref="BG293">
    <cfRule type="expression" dxfId="10440" priority="13021">
      <formula>OR(BG$291&lt;&gt;"",BG$292&lt;&gt;"")</formula>
    </cfRule>
  </conditionalFormatting>
  <conditionalFormatting sqref="BG294">
    <cfRule type="expression" dxfId="10439" priority="13020">
      <formula>OR(BG$291&lt;&gt;"",BG$292&lt;&gt;"")</formula>
    </cfRule>
  </conditionalFormatting>
  <conditionalFormatting sqref="BG295">
    <cfRule type="expression" dxfId="10438" priority="13019">
      <formula>OR(BG$291&lt;&gt;"",BG$292&lt;&gt;"")</formula>
    </cfRule>
  </conditionalFormatting>
  <conditionalFormatting sqref="BG296">
    <cfRule type="expression" dxfId="10437" priority="13018">
      <formula>OR(BG$291&lt;&gt;"",BG$292&lt;&gt;"")</formula>
    </cfRule>
  </conditionalFormatting>
  <conditionalFormatting sqref="BG297">
    <cfRule type="expression" dxfId="10436" priority="13017">
      <formula>OR(BG$291&lt;&gt;"",BG$292&lt;&gt;"")</formula>
    </cfRule>
  </conditionalFormatting>
  <conditionalFormatting sqref="BH293:BH297">
    <cfRule type="expression" dxfId="10435" priority="13016">
      <formula>AND(BH$291="",BH$292="")</formula>
    </cfRule>
  </conditionalFormatting>
  <conditionalFormatting sqref="BH293">
    <cfRule type="expression" dxfId="10434" priority="13015">
      <formula>OR(BH$291&lt;&gt;"",BH$292&lt;&gt;"")</formula>
    </cfRule>
  </conditionalFormatting>
  <conditionalFormatting sqref="BH294">
    <cfRule type="expression" dxfId="10433" priority="13014">
      <formula>OR(BH$291&lt;&gt;"",BH$292&lt;&gt;"")</formula>
    </cfRule>
  </conditionalFormatting>
  <conditionalFormatting sqref="BH295">
    <cfRule type="expression" dxfId="10432" priority="13013">
      <formula>OR(BH$291&lt;&gt;"",BH$292&lt;&gt;"")</formula>
    </cfRule>
  </conditionalFormatting>
  <conditionalFormatting sqref="BH296">
    <cfRule type="expression" dxfId="10431" priority="13012">
      <formula>OR(BH$291&lt;&gt;"",BH$292&lt;&gt;"")</formula>
    </cfRule>
  </conditionalFormatting>
  <conditionalFormatting sqref="BH297">
    <cfRule type="expression" dxfId="10430" priority="13011">
      <formula>OR(BH$291&lt;&gt;"",BH$292&lt;&gt;"")</formula>
    </cfRule>
  </conditionalFormatting>
  <conditionalFormatting sqref="BI293:BI297">
    <cfRule type="expression" dxfId="10429" priority="13010">
      <formula>AND(BI$291="",BI$292="")</formula>
    </cfRule>
  </conditionalFormatting>
  <conditionalFormatting sqref="BI293">
    <cfRule type="expression" dxfId="10428" priority="13009">
      <formula>OR(BI$291&lt;&gt;"",BI$292&lt;&gt;"")</formula>
    </cfRule>
  </conditionalFormatting>
  <conditionalFormatting sqref="BI294">
    <cfRule type="expression" dxfId="10427" priority="13008">
      <formula>OR(BI$291&lt;&gt;"",BI$292&lt;&gt;"")</formula>
    </cfRule>
  </conditionalFormatting>
  <conditionalFormatting sqref="BI295">
    <cfRule type="expression" dxfId="10426" priority="13007">
      <formula>OR(BI$291&lt;&gt;"",BI$292&lt;&gt;"")</formula>
    </cfRule>
  </conditionalFormatting>
  <conditionalFormatting sqref="BI296">
    <cfRule type="expression" dxfId="10425" priority="13006">
      <formula>OR(BI$291&lt;&gt;"",BI$292&lt;&gt;"")</formula>
    </cfRule>
  </conditionalFormatting>
  <conditionalFormatting sqref="BI297">
    <cfRule type="expression" dxfId="10424" priority="13005">
      <formula>OR(BI$291&lt;&gt;"",BI$292&lt;&gt;"")</formula>
    </cfRule>
  </conditionalFormatting>
  <conditionalFormatting sqref="BJ293:BJ297">
    <cfRule type="expression" dxfId="10423" priority="13004">
      <formula>AND(BJ$291="",BJ$292="")</formula>
    </cfRule>
  </conditionalFormatting>
  <conditionalFormatting sqref="BJ293">
    <cfRule type="expression" dxfId="10422" priority="13003">
      <formula>OR(BJ$291&lt;&gt;"",BJ$292&lt;&gt;"")</formula>
    </cfRule>
  </conditionalFormatting>
  <conditionalFormatting sqref="BJ294">
    <cfRule type="expression" dxfId="10421" priority="13002">
      <formula>OR(BJ$291&lt;&gt;"",BJ$292&lt;&gt;"")</formula>
    </cfRule>
  </conditionalFormatting>
  <conditionalFormatting sqref="BJ295">
    <cfRule type="expression" dxfId="10420" priority="13001">
      <formula>OR(BJ$291&lt;&gt;"",BJ$292&lt;&gt;"")</formula>
    </cfRule>
  </conditionalFormatting>
  <conditionalFormatting sqref="BJ296">
    <cfRule type="expression" dxfId="10419" priority="13000">
      <formula>OR(BJ$291&lt;&gt;"",BJ$292&lt;&gt;"")</formula>
    </cfRule>
  </conditionalFormatting>
  <conditionalFormatting sqref="BJ297">
    <cfRule type="expression" dxfId="10418" priority="12999">
      <formula>OR(BJ$291&lt;&gt;"",BJ$292&lt;&gt;"")</formula>
    </cfRule>
  </conditionalFormatting>
  <conditionalFormatting sqref="BK293:BK297">
    <cfRule type="expression" dxfId="10417" priority="12998">
      <formula>AND(BK$291="",BK$292="")</formula>
    </cfRule>
  </conditionalFormatting>
  <conditionalFormatting sqref="BK293">
    <cfRule type="expression" dxfId="10416" priority="12997">
      <formula>OR(BK$291&lt;&gt;"",BK$292&lt;&gt;"")</formula>
    </cfRule>
  </conditionalFormatting>
  <conditionalFormatting sqref="BK294">
    <cfRule type="expression" dxfId="10415" priority="12996">
      <formula>OR(BK$291&lt;&gt;"",BK$292&lt;&gt;"")</formula>
    </cfRule>
  </conditionalFormatting>
  <conditionalFormatting sqref="BK295">
    <cfRule type="expression" dxfId="10414" priority="12995">
      <formula>OR(BK$291&lt;&gt;"",BK$292&lt;&gt;"")</formula>
    </cfRule>
  </conditionalFormatting>
  <conditionalFormatting sqref="BK296">
    <cfRule type="expression" dxfId="10413" priority="12994">
      <formula>OR(BK$291&lt;&gt;"",BK$292&lt;&gt;"")</formula>
    </cfRule>
  </conditionalFormatting>
  <conditionalFormatting sqref="BK297">
    <cfRule type="expression" dxfId="10412" priority="12993">
      <formula>OR(BK$291&lt;&gt;"",BK$292&lt;&gt;"")</formula>
    </cfRule>
  </conditionalFormatting>
  <conditionalFormatting sqref="BL293:BL297">
    <cfRule type="expression" dxfId="10411" priority="12992">
      <formula>AND(BL$291="",BL$292="")</formula>
    </cfRule>
  </conditionalFormatting>
  <conditionalFormatting sqref="BL293">
    <cfRule type="expression" dxfId="10410" priority="12991">
      <formula>OR(BL$291&lt;&gt;"",BL$292&lt;&gt;"")</formula>
    </cfRule>
  </conditionalFormatting>
  <conditionalFormatting sqref="BL294">
    <cfRule type="expression" dxfId="10409" priority="12990">
      <formula>OR(BL$291&lt;&gt;"",BL$292&lt;&gt;"")</formula>
    </cfRule>
  </conditionalFormatting>
  <conditionalFormatting sqref="BL295">
    <cfRule type="expression" dxfId="10408" priority="12989">
      <formula>OR(BL$291&lt;&gt;"",BL$292&lt;&gt;"")</formula>
    </cfRule>
  </conditionalFormatting>
  <conditionalFormatting sqref="BL296">
    <cfRule type="expression" dxfId="10407" priority="12988">
      <formula>OR(BL$291&lt;&gt;"",BL$292&lt;&gt;"")</formula>
    </cfRule>
  </conditionalFormatting>
  <conditionalFormatting sqref="BL297">
    <cfRule type="expression" dxfId="10406" priority="12987">
      <formula>OR(BL$291&lt;&gt;"",BL$292&lt;&gt;"")</formula>
    </cfRule>
  </conditionalFormatting>
  <conditionalFormatting sqref="BM293:BM297">
    <cfRule type="expression" dxfId="10405" priority="12986">
      <formula>AND(BM$291="",BM$292="")</formula>
    </cfRule>
  </conditionalFormatting>
  <conditionalFormatting sqref="BM293">
    <cfRule type="expression" dxfId="10404" priority="12985">
      <formula>OR(BM$291&lt;&gt;"",BM$292&lt;&gt;"")</formula>
    </cfRule>
  </conditionalFormatting>
  <conditionalFormatting sqref="BM294">
    <cfRule type="expression" dxfId="10403" priority="12984">
      <formula>OR(BM$291&lt;&gt;"",BM$292&lt;&gt;"")</formula>
    </cfRule>
  </conditionalFormatting>
  <conditionalFormatting sqref="BM295">
    <cfRule type="expression" dxfId="10402" priority="12983">
      <formula>OR(BM$291&lt;&gt;"",BM$292&lt;&gt;"")</formula>
    </cfRule>
  </conditionalFormatting>
  <conditionalFormatting sqref="BM296">
    <cfRule type="expression" dxfId="10401" priority="12982">
      <formula>OR(BM$291&lt;&gt;"",BM$292&lt;&gt;"")</formula>
    </cfRule>
  </conditionalFormatting>
  <conditionalFormatting sqref="BM297">
    <cfRule type="expression" dxfId="10400" priority="12981">
      <formula>OR(BM$291&lt;&gt;"",BM$292&lt;&gt;"")</formula>
    </cfRule>
  </conditionalFormatting>
  <conditionalFormatting sqref="BN293:BN297">
    <cfRule type="expression" dxfId="10399" priority="12980">
      <formula>AND(BN$291="",BN$292="")</formula>
    </cfRule>
  </conditionalFormatting>
  <conditionalFormatting sqref="BN293">
    <cfRule type="expression" dxfId="10398" priority="12979">
      <formula>OR(BN$291&lt;&gt;"",BN$292&lt;&gt;"")</formula>
    </cfRule>
  </conditionalFormatting>
  <conditionalFormatting sqref="BN294">
    <cfRule type="expression" dxfId="10397" priority="12978">
      <formula>OR(BN$291&lt;&gt;"",BN$292&lt;&gt;"")</formula>
    </cfRule>
  </conditionalFormatting>
  <conditionalFormatting sqref="BN295">
    <cfRule type="expression" dxfId="10396" priority="12977">
      <formula>OR(BN$291&lt;&gt;"",BN$292&lt;&gt;"")</formula>
    </cfRule>
  </conditionalFormatting>
  <conditionalFormatting sqref="BN296">
    <cfRule type="expression" dxfId="10395" priority="12976">
      <formula>OR(BN$291&lt;&gt;"",BN$292&lt;&gt;"")</formula>
    </cfRule>
  </conditionalFormatting>
  <conditionalFormatting sqref="BN297">
    <cfRule type="expression" dxfId="10394" priority="12975">
      <formula>OR(BN$291&lt;&gt;"",BN$292&lt;&gt;"")</formula>
    </cfRule>
  </conditionalFormatting>
  <conditionalFormatting sqref="BO293:BO297">
    <cfRule type="expression" dxfId="10393" priority="12974">
      <formula>AND(BO$291="",BO$292="")</formula>
    </cfRule>
  </conditionalFormatting>
  <conditionalFormatting sqref="BO293">
    <cfRule type="expression" dxfId="10392" priority="12973">
      <formula>OR(BO$291&lt;&gt;"",BO$292&lt;&gt;"")</formula>
    </cfRule>
  </conditionalFormatting>
  <conditionalFormatting sqref="BO294">
    <cfRule type="expression" dxfId="10391" priority="12972">
      <formula>OR(BO$291&lt;&gt;"",BO$292&lt;&gt;"")</formula>
    </cfRule>
  </conditionalFormatting>
  <conditionalFormatting sqref="BO295">
    <cfRule type="expression" dxfId="10390" priority="12971">
      <formula>OR(BO$291&lt;&gt;"",BO$292&lt;&gt;"")</formula>
    </cfRule>
  </conditionalFormatting>
  <conditionalFormatting sqref="BO296">
    <cfRule type="expression" dxfId="10389" priority="12970">
      <formula>OR(BO$291&lt;&gt;"",BO$292&lt;&gt;"")</formula>
    </cfRule>
  </conditionalFormatting>
  <conditionalFormatting sqref="BO297">
    <cfRule type="expression" dxfId="10388" priority="12969">
      <formula>OR(BO$291&lt;&gt;"",BO$292&lt;&gt;"")</formula>
    </cfRule>
  </conditionalFormatting>
  <conditionalFormatting sqref="BP293:BP297">
    <cfRule type="expression" dxfId="10387" priority="12968">
      <formula>AND(BP$291="",BP$292="")</formula>
    </cfRule>
  </conditionalFormatting>
  <conditionalFormatting sqref="BP293">
    <cfRule type="expression" dxfId="10386" priority="12967">
      <formula>OR(BP$291&lt;&gt;"",BP$292&lt;&gt;"")</formula>
    </cfRule>
  </conditionalFormatting>
  <conditionalFormatting sqref="BP294">
    <cfRule type="expression" dxfId="10385" priority="12966">
      <formula>OR(BP$291&lt;&gt;"",BP$292&lt;&gt;"")</formula>
    </cfRule>
  </conditionalFormatting>
  <conditionalFormatting sqref="BP295">
    <cfRule type="expression" dxfId="10384" priority="12965">
      <formula>OR(BP$291&lt;&gt;"",BP$292&lt;&gt;"")</formula>
    </cfRule>
  </conditionalFormatting>
  <conditionalFormatting sqref="BP296">
    <cfRule type="expression" dxfId="10383" priority="12964">
      <formula>OR(BP$291&lt;&gt;"",BP$292&lt;&gt;"")</formula>
    </cfRule>
  </conditionalFormatting>
  <conditionalFormatting sqref="BP297">
    <cfRule type="expression" dxfId="10382" priority="12963">
      <formula>OR(BP$291&lt;&gt;"",BP$292&lt;&gt;"")</formula>
    </cfRule>
  </conditionalFormatting>
  <conditionalFormatting sqref="BQ293:BQ297">
    <cfRule type="expression" dxfId="10381" priority="12962">
      <formula>AND(BQ$291="",BQ$292="")</formula>
    </cfRule>
  </conditionalFormatting>
  <conditionalFormatting sqref="BQ293">
    <cfRule type="expression" dxfId="10380" priority="12961">
      <formula>OR(BQ$291&lt;&gt;"",BQ$292&lt;&gt;"")</formula>
    </cfRule>
  </conditionalFormatting>
  <conditionalFormatting sqref="BQ294">
    <cfRule type="expression" dxfId="10379" priority="12960">
      <formula>OR(BQ$291&lt;&gt;"",BQ$292&lt;&gt;"")</formula>
    </cfRule>
  </conditionalFormatting>
  <conditionalFormatting sqref="BQ295">
    <cfRule type="expression" dxfId="10378" priority="12959">
      <formula>OR(BQ$291&lt;&gt;"",BQ$292&lt;&gt;"")</formula>
    </cfRule>
  </conditionalFormatting>
  <conditionalFormatting sqref="BQ296">
    <cfRule type="expression" dxfId="10377" priority="12958">
      <formula>OR(BQ$291&lt;&gt;"",BQ$292&lt;&gt;"")</formula>
    </cfRule>
  </conditionalFormatting>
  <conditionalFormatting sqref="BQ297">
    <cfRule type="expression" dxfId="10376" priority="12957">
      <formula>OR(BQ$291&lt;&gt;"",BQ$292&lt;&gt;"")</formula>
    </cfRule>
  </conditionalFormatting>
  <conditionalFormatting sqref="BR293:BR297">
    <cfRule type="expression" dxfId="10375" priority="12956">
      <formula>AND(BR$291="",BR$292="")</formula>
    </cfRule>
  </conditionalFormatting>
  <conditionalFormatting sqref="BR293">
    <cfRule type="expression" dxfId="10374" priority="12955">
      <formula>OR(BR$291&lt;&gt;"",BR$292&lt;&gt;"")</formula>
    </cfRule>
  </conditionalFormatting>
  <conditionalFormatting sqref="BR294">
    <cfRule type="expression" dxfId="10373" priority="12954">
      <formula>OR(BR$291&lt;&gt;"",BR$292&lt;&gt;"")</formula>
    </cfRule>
  </conditionalFormatting>
  <conditionalFormatting sqref="BR295">
    <cfRule type="expression" dxfId="10372" priority="12953">
      <formula>OR(BR$291&lt;&gt;"",BR$292&lt;&gt;"")</formula>
    </cfRule>
  </conditionalFormatting>
  <conditionalFormatting sqref="BR296">
    <cfRule type="expression" dxfId="10371" priority="12952">
      <formula>OR(BR$291&lt;&gt;"",BR$292&lt;&gt;"")</formula>
    </cfRule>
  </conditionalFormatting>
  <conditionalFormatting sqref="BR297">
    <cfRule type="expression" dxfId="10370" priority="12951">
      <formula>OR(BR$291&lt;&gt;"",BR$292&lt;&gt;"")</formula>
    </cfRule>
  </conditionalFormatting>
  <conditionalFormatting sqref="BS293:BS297">
    <cfRule type="expression" dxfId="10369" priority="12950">
      <formula>AND(BS$291="",BS$292="")</formula>
    </cfRule>
  </conditionalFormatting>
  <conditionalFormatting sqref="BS293">
    <cfRule type="expression" dxfId="10368" priority="12949">
      <formula>OR(BS$291&lt;&gt;"",BS$292&lt;&gt;"")</formula>
    </cfRule>
  </conditionalFormatting>
  <conditionalFormatting sqref="BS294">
    <cfRule type="expression" dxfId="10367" priority="12948">
      <formula>OR(BS$291&lt;&gt;"",BS$292&lt;&gt;"")</formula>
    </cfRule>
  </conditionalFormatting>
  <conditionalFormatting sqref="BS295">
    <cfRule type="expression" dxfId="10366" priority="12947">
      <formula>OR(BS$291&lt;&gt;"",BS$292&lt;&gt;"")</formula>
    </cfRule>
  </conditionalFormatting>
  <conditionalFormatting sqref="BS296">
    <cfRule type="expression" dxfId="10365" priority="12946">
      <formula>OR(BS$291&lt;&gt;"",BS$292&lt;&gt;"")</formula>
    </cfRule>
  </conditionalFormatting>
  <conditionalFormatting sqref="BS297">
    <cfRule type="expression" dxfId="10364" priority="12945">
      <formula>OR(BS$291&lt;&gt;"",BS$292&lt;&gt;"")</formula>
    </cfRule>
  </conditionalFormatting>
  <conditionalFormatting sqref="M314:M315">
    <cfRule type="expression" dxfId="10363" priority="12943">
      <formula>OR(M$314&lt;&gt;"",M$315&lt;&gt;"")</formula>
    </cfRule>
    <cfRule type="expression" dxfId="10362" priority="12944">
      <formula>AND(M$314="",M$315="")</formula>
    </cfRule>
  </conditionalFormatting>
  <conditionalFormatting sqref="N314:N315">
    <cfRule type="expression" dxfId="10361" priority="12941">
      <formula>OR(N$314&lt;&gt;"",N$315&lt;&gt;"")</formula>
    </cfRule>
    <cfRule type="expression" dxfId="10360" priority="12942">
      <formula>AND(N$314="",N$315="")</formula>
    </cfRule>
  </conditionalFormatting>
  <conditionalFormatting sqref="M316:M321">
    <cfRule type="expression" dxfId="10359" priority="12939">
      <formula>OR($M$314&lt;&gt;"",$M$315&lt;&gt;"")</formula>
    </cfRule>
    <cfRule type="expression" dxfId="10358" priority="12940">
      <formula>AND($M$314="",$M$315="")</formula>
    </cfRule>
  </conditionalFormatting>
  <conditionalFormatting sqref="N316:N321">
    <cfRule type="expression" dxfId="10357" priority="12937">
      <formula>OR(N$314&lt;&gt;"",N$315&lt;&gt;"")</formula>
    </cfRule>
    <cfRule type="expression" dxfId="10356" priority="12938">
      <formula>AND(N$314="",N$315="")</formula>
    </cfRule>
  </conditionalFormatting>
  <conditionalFormatting sqref="O314:O315">
    <cfRule type="expression" dxfId="10355" priority="12935">
      <formula>OR(O$314&lt;&gt;"",O$315&lt;&gt;"")</formula>
    </cfRule>
    <cfRule type="expression" dxfId="10354" priority="12936">
      <formula>AND(O$314="",O$315="")</formula>
    </cfRule>
  </conditionalFormatting>
  <conditionalFormatting sqref="O316:O321">
    <cfRule type="expression" dxfId="10353" priority="12933">
      <formula>OR(O$314&lt;&gt;"",O$315&lt;&gt;"")</formula>
    </cfRule>
    <cfRule type="expression" dxfId="10352" priority="12934">
      <formula>AND(O$314="",O$315="")</formula>
    </cfRule>
  </conditionalFormatting>
  <conditionalFormatting sqref="P314:P315">
    <cfRule type="expression" dxfId="10351" priority="12931">
      <formula>OR(P$314&lt;&gt;"",P$315&lt;&gt;"")</formula>
    </cfRule>
    <cfRule type="expression" dxfId="10350" priority="12932">
      <formula>AND(P$314="",P$315="")</formula>
    </cfRule>
  </conditionalFormatting>
  <conditionalFormatting sqref="P316:P321">
    <cfRule type="expression" dxfId="10349" priority="12929">
      <formula>OR(P$314&lt;&gt;"",P$315&lt;&gt;"")</formula>
    </cfRule>
    <cfRule type="expression" dxfId="10348" priority="12930">
      <formula>AND(P$314="",P$315="")</formula>
    </cfRule>
  </conditionalFormatting>
  <conditionalFormatting sqref="Q314:Q315">
    <cfRule type="expression" dxfId="10347" priority="12927">
      <formula>OR(Q$314&lt;&gt;"",Q$315&lt;&gt;"")</formula>
    </cfRule>
    <cfRule type="expression" dxfId="10346" priority="12928">
      <formula>AND(Q$314="",Q$315="")</formula>
    </cfRule>
  </conditionalFormatting>
  <conditionalFormatting sqref="Q316:Q321">
    <cfRule type="expression" dxfId="10345" priority="12925">
      <formula>OR(Q$314&lt;&gt;"",Q$315&lt;&gt;"")</formula>
    </cfRule>
    <cfRule type="expression" dxfId="10344" priority="12926">
      <formula>AND(Q$314="",Q$315="")</formula>
    </cfRule>
  </conditionalFormatting>
  <conditionalFormatting sqref="R314:R315">
    <cfRule type="expression" dxfId="10343" priority="12923">
      <formula>OR(R$314&lt;&gt;"",R$315&lt;&gt;"")</formula>
    </cfRule>
    <cfRule type="expression" dxfId="10342" priority="12924">
      <formula>AND(R$314="",R$315="")</formula>
    </cfRule>
  </conditionalFormatting>
  <conditionalFormatting sqref="R316:R321">
    <cfRule type="expression" dxfId="10341" priority="12921">
      <formula>OR(R$314&lt;&gt;"",R$315&lt;&gt;"")</formula>
    </cfRule>
    <cfRule type="expression" dxfId="10340" priority="12922">
      <formula>AND(R$314="",R$315="")</formula>
    </cfRule>
  </conditionalFormatting>
  <conditionalFormatting sqref="S314:S315">
    <cfRule type="expression" dxfId="10339" priority="12919">
      <formula>OR(S$314&lt;&gt;"",S$315&lt;&gt;"")</formula>
    </cfRule>
    <cfRule type="expression" dxfId="10338" priority="12920">
      <formula>AND(S$314="",S$315="")</formula>
    </cfRule>
  </conditionalFormatting>
  <conditionalFormatting sqref="S316:S321">
    <cfRule type="expression" dxfId="10337" priority="12917">
      <formula>OR(S$314&lt;&gt;"",S$315&lt;&gt;"")</formula>
    </cfRule>
    <cfRule type="expression" dxfId="10336" priority="12918">
      <formula>AND(S$314="",S$315="")</formula>
    </cfRule>
  </conditionalFormatting>
  <conditionalFormatting sqref="T314:T315">
    <cfRule type="expression" dxfId="10335" priority="12915">
      <formula>OR(T$314&lt;&gt;"",T$315&lt;&gt;"")</formula>
    </cfRule>
    <cfRule type="expression" dxfId="10334" priority="12916">
      <formula>AND(T$314="",T$315="")</formula>
    </cfRule>
  </conditionalFormatting>
  <conditionalFormatting sqref="T316:T321">
    <cfRule type="expression" dxfId="10333" priority="12913">
      <formula>OR(T$314&lt;&gt;"",T$315&lt;&gt;"")</formula>
    </cfRule>
    <cfRule type="expression" dxfId="10332" priority="12914">
      <formula>AND(T$314="",T$315="")</formula>
    </cfRule>
  </conditionalFormatting>
  <conditionalFormatting sqref="U314:U315">
    <cfRule type="expression" dxfId="10331" priority="12911">
      <formula>OR(U$314&lt;&gt;"",U$315&lt;&gt;"")</formula>
    </cfRule>
    <cfRule type="expression" dxfId="10330" priority="12912">
      <formula>AND(U$314="",U$315="")</formula>
    </cfRule>
  </conditionalFormatting>
  <conditionalFormatting sqref="U316:U321">
    <cfRule type="expression" dxfId="10329" priority="12909">
      <formula>OR(U$314&lt;&gt;"",U$315&lt;&gt;"")</formula>
    </cfRule>
    <cfRule type="expression" dxfId="10328" priority="12910">
      <formula>AND(U$314="",U$315="")</formula>
    </cfRule>
  </conditionalFormatting>
  <conditionalFormatting sqref="V314:V315">
    <cfRule type="expression" dxfId="10327" priority="12907">
      <formula>OR(V$314&lt;&gt;"",V$315&lt;&gt;"")</formula>
    </cfRule>
    <cfRule type="expression" dxfId="10326" priority="12908">
      <formula>AND(V$314="",V$315="")</formula>
    </cfRule>
  </conditionalFormatting>
  <conditionalFormatting sqref="V316:V321">
    <cfRule type="expression" dxfId="10325" priority="12905">
      <formula>OR(V$314&lt;&gt;"",V$315&lt;&gt;"")</formula>
    </cfRule>
    <cfRule type="expression" dxfId="10324" priority="12906">
      <formula>AND(V$314="",V$315="")</formula>
    </cfRule>
  </conditionalFormatting>
  <conditionalFormatting sqref="W314:W315">
    <cfRule type="expression" dxfId="10323" priority="12903">
      <formula>OR(W$314&lt;&gt;"",W$315&lt;&gt;"")</formula>
    </cfRule>
    <cfRule type="expression" dxfId="10322" priority="12904">
      <formula>AND(W$314="",W$315="")</formula>
    </cfRule>
  </conditionalFormatting>
  <conditionalFormatting sqref="W316:W321">
    <cfRule type="expression" dxfId="10321" priority="12901">
      <formula>OR(W$314&lt;&gt;"",W$315&lt;&gt;"")</formula>
    </cfRule>
    <cfRule type="expression" dxfId="10320" priority="12902">
      <formula>AND(W$314="",W$315="")</formula>
    </cfRule>
  </conditionalFormatting>
  <conditionalFormatting sqref="X314:X315">
    <cfRule type="expression" dxfId="10319" priority="12899">
      <formula>OR(X$314&lt;&gt;"",X$315&lt;&gt;"")</formula>
    </cfRule>
    <cfRule type="expression" dxfId="10318" priority="12900">
      <formula>AND(X$314="",X$315="")</formula>
    </cfRule>
  </conditionalFormatting>
  <conditionalFormatting sqref="X316:X321">
    <cfRule type="expression" dxfId="10317" priority="12897">
      <formula>OR(X$314&lt;&gt;"",X$315&lt;&gt;"")</formula>
    </cfRule>
    <cfRule type="expression" dxfId="10316" priority="12898">
      <formula>AND(X$314="",X$315="")</formula>
    </cfRule>
  </conditionalFormatting>
  <conditionalFormatting sqref="Y314:Y315">
    <cfRule type="expression" dxfId="10315" priority="12895">
      <formula>OR(Y$314&lt;&gt;"",Y$315&lt;&gt;"")</formula>
    </cfRule>
    <cfRule type="expression" dxfId="10314" priority="12896">
      <formula>AND(Y$314="",Y$315="")</formula>
    </cfRule>
  </conditionalFormatting>
  <conditionalFormatting sqref="Y316:Y321">
    <cfRule type="expression" dxfId="10313" priority="12893">
      <formula>OR(Y$314&lt;&gt;"",Y$315&lt;&gt;"")</formula>
    </cfRule>
    <cfRule type="expression" dxfId="10312" priority="12894">
      <formula>AND(Y$314="",Y$315="")</formula>
    </cfRule>
  </conditionalFormatting>
  <conditionalFormatting sqref="Z314:Z315">
    <cfRule type="expression" dxfId="10311" priority="12891">
      <formula>OR(Z$314&lt;&gt;"",Z$315&lt;&gt;"")</formula>
    </cfRule>
    <cfRule type="expression" dxfId="10310" priority="12892">
      <formula>AND(Z$314="",Z$315="")</formula>
    </cfRule>
  </conditionalFormatting>
  <conditionalFormatting sqref="Z316:Z321">
    <cfRule type="expression" dxfId="10309" priority="12889">
      <formula>OR(Z$314&lt;&gt;"",Z$315&lt;&gt;"")</formula>
    </cfRule>
    <cfRule type="expression" dxfId="10308" priority="12890">
      <formula>AND(Z$314="",Z$315="")</formula>
    </cfRule>
  </conditionalFormatting>
  <conditionalFormatting sqref="AA314:AA315">
    <cfRule type="expression" dxfId="10307" priority="12887">
      <formula>OR(AA$314&lt;&gt;"",AA$315&lt;&gt;"")</formula>
    </cfRule>
    <cfRule type="expression" dxfId="10306" priority="12888">
      <formula>AND(AA$314="",AA$315="")</formula>
    </cfRule>
  </conditionalFormatting>
  <conditionalFormatting sqref="AA316:AA321">
    <cfRule type="expression" dxfId="10305" priority="12885">
      <formula>OR(AA$314&lt;&gt;"",AA$315&lt;&gt;"")</formula>
    </cfRule>
    <cfRule type="expression" dxfId="10304" priority="12886">
      <formula>AND(AA$314="",AA$315="")</formula>
    </cfRule>
  </conditionalFormatting>
  <conditionalFormatting sqref="AB314:AB315">
    <cfRule type="expression" dxfId="10303" priority="12883">
      <formula>OR(AB$314&lt;&gt;"",AB$315&lt;&gt;"")</formula>
    </cfRule>
    <cfRule type="expression" dxfId="10302" priority="12884">
      <formula>AND(AB$314="",AB$315="")</formula>
    </cfRule>
  </conditionalFormatting>
  <conditionalFormatting sqref="AB316:AB321">
    <cfRule type="expression" dxfId="10301" priority="12881">
      <formula>OR(AB$314&lt;&gt;"",AB$315&lt;&gt;"")</formula>
    </cfRule>
    <cfRule type="expression" dxfId="10300" priority="12882">
      <formula>AND(AB$314="",AB$315="")</formula>
    </cfRule>
  </conditionalFormatting>
  <conditionalFormatting sqref="AC314:AC315">
    <cfRule type="expression" dxfId="10299" priority="12879">
      <formula>OR(AC$314&lt;&gt;"",AC$315&lt;&gt;"")</formula>
    </cfRule>
    <cfRule type="expression" dxfId="10298" priority="12880">
      <formula>AND(AC$314="",AC$315="")</formula>
    </cfRule>
  </conditionalFormatting>
  <conditionalFormatting sqref="AC316:AC321">
    <cfRule type="expression" dxfId="10297" priority="12877">
      <formula>OR(AC$314&lt;&gt;"",AC$315&lt;&gt;"")</formula>
    </cfRule>
    <cfRule type="expression" dxfId="10296" priority="12878">
      <formula>AND(AC$314="",AC$315="")</formula>
    </cfRule>
  </conditionalFormatting>
  <conditionalFormatting sqref="AD314:AD315">
    <cfRule type="expression" dxfId="10295" priority="12875">
      <formula>OR(AD$314&lt;&gt;"",AD$315&lt;&gt;"")</formula>
    </cfRule>
    <cfRule type="expression" dxfId="10294" priority="12876">
      <formula>AND(AD$314="",AD$315="")</formula>
    </cfRule>
  </conditionalFormatting>
  <conditionalFormatting sqref="AD316:AD321">
    <cfRule type="expression" dxfId="10293" priority="12873">
      <formula>OR(AD$314&lt;&gt;"",AD$315&lt;&gt;"")</formula>
    </cfRule>
    <cfRule type="expression" dxfId="10292" priority="12874">
      <formula>AND(AD$314="",AD$315="")</formula>
    </cfRule>
  </conditionalFormatting>
  <conditionalFormatting sqref="AE314:AE315">
    <cfRule type="expression" dxfId="10291" priority="12871">
      <formula>OR(AE$314&lt;&gt;"",AE$315&lt;&gt;"")</formula>
    </cfRule>
    <cfRule type="expression" dxfId="10290" priority="12872">
      <formula>AND(AE$314="",AE$315="")</formula>
    </cfRule>
  </conditionalFormatting>
  <conditionalFormatting sqref="AE316:AE321">
    <cfRule type="expression" dxfId="10289" priority="12869">
      <formula>OR(AE$314&lt;&gt;"",AE$315&lt;&gt;"")</formula>
    </cfRule>
    <cfRule type="expression" dxfId="10288" priority="12870">
      <formula>AND(AE$314="",AE$315="")</formula>
    </cfRule>
  </conditionalFormatting>
  <conditionalFormatting sqref="AF314:AF315">
    <cfRule type="expression" dxfId="10287" priority="12867">
      <formula>OR(AF$314&lt;&gt;"",AF$315&lt;&gt;"")</formula>
    </cfRule>
    <cfRule type="expression" dxfId="10286" priority="12868">
      <formula>AND(AF$314="",AF$315="")</formula>
    </cfRule>
  </conditionalFormatting>
  <conditionalFormatting sqref="AF316:AF321">
    <cfRule type="expression" dxfId="10285" priority="12865">
      <formula>OR(AF$314&lt;&gt;"",AF$315&lt;&gt;"")</formula>
    </cfRule>
    <cfRule type="expression" dxfId="10284" priority="12866">
      <formula>AND(AF$314="",AF$315="")</formula>
    </cfRule>
  </conditionalFormatting>
  <conditionalFormatting sqref="AG314:AG315">
    <cfRule type="expression" dxfId="10283" priority="12863">
      <formula>OR(AG$314&lt;&gt;"",AG$315&lt;&gt;"")</formula>
    </cfRule>
    <cfRule type="expression" dxfId="10282" priority="12864">
      <formula>AND(AG$314="",AG$315="")</formula>
    </cfRule>
  </conditionalFormatting>
  <conditionalFormatting sqref="AG316:AG321">
    <cfRule type="expression" dxfId="10281" priority="12861">
      <formula>OR(AG$314&lt;&gt;"",AG$315&lt;&gt;"")</formula>
    </cfRule>
    <cfRule type="expression" dxfId="10280" priority="12862">
      <formula>AND(AG$314="",AG$315="")</formula>
    </cfRule>
  </conditionalFormatting>
  <conditionalFormatting sqref="AH314:AH315">
    <cfRule type="expression" dxfId="10279" priority="12859">
      <formula>OR(AH$314&lt;&gt;"",AH$315&lt;&gt;"")</formula>
    </cfRule>
    <cfRule type="expression" dxfId="10278" priority="12860">
      <formula>AND(AH$314="",AH$315="")</formula>
    </cfRule>
  </conditionalFormatting>
  <conditionalFormatting sqref="AH316:AH321">
    <cfRule type="expression" dxfId="10277" priority="12857">
      <formula>OR(AH$314&lt;&gt;"",AH$315&lt;&gt;"")</formula>
    </cfRule>
    <cfRule type="expression" dxfId="10276" priority="12858">
      <formula>AND(AH$314="",AH$315="")</formula>
    </cfRule>
  </conditionalFormatting>
  <conditionalFormatting sqref="AI314:AI315">
    <cfRule type="expression" dxfId="10275" priority="12855">
      <formula>OR(AI$314&lt;&gt;"",AI$315&lt;&gt;"")</formula>
    </cfRule>
    <cfRule type="expression" dxfId="10274" priority="12856">
      <formula>AND(AI$314="",AI$315="")</formula>
    </cfRule>
  </conditionalFormatting>
  <conditionalFormatting sqref="AI316:AI321">
    <cfRule type="expression" dxfId="10273" priority="12853">
      <formula>OR(AI$314&lt;&gt;"",AI$315&lt;&gt;"")</formula>
    </cfRule>
    <cfRule type="expression" dxfId="10272" priority="12854">
      <formula>AND(AI$314="",AI$315="")</formula>
    </cfRule>
  </conditionalFormatting>
  <conditionalFormatting sqref="AJ314:AJ315">
    <cfRule type="expression" dxfId="10271" priority="12851">
      <formula>OR(AJ$314&lt;&gt;"",AJ$315&lt;&gt;"")</formula>
    </cfRule>
    <cfRule type="expression" dxfId="10270" priority="12852">
      <formula>AND(AJ$314="",AJ$315="")</formula>
    </cfRule>
  </conditionalFormatting>
  <conditionalFormatting sqref="AJ316:AJ321">
    <cfRule type="expression" dxfId="10269" priority="12849">
      <formula>OR(AJ$314&lt;&gt;"",AJ$315&lt;&gt;"")</formula>
    </cfRule>
    <cfRule type="expression" dxfId="10268" priority="12850">
      <formula>AND(AJ$314="",AJ$315="")</formula>
    </cfRule>
  </conditionalFormatting>
  <conditionalFormatting sqref="AK314:AK315">
    <cfRule type="expression" dxfId="10267" priority="12847">
      <formula>OR(AK$314&lt;&gt;"",AK$315&lt;&gt;"")</formula>
    </cfRule>
    <cfRule type="expression" dxfId="10266" priority="12848">
      <formula>AND(AK$314="",AK$315="")</formula>
    </cfRule>
  </conditionalFormatting>
  <conditionalFormatting sqref="AK316:AK321">
    <cfRule type="expression" dxfId="10265" priority="12845">
      <formula>OR(AK$314&lt;&gt;"",AK$315&lt;&gt;"")</formula>
    </cfRule>
    <cfRule type="expression" dxfId="10264" priority="12846">
      <formula>AND(AK$314="",AK$315="")</formula>
    </cfRule>
  </conditionalFormatting>
  <conditionalFormatting sqref="AL314:AL315">
    <cfRule type="expression" dxfId="10263" priority="12843">
      <formula>OR(AL$314&lt;&gt;"",AL$315&lt;&gt;"")</formula>
    </cfRule>
    <cfRule type="expression" dxfId="10262" priority="12844">
      <formula>AND(AL$314="",AL$315="")</formula>
    </cfRule>
  </conditionalFormatting>
  <conditionalFormatting sqref="AL316:AL321">
    <cfRule type="expression" dxfId="10261" priority="12841">
      <formula>OR(AL$314&lt;&gt;"",AL$315&lt;&gt;"")</formula>
    </cfRule>
    <cfRule type="expression" dxfId="10260" priority="12842">
      <formula>AND(AL$314="",AL$315="")</formula>
    </cfRule>
  </conditionalFormatting>
  <conditionalFormatting sqref="AM314:AM315">
    <cfRule type="expression" dxfId="10259" priority="12839">
      <formula>OR(AM$314&lt;&gt;"",AM$315&lt;&gt;"")</formula>
    </cfRule>
    <cfRule type="expression" dxfId="10258" priority="12840">
      <formula>AND(AM$314="",AM$315="")</formula>
    </cfRule>
  </conditionalFormatting>
  <conditionalFormatting sqref="AM316:AM321">
    <cfRule type="expression" dxfId="10257" priority="12837">
      <formula>OR(AM$314&lt;&gt;"",AM$315&lt;&gt;"")</formula>
    </cfRule>
    <cfRule type="expression" dxfId="10256" priority="12838">
      <formula>AND(AM$314="",AM$315="")</formula>
    </cfRule>
  </conditionalFormatting>
  <conditionalFormatting sqref="AN314:AN315">
    <cfRule type="expression" dxfId="10255" priority="12835">
      <formula>OR(AN$314&lt;&gt;"",AN$315&lt;&gt;"")</formula>
    </cfRule>
    <cfRule type="expression" dxfId="10254" priority="12836">
      <formula>AND(AN$314="",AN$315="")</formula>
    </cfRule>
  </conditionalFormatting>
  <conditionalFormatting sqref="AN316:AN321">
    <cfRule type="expression" dxfId="10253" priority="12833">
      <formula>OR(AN$314&lt;&gt;"",AN$315&lt;&gt;"")</formula>
    </cfRule>
    <cfRule type="expression" dxfId="10252" priority="12834">
      <formula>AND(AN$314="",AN$315="")</formula>
    </cfRule>
  </conditionalFormatting>
  <conditionalFormatting sqref="AO314:AO315">
    <cfRule type="expression" dxfId="10251" priority="12831">
      <formula>OR(AO$314&lt;&gt;"",AO$315&lt;&gt;"")</formula>
    </cfRule>
    <cfRule type="expression" dxfId="10250" priority="12832">
      <formula>AND(AO$314="",AO$315="")</formula>
    </cfRule>
  </conditionalFormatting>
  <conditionalFormatting sqref="AO316:AO321">
    <cfRule type="expression" dxfId="10249" priority="12829">
      <formula>OR(AO$314&lt;&gt;"",AO$315&lt;&gt;"")</formula>
    </cfRule>
    <cfRule type="expression" dxfId="10248" priority="12830">
      <formula>AND(AO$314="",AO$315="")</formula>
    </cfRule>
  </conditionalFormatting>
  <conditionalFormatting sqref="AP314:AP315">
    <cfRule type="expression" dxfId="10247" priority="12827">
      <formula>OR(AP$314&lt;&gt;"",AP$315&lt;&gt;"")</formula>
    </cfRule>
    <cfRule type="expression" dxfId="10246" priority="12828">
      <formula>AND(AP$314="",AP$315="")</formula>
    </cfRule>
  </conditionalFormatting>
  <conditionalFormatting sqref="AP316:AP321">
    <cfRule type="expression" dxfId="10245" priority="12825">
      <formula>OR(AP$314&lt;&gt;"",AP$315&lt;&gt;"")</formula>
    </cfRule>
    <cfRule type="expression" dxfId="10244" priority="12826">
      <formula>AND(AP$314="",AP$315="")</formula>
    </cfRule>
  </conditionalFormatting>
  <conditionalFormatting sqref="AQ314:AQ315">
    <cfRule type="expression" dxfId="10243" priority="12823">
      <formula>OR(AQ$314&lt;&gt;"",AQ$315&lt;&gt;"")</formula>
    </cfRule>
    <cfRule type="expression" dxfId="10242" priority="12824">
      <formula>AND(AQ$314="",AQ$315="")</formula>
    </cfRule>
  </conditionalFormatting>
  <conditionalFormatting sqref="AQ316:AQ321">
    <cfRule type="expression" dxfId="10241" priority="12821">
      <formula>OR(AQ$314&lt;&gt;"",AQ$315&lt;&gt;"")</formula>
    </cfRule>
    <cfRule type="expression" dxfId="10240" priority="12822">
      <formula>AND(AQ$314="",AQ$315="")</formula>
    </cfRule>
  </conditionalFormatting>
  <conditionalFormatting sqref="AR314:AR315">
    <cfRule type="expression" dxfId="10239" priority="12819">
      <formula>OR(AR$314&lt;&gt;"",AR$315&lt;&gt;"")</formula>
    </cfRule>
    <cfRule type="expression" dxfId="10238" priority="12820">
      <formula>AND(AR$314="",AR$315="")</formula>
    </cfRule>
  </conditionalFormatting>
  <conditionalFormatting sqref="AR316:AR321">
    <cfRule type="expression" dxfId="10237" priority="12817">
      <formula>OR(AR$314&lt;&gt;"",AR$315&lt;&gt;"")</formula>
    </cfRule>
    <cfRule type="expression" dxfId="10236" priority="12818">
      <formula>AND(AR$314="",AR$315="")</formula>
    </cfRule>
  </conditionalFormatting>
  <conditionalFormatting sqref="AS314:AS315">
    <cfRule type="expression" dxfId="10235" priority="12815">
      <formula>OR(AS$314&lt;&gt;"",AS$315&lt;&gt;"")</formula>
    </cfRule>
    <cfRule type="expression" dxfId="10234" priority="12816">
      <formula>AND(AS$314="",AS$315="")</formula>
    </cfRule>
  </conditionalFormatting>
  <conditionalFormatting sqref="AS316:AS321">
    <cfRule type="expression" dxfId="10233" priority="12813">
      <formula>OR(AS$314&lt;&gt;"",AS$315&lt;&gt;"")</formula>
    </cfRule>
    <cfRule type="expression" dxfId="10232" priority="12814">
      <formula>AND(AS$314="",AS$315="")</formula>
    </cfRule>
  </conditionalFormatting>
  <conditionalFormatting sqref="AT314:AT315">
    <cfRule type="expression" dxfId="10231" priority="12811">
      <formula>OR(AT$314&lt;&gt;"",AT$315&lt;&gt;"")</formula>
    </cfRule>
    <cfRule type="expression" dxfId="10230" priority="12812">
      <formula>AND(AT$314="",AT$315="")</formula>
    </cfRule>
  </conditionalFormatting>
  <conditionalFormatting sqref="AT316:AT321">
    <cfRule type="expression" dxfId="10229" priority="12809">
      <formula>OR(AT$314&lt;&gt;"",AT$315&lt;&gt;"")</formula>
    </cfRule>
    <cfRule type="expression" dxfId="10228" priority="12810">
      <formula>AND(AT$314="",AT$315="")</formula>
    </cfRule>
  </conditionalFormatting>
  <conditionalFormatting sqref="AU314:AU315">
    <cfRule type="expression" dxfId="10227" priority="12807">
      <formula>OR(AU$314&lt;&gt;"",AU$315&lt;&gt;"")</formula>
    </cfRule>
    <cfRule type="expression" dxfId="10226" priority="12808">
      <formula>AND(AU$314="",AU$315="")</formula>
    </cfRule>
  </conditionalFormatting>
  <conditionalFormatting sqref="AU316:AU321">
    <cfRule type="expression" dxfId="10225" priority="12805">
      <formula>OR(AU$314&lt;&gt;"",AU$315&lt;&gt;"")</formula>
    </cfRule>
    <cfRule type="expression" dxfId="10224" priority="12806">
      <formula>AND(AU$314="",AU$315="")</formula>
    </cfRule>
  </conditionalFormatting>
  <conditionalFormatting sqref="AV314:AV315">
    <cfRule type="expression" dxfId="10223" priority="12803">
      <formula>OR(AV$314&lt;&gt;"",AV$315&lt;&gt;"")</formula>
    </cfRule>
    <cfRule type="expression" dxfId="10222" priority="12804">
      <formula>AND(AV$314="",AV$315="")</formula>
    </cfRule>
  </conditionalFormatting>
  <conditionalFormatting sqref="AV316:AV321">
    <cfRule type="expression" dxfId="10221" priority="12801">
      <formula>OR(AV$314&lt;&gt;"",AV$315&lt;&gt;"")</formula>
    </cfRule>
    <cfRule type="expression" dxfId="10220" priority="12802">
      <formula>AND(AV$314="",AV$315="")</formula>
    </cfRule>
  </conditionalFormatting>
  <conditionalFormatting sqref="AW314:AW315">
    <cfRule type="expression" dxfId="10219" priority="12799">
      <formula>OR(AW$314&lt;&gt;"",AW$315&lt;&gt;"")</formula>
    </cfRule>
    <cfRule type="expression" dxfId="10218" priority="12800">
      <formula>AND(AW$314="",AW$315="")</formula>
    </cfRule>
  </conditionalFormatting>
  <conditionalFormatting sqref="AW316:AW321">
    <cfRule type="expression" dxfId="10217" priority="12797">
      <formula>OR(AW$314&lt;&gt;"",AW$315&lt;&gt;"")</formula>
    </cfRule>
    <cfRule type="expression" dxfId="10216" priority="12798">
      <formula>AND(AW$314="",AW$315="")</formula>
    </cfRule>
  </conditionalFormatting>
  <conditionalFormatting sqref="AX314:AX315">
    <cfRule type="expression" dxfId="10215" priority="12795">
      <formula>OR(AX$314&lt;&gt;"",AX$315&lt;&gt;"")</formula>
    </cfRule>
    <cfRule type="expression" dxfId="10214" priority="12796">
      <formula>AND(AX$314="",AX$315="")</formula>
    </cfRule>
  </conditionalFormatting>
  <conditionalFormatting sqref="AX316:AX321">
    <cfRule type="expression" dxfId="10213" priority="12793">
      <formula>OR(AX$314&lt;&gt;"",AX$315&lt;&gt;"")</formula>
    </cfRule>
    <cfRule type="expression" dxfId="10212" priority="12794">
      <formula>AND(AX$314="",AX$315="")</formula>
    </cfRule>
  </conditionalFormatting>
  <conditionalFormatting sqref="AY314:AY315">
    <cfRule type="expression" dxfId="10211" priority="12791">
      <formula>OR(AY$314&lt;&gt;"",AY$315&lt;&gt;"")</formula>
    </cfRule>
    <cfRule type="expression" dxfId="10210" priority="12792">
      <formula>AND(AY$314="",AY$315="")</formula>
    </cfRule>
  </conditionalFormatting>
  <conditionalFormatting sqref="AY316:AY321">
    <cfRule type="expression" dxfId="10209" priority="12789">
      <formula>OR(AY$314&lt;&gt;"",AY$315&lt;&gt;"")</formula>
    </cfRule>
    <cfRule type="expression" dxfId="10208" priority="12790">
      <formula>AND(AY$314="",AY$315="")</formula>
    </cfRule>
  </conditionalFormatting>
  <conditionalFormatting sqref="AZ314:AZ315">
    <cfRule type="expression" dxfId="10207" priority="12787">
      <formula>OR(AZ$314&lt;&gt;"",AZ$315&lt;&gt;"")</formula>
    </cfRule>
    <cfRule type="expression" dxfId="10206" priority="12788">
      <formula>AND(AZ$314="",AZ$315="")</formula>
    </cfRule>
  </conditionalFormatting>
  <conditionalFormatting sqref="AZ316:AZ321">
    <cfRule type="expression" dxfId="10205" priority="12785">
      <formula>OR(AZ$314&lt;&gt;"",AZ$315&lt;&gt;"")</formula>
    </cfRule>
    <cfRule type="expression" dxfId="10204" priority="12786">
      <formula>AND(AZ$314="",AZ$315="")</formula>
    </cfRule>
  </conditionalFormatting>
  <conditionalFormatting sqref="BA314:BA315">
    <cfRule type="expression" dxfId="10203" priority="12783">
      <formula>OR(BA$314&lt;&gt;"",BA$315&lt;&gt;"")</formula>
    </cfRule>
    <cfRule type="expression" dxfId="10202" priority="12784">
      <formula>AND(BA$314="",BA$315="")</formula>
    </cfRule>
  </conditionalFormatting>
  <conditionalFormatting sqref="BA316:BA321">
    <cfRule type="expression" dxfId="10201" priority="12781">
      <formula>OR(BA$314&lt;&gt;"",BA$315&lt;&gt;"")</formula>
    </cfRule>
    <cfRule type="expression" dxfId="10200" priority="12782">
      <formula>AND(BA$314="",BA$315="")</formula>
    </cfRule>
  </conditionalFormatting>
  <conditionalFormatting sqref="BB314:BB315">
    <cfRule type="expression" dxfId="10199" priority="12779">
      <formula>OR(BB$314&lt;&gt;"",BB$315&lt;&gt;"")</formula>
    </cfRule>
    <cfRule type="expression" dxfId="10198" priority="12780">
      <formula>AND(BB$314="",BB$315="")</formula>
    </cfRule>
  </conditionalFormatting>
  <conditionalFormatting sqref="BB316:BB321">
    <cfRule type="expression" dxfId="10197" priority="12777">
      <formula>OR(BB$314&lt;&gt;"",BB$315&lt;&gt;"")</formula>
    </cfRule>
    <cfRule type="expression" dxfId="10196" priority="12778">
      <formula>AND(BB$314="",BB$315="")</formula>
    </cfRule>
  </conditionalFormatting>
  <conditionalFormatting sqref="BC314:BC315">
    <cfRule type="expression" dxfId="10195" priority="12775">
      <formula>OR(BC$314&lt;&gt;"",BC$315&lt;&gt;"")</formula>
    </cfRule>
    <cfRule type="expression" dxfId="10194" priority="12776">
      <formula>AND(BC$314="",BC$315="")</formula>
    </cfRule>
  </conditionalFormatting>
  <conditionalFormatting sqref="BC316:BC321">
    <cfRule type="expression" dxfId="10193" priority="12773">
      <formula>OR(BC$314&lt;&gt;"",BC$315&lt;&gt;"")</formula>
    </cfRule>
    <cfRule type="expression" dxfId="10192" priority="12774">
      <formula>AND(BC$314="",BC$315="")</formula>
    </cfRule>
  </conditionalFormatting>
  <conditionalFormatting sqref="BD314:BD315">
    <cfRule type="expression" dxfId="10191" priority="12771">
      <formula>OR(BD$314&lt;&gt;"",BD$315&lt;&gt;"")</formula>
    </cfRule>
    <cfRule type="expression" dxfId="10190" priority="12772">
      <formula>AND(BD$314="",BD$315="")</formula>
    </cfRule>
  </conditionalFormatting>
  <conditionalFormatting sqref="BD316:BD321">
    <cfRule type="expression" dxfId="10189" priority="12769">
      <formula>OR(BD$314&lt;&gt;"",BD$315&lt;&gt;"")</formula>
    </cfRule>
    <cfRule type="expression" dxfId="10188" priority="12770">
      <formula>AND(BD$314="",BD$315="")</formula>
    </cfRule>
  </conditionalFormatting>
  <conditionalFormatting sqref="BE314:BE315">
    <cfRule type="expression" dxfId="10187" priority="12767">
      <formula>OR(BE$314&lt;&gt;"",BE$315&lt;&gt;"")</formula>
    </cfRule>
    <cfRule type="expression" dxfId="10186" priority="12768">
      <formula>AND(BE$314="",BE$315="")</formula>
    </cfRule>
  </conditionalFormatting>
  <conditionalFormatting sqref="BE316:BE321">
    <cfRule type="expression" dxfId="10185" priority="12765">
      <formula>OR(BE$314&lt;&gt;"",BE$315&lt;&gt;"")</formula>
    </cfRule>
    <cfRule type="expression" dxfId="10184" priority="12766">
      <formula>AND(BE$314="",BE$315="")</formula>
    </cfRule>
  </conditionalFormatting>
  <conditionalFormatting sqref="BF314:BF315">
    <cfRule type="expression" dxfId="10183" priority="12763">
      <formula>OR(BF$314&lt;&gt;"",BF$315&lt;&gt;"")</formula>
    </cfRule>
    <cfRule type="expression" dxfId="10182" priority="12764">
      <formula>AND(BF$314="",BF$315="")</formula>
    </cfRule>
  </conditionalFormatting>
  <conditionalFormatting sqref="BF316:BF321">
    <cfRule type="expression" dxfId="10181" priority="12761">
      <formula>OR(BF$314&lt;&gt;"",BF$315&lt;&gt;"")</formula>
    </cfRule>
    <cfRule type="expression" dxfId="10180" priority="12762">
      <formula>AND(BF$314="",BF$315="")</formula>
    </cfRule>
  </conditionalFormatting>
  <conditionalFormatting sqref="BG314:BG315">
    <cfRule type="expression" dxfId="10179" priority="12759">
      <formula>OR(BG$314&lt;&gt;"",BG$315&lt;&gt;"")</formula>
    </cfRule>
    <cfRule type="expression" dxfId="10178" priority="12760">
      <formula>AND(BG$314="",BG$315="")</formula>
    </cfRule>
  </conditionalFormatting>
  <conditionalFormatting sqref="BG316:BG321">
    <cfRule type="expression" dxfId="10177" priority="12757">
      <formula>OR(BG$314&lt;&gt;"",BG$315&lt;&gt;"")</formula>
    </cfRule>
    <cfRule type="expression" dxfId="10176" priority="12758">
      <formula>AND(BG$314="",BG$315="")</formula>
    </cfRule>
  </conditionalFormatting>
  <conditionalFormatting sqref="BH314:BH315">
    <cfRule type="expression" dxfId="10175" priority="12755">
      <formula>OR(BH$314&lt;&gt;"",BH$315&lt;&gt;"")</formula>
    </cfRule>
    <cfRule type="expression" dxfId="10174" priority="12756">
      <formula>AND(BH$314="",BH$315="")</formula>
    </cfRule>
  </conditionalFormatting>
  <conditionalFormatting sqref="BH316:BH321">
    <cfRule type="expression" dxfId="10173" priority="12753">
      <formula>OR(BH$314&lt;&gt;"",BH$315&lt;&gt;"")</formula>
    </cfRule>
    <cfRule type="expression" dxfId="10172" priority="12754">
      <formula>AND(BH$314="",BH$315="")</formula>
    </cfRule>
  </conditionalFormatting>
  <conditionalFormatting sqref="BI314:BI315">
    <cfRule type="expression" dxfId="10171" priority="12751">
      <formula>OR(BI$314&lt;&gt;"",BI$315&lt;&gt;"")</formula>
    </cfRule>
    <cfRule type="expression" dxfId="10170" priority="12752">
      <formula>AND(BI$314="",BI$315="")</formula>
    </cfRule>
  </conditionalFormatting>
  <conditionalFormatting sqref="BI316:BI321">
    <cfRule type="expression" dxfId="10169" priority="12749">
      <formula>OR(BI$314&lt;&gt;"",BI$315&lt;&gt;"")</formula>
    </cfRule>
    <cfRule type="expression" dxfId="10168" priority="12750">
      <formula>AND(BI$314="",BI$315="")</formula>
    </cfRule>
  </conditionalFormatting>
  <conditionalFormatting sqref="BJ314:BJ315">
    <cfRule type="expression" dxfId="10167" priority="12747">
      <formula>OR(BJ$314&lt;&gt;"",BJ$315&lt;&gt;"")</formula>
    </cfRule>
    <cfRule type="expression" dxfId="10166" priority="12748">
      <formula>AND(BJ$314="",BJ$315="")</formula>
    </cfRule>
  </conditionalFormatting>
  <conditionalFormatting sqref="BJ316:BJ321">
    <cfRule type="expression" dxfId="10165" priority="12745">
      <formula>OR(BJ$314&lt;&gt;"",BJ$315&lt;&gt;"")</formula>
    </cfRule>
    <cfRule type="expression" dxfId="10164" priority="12746">
      <formula>AND(BJ$314="",BJ$315="")</formula>
    </cfRule>
  </conditionalFormatting>
  <conditionalFormatting sqref="BK314:BK315">
    <cfRule type="expression" dxfId="10163" priority="12743">
      <formula>OR(BK$314&lt;&gt;"",BK$315&lt;&gt;"")</formula>
    </cfRule>
    <cfRule type="expression" dxfId="10162" priority="12744">
      <formula>AND(BK$314="",BK$315="")</formula>
    </cfRule>
  </conditionalFormatting>
  <conditionalFormatting sqref="BK316:BK321">
    <cfRule type="expression" dxfId="10161" priority="12741">
      <formula>OR(BK$314&lt;&gt;"",BK$315&lt;&gt;"")</formula>
    </cfRule>
    <cfRule type="expression" dxfId="10160" priority="12742">
      <formula>AND(BK$314="",BK$315="")</formula>
    </cfRule>
  </conditionalFormatting>
  <conditionalFormatting sqref="BL314:BL315">
    <cfRule type="expression" dxfId="10159" priority="12739">
      <formula>OR(BL$314&lt;&gt;"",BL$315&lt;&gt;"")</formula>
    </cfRule>
    <cfRule type="expression" dxfId="10158" priority="12740">
      <formula>AND(BL$314="",BL$315="")</formula>
    </cfRule>
  </conditionalFormatting>
  <conditionalFormatting sqref="BL316:BL321">
    <cfRule type="expression" dxfId="10157" priority="12737">
      <formula>OR(BL$314&lt;&gt;"",BL$315&lt;&gt;"")</formula>
    </cfRule>
    <cfRule type="expression" dxfId="10156" priority="12738">
      <formula>AND(BL$314="",BL$315="")</formula>
    </cfRule>
  </conditionalFormatting>
  <conditionalFormatting sqref="BM314:BM315">
    <cfRule type="expression" dxfId="10155" priority="12735">
      <formula>OR(BM$314&lt;&gt;"",BM$315&lt;&gt;"")</formula>
    </cfRule>
    <cfRule type="expression" dxfId="10154" priority="12736">
      <formula>AND(BM$314="",BM$315="")</formula>
    </cfRule>
  </conditionalFormatting>
  <conditionalFormatting sqref="BM316:BM321">
    <cfRule type="expression" dxfId="10153" priority="12733">
      <formula>OR(BM$314&lt;&gt;"",BM$315&lt;&gt;"")</formula>
    </cfRule>
    <cfRule type="expression" dxfId="10152" priority="12734">
      <formula>AND(BM$314="",BM$315="")</formula>
    </cfRule>
  </conditionalFormatting>
  <conditionalFormatting sqref="BN314:BN315">
    <cfRule type="expression" dxfId="10151" priority="12731">
      <formula>OR(BN$314&lt;&gt;"",BN$315&lt;&gt;"")</formula>
    </cfRule>
    <cfRule type="expression" dxfId="10150" priority="12732">
      <formula>AND(BN$314="",BN$315="")</formula>
    </cfRule>
  </conditionalFormatting>
  <conditionalFormatting sqref="BN316:BN321">
    <cfRule type="expression" dxfId="10149" priority="12729">
      <formula>OR(BN$314&lt;&gt;"",BN$315&lt;&gt;"")</formula>
    </cfRule>
    <cfRule type="expression" dxfId="10148" priority="12730">
      <formula>AND(BN$314="",BN$315="")</formula>
    </cfRule>
  </conditionalFormatting>
  <conditionalFormatting sqref="BO314:BO315">
    <cfRule type="expression" dxfId="10147" priority="12727">
      <formula>OR(BO$314&lt;&gt;"",BO$315&lt;&gt;"")</formula>
    </cfRule>
    <cfRule type="expression" dxfId="10146" priority="12728">
      <formula>AND(BO$314="",BO$315="")</formula>
    </cfRule>
  </conditionalFormatting>
  <conditionalFormatting sqref="BO316:BO321">
    <cfRule type="expression" dxfId="10145" priority="12725">
      <formula>OR(BO$314&lt;&gt;"",BO$315&lt;&gt;"")</formula>
    </cfRule>
    <cfRule type="expression" dxfId="10144" priority="12726">
      <formula>AND(BO$314="",BO$315="")</formula>
    </cfRule>
  </conditionalFormatting>
  <conditionalFormatting sqref="BP314:BP315">
    <cfRule type="expression" dxfId="10143" priority="12723">
      <formula>OR(BP$314&lt;&gt;"",BP$315&lt;&gt;"")</formula>
    </cfRule>
    <cfRule type="expression" dxfId="10142" priority="12724">
      <formula>AND(BP$314="",BP$315="")</formula>
    </cfRule>
  </conditionalFormatting>
  <conditionalFormatting sqref="BP316:BP321">
    <cfRule type="expression" dxfId="10141" priority="12721">
      <formula>OR(BP$314&lt;&gt;"",BP$315&lt;&gt;"")</formula>
    </cfRule>
    <cfRule type="expression" dxfId="10140" priority="12722">
      <formula>AND(BP$314="",BP$315="")</formula>
    </cfRule>
  </conditionalFormatting>
  <conditionalFormatting sqref="BQ314:BQ315">
    <cfRule type="expression" dxfId="10139" priority="12719">
      <formula>OR(BQ$314&lt;&gt;"",BQ$315&lt;&gt;"")</formula>
    </cfRule>
    <cfRule type="expression" dxfId="10138" priority="12720">
      <formula>AND(BQ$314="",BQ$315="")</formula>
    </cfRule>
  </conditionalFormatting>
  <conditionalFormatting sqref="BQ316:BQ321">
    <cfRule type="expression" dxfId="10137" priority="12717">
      <formula>OR(BQ$314&lt;&gt;"",BQ$315&lt;&gt;"")</formula>
    </cfRule>
    <cfRule type="expression" dxfId="10136" priority="12718">
      <formula>AND(BQ$314="",BQ$315="")</formula>
    </cfRule>
  </conditionalFormatting>
  <conditionalFormatting sqref="BR314:BR315">
    <cfRule type="expression" dxfId="10135" priority="12715">
      <formula>OR(BR$314&lt;&gt;"",BR$315&lt;&gt;"")</formula>
    </cfRule>
    <cfRule type="expression" dxfId="10134" priority="12716">
      <formula>AND(BR$314="",BR$315="")</formula>
    </cfRule>
  </conditionalFormatting>
  <conditionalFormatting sqref="BR316:BR321">
    <cfRule type="expression" dxfId="10133" priority="12713">
      <formula>OR(BR$314&lt;&gt;"",BR$315&lt;&gt;"")</formula>
    </cfRule>
    <cfRule type="expression" dxfId="10132" priority="12714">
      <formula>AND(BR$314="",BR$315="")</formula>
    </cfRule>
  </conditionalFormatting>
  <conditionalFormatting sqref="BS314:BS315">
    <cfRule type="expression" dxfId="10131" priority="12711">
      <formula>OR(BS$314&lt;&gt;"",BS$315&lt;&gt;"")</formula>
    </cfRule>
    <cfRule type="expression" dxfId="10130" priority="12712">
      <formula>AND(BS$314="",BS$315="")</formula>
    </cfRule>
  </conditionalFormatting>
  <conditionalFormatting sqref="BS316:BS321">
    <cfRule type="expression" dxfId="10129" priority="12709">
      <formula>OR(BS$314&lt;&gt;"",BS$315&lt;&gt;"")</formula>
    </cfRule>
    <cfRule type="expression" dxfId="10128" priority="12710">
      <formula>AND(BS$314="",BS$315="")</formula>
    </cfRule>
  </conditionalFormatting>
  <conditionalFormatting sqref="M327:M328">
    <cfRule type="expression" dxfId="10127" priority="12707">
      <formula>OR(M$327&lt;&gt;"",M$328&lt;&gt;"")</formula>
    </cfRule>
    <cfRule type="expression" dxfId="10126" priority="12708">
      <formula>AND(M$327="",M$328="")</formula>
    </cfRule>
  </conditionalFormatting>
  <conditionalFormatting sqref="N327:N328">
    <cfRule type="expression" dxfId="10125" priority="12705">
      <formula>OR(N$327&lt;&gt;"",N$328&lt;&gt;"")</formula>
    </cfRule>
    <cfRule type="expression" dxfId="10124" priority="12706">
      <formula>AND(N$327="",N$328="")</formula>
    </cfRule>
  </conditionalFormatting>
  <conditionalFormatting sqref="M329:M346">
    <cfRule type="expression" dxfId="10123" priority="12703">
      <formula>OR($M$327&lt;&gt;"",$M$328&lt;&gt;"")</formula>
    </cfRule>
    <cfRule type="expression" dxfId="10122" priority="12704">
      <formula>AND($M$327="",$M$328="")</formula>
    </cfRule>
  </conditionalFormatting>
  <conditionalFormatting sqref="N329:N346">
    <cfRule type="expression" dxfId="10121" priority="12701">
      <formula>OR(N$327&lt;&gt;"",N$328&lt;&gt;"")</formula>
    </cfRule>
    <cfRule type="expression" dxfId="10120" priority="12702">
      <formula>AND(N$327="",N$328="")</formula>
    </cfRule>
  </conditionalFormatting>
  <conditionalFormatting sqref="O327:O328">
    <cfRule type="expression" dxfId="10119" priority="12699">
      <formula>OR(O$327&lt;&gt;"",O$328&lt;&gt;"")</formula>
    </cfRule>
    <cfRule type="expression" dxfId="10118" priority="12700">
      <formula>AND(O$327="",O$328="")</formula>
    </cfRule>
  </conditionalFormatting>
  <conditionalFormatting sqref="O329:O346">
    <cfRule type="expression" dxfId="10117" priority="12697">
      <formula>OR(O$327&lt;&gt;"",O$328&lt;&gt;"")</formula>
    </cfRule>
    <cfRule type="expression" dxfId="10116" priority="12698">
      <formula>AND(O$327="",O$328="")</formula>
    </cfRule>
  </conditionalFormatting>
  <conditionalFormatting sqref="P327:P328">
    <cfRule type="expression" dxfId="10115" priority="12695">
      <formula>OR(P$327&lt;&gt;"",P$328&lt;&gt;"")</formula>
    </cfRule>
    <cfRule type="expression" dxfId="10114" priority="12696">
      <formula>AND(P$327="",P$328="")</formula>
    </cfRule>
  </conditionalFormatting>
  <conditionalFormatting sqref="P329:P346">
    <cfRule type="expression" dxfId="10113" priority="12693">
      <formula>OR(P$327&lt;&gt;"",P$328&lt;&gt;"")</formula>
    </cfRule>
    <cfRule type="expression" dxfId="10112" priority="12694">
      <formula>AND(P$327="",P$328="")</formula>
    </cfRule>
  </conditionalFormatting>
  <conditionalFormatting sqref="Q327:Q328">
    <cfRule type="expression" dxfId="10111" priority="12691">
      <formula>OR(Q$327&lt;&gt;"",Q$328&lt;&gt;"")</formula>
    </cfRule>
    <cfRule type="expression" dxfId="10110" priority="12692">
      <formula>AND(Q$327="",Q$328="")</formula>
    </cfRule>
  </conditionalFormatting>
  <conditionalFormatting sqref="Q329:Q346">
    <cfRule type="expression" dxfId="10109" priority="12689">
      <formula>OR(Q$327&lt;&gt;"",Q$328&lt;&gt;"")</formula>
    </cfRule>
    <cfRule type="expression" dxfId="10108" priority="12690">
      <formula>AND(Q$327="",Q$328="")</formula>
    </cfRule>
  </conditionalFormatting>
  <conditionalFormatting sqref="R327:R328">
    <cfRule type="expression" dxfId="10107" priority="12687">
      <formula>OR(R$327&lt;&gt;"",R$328&lt;&gt;"")</formula>
    </cfRule>
    <cfRule type="expression" dxfId="10106" priority="12688">
      <formula>AND(R$327="",R$328="")</formula>
    </cfRule>
  </conditionalFormatting>
  <conditionalFormatting sqref="R329:R346">
    <cfRule type="expression" dxfId="10105" priority="12685">
      <formula>OR(R$327&lt;&gt;"",R$328&lt;&gt;"")</formula>
    </cfRule>
    <cfRule type="expression" dxfId="10104" priority="12686">
      <formula>AND(R$327="",R$328="")</formula>
    </cfRule>
  </conditionalFormatting>
  <conditionalFormatting sqref="S327:S328">
    <cfRule type="expression" dxfId="10103" priority="12683">
      <formula>OR(S$327&lt;&gt;"",S$328&lt;&gt;"")</formula>
    </cfRule>
    <cfRule type="expression" dxfId="10102" priority="12684">
      <formula>AND(S$327="",S$328="")</formula>
    </cfRule>
  </conditionalFormatting>
  <conditionalFormatting sqref="S329:S346">
    <cfRule type="expression" dxfId="10101" priority="12681">
      <formula>OR(S$327&lt;&gt;"",S$328&lt;&gt;"")</formula>
    </cfRule>
    <cfRule type="expression" dxfId="10100" priority="12682">
      <formula>AND(S$327="",S$328="")</formula>
    </cfRule>
  </conditionalFormatting>
  <conditionalFormatting sqref="T327:T328">
    <cfRule type="expression" dxfId="10099" priority="12679">
      <formula>OR(T$327&lt;&gt;"",T$328&lt;&gt;"")</formula>
    </cfRule>
    <cfRule type="expression" dxfId="10098" priority="12680">
      <formula>AND(T$327="",T$328="")</formula>
    </cfRule>
  </conditionalFormatting>
  <conditionalFormatting sqref="T329:T346">
    <cfRule type="expression" dxfId="10097" priority="12677">
      <formula>OR(T$327&lt;&gt;"",T$328&lt;&gt;"")</formula>
    </cfRule>
    <cfRule type="expression" dxfId="10096" priority="12678">
      <formula>AND(T$327="",T$328="")</formula>
    </cfRule>
  </conditionalFormatting>
  <conditionalFormatting sqref="U327:U328">
    <cfRule type="expression" dxfId="10095" priority="12675">
      <formula>OR(U$327&lt;&gt;"",U$328&lt;&gt;"")</formula>
    </cfRule>
    <cfRule type="expression" dxfId="10094" priority="12676">
      <formula>AND(U$327="",U$328="")</formula>
    </cfRule>
  </conditionalFormatting>
  <conditionalFormatting sqref="U329:U346">
    <cfRule type="expression" dxfId="10093" priority="12673">
      <formula>OR(U$327&lt;&gt;"",U$328&lt;&gt;"")</formula>
    </cfRule>
    <cfRule type="expression" dxfId="10092" priority="12674">
      <formula>AND(U$327="",U$328="")</formula>
    </cfRule>
  </conditionalFormatting>
  <conditionalFormatting sqref="V327:V328">
    <cfRule type="expression" dxfId="10091" priority="12671">
      <formula>OR(V$327&lt;&gt;"",V$328&lt;&gt;"")</formula>
    </cfRule>
    <cfRule type="expression" dxfId="10090" priority="12672">
      <formula>AND(V$327="",V$328="")</formula>
    </cfRule>
  </conditionalFormatting>
  <conditionalFormatting sqref="V329:V346">
    <cfRule type="expression" dxfId="10089" priority="12669">
      <formula>OR(V$327&lt;&gt;"",V$328&lt;&gt;"")</formula>
    </cfRule>
    <cfRule type="expression" dxfId="10088" priority="12670">
      <formula>AND(V$327="",V$328="")</formula>
    </cfRule>
  </conditionalFormatting>
  <conditionalFormatting sqref="W327:W328">
    <cfRule type="expression" dxfId="10087" priority="12667">
      <formula>OR(W$327&lt;&gt;"",W$328&lt;&gt;"")</formula>
    </cfRule>
    <cfRule type="expression" dxfId="10086" priority="12668">
      <formula>AND(W$327="",W$328="")</formula>
    </cfRule>
  </conditionalFormatting>
  <conditionalFormatting sqref="W329:W346">
    <cfRule type="expression" dxfId="10085" priority="12665">
      <formula>OR(W$327&lt;&gt;"",W$328&lt;&gt;"")</formula>
    </cfRule>
    <cfRule type="expression" dxfId="10084" priority="12666">
      <formula>AND(W$327="",W$328="")</formula>
    </cfRule>
  </conditionalFormatting>
  <conditionalFormatting sqref="X327:X328">
    <cfRule type="expression" dxfId="10083" priority="12663">
      <formula>OR(X$327&lt;&gt;"",X$328&lt;&gt;"")</formula>
    </cfRule>
    <cfRule type="expression" dxfId="10082" priority="12664">
      <formula>AND(X$327="",X$328="")</formula>
    </cfRule>
  </conditionalFormatting>
  <conditionalFormatting sqref="X329:X346">
    <cfRule type="expression" dxfId="10081" priority="12661">
      <formula>OR(X$327&lt;&gt;"",X$328&lt;&gt;"")</formula>
    </cfRule>
    <cfRule type="expression" dxfId="10080" priority="12662">
      <formula>AND(X$327="",X$328="")</formula>
    </cfRule>
  </conditionalFormatting>
  <conditionalFormatting sqref="Y327:Y328">
    <cfRule type="expression" dxfId="10079" priority="12659">
      <formula>OR(Y$327&lt;&gt;"",Y$328&lt;&gt;"")</formula>
    </cfRule>
    <cfRule type="expression" dxfId="10078" priority="12660">
      <formula>AND(Y$327="",Y$328="")</formula>
    </cfRule>
  </conditionalFormatting>
  <conditionalFormatting sqref="Y329:Y346">
    <cfRule type="expression" dxfId="10077" priority="12657">
      <formula>OR(Y$327&lt;&gt;"",Y$328&lt;&gt;"")</formula>
    </cfRule>
    <cfRule type="expression" dxfId="10076" priority="12658">
      <formula>AND(Y$327="",Y$328="")</formula>
    </cfRule>
  </conditionalFormatting>
  <conditionalFormatting sqref="Z327:Z328">
    <cfRule type="expression" dxfId="10075" priority="12655">
      <formula>OR(Z$327&lt;&gt;"",Z$328&lt;&gt;"")</formula>
    </cfRule>
    <cfRule type="expression" dxfId="10074" priority="12656">
      <formula>AND(Z$327="",Z$328="")</formula>
    </cfRule>
  </conditionalFormatting>
  <conditionalFormatting sqref="Z329:Z346">
    <cfRule type="expression" dxfId="10073" priority="12653">
      <formula>OR(Z$327&lt;&gt;"",Z$328&lt;&gt;"")</formula>
    </cfRule>
    <cfRule type="expression" dxfId="10072" priority="12654">
      <formula>AND(Z$327="",Z$328="")</formula>
    </cfRule>
  </conditionalFormatting>
  <conditionalFormatting sqref="AA327:AA328">
    <cfRule type="expression" dxfId="10071" priority="12651">
      <formula>OR(AA$327&lt;&gt;"",AA$328&lt;&gt;"")</formula>
    </cfRule>
    <cfRule type="expression" dxfId="10070" priority="12652">
      <formula>AND(AA$327="",AA$328="")</formula>
    </cfRule>
  </conditionalFormatting>
  <conditionalFormatting sqref="AA329:AA346">
    <cfRule type="expression" dxfId="10069" priority="12649">
      <formula>OR(AA$327&lt;&gt;"",AA$328&lt;&gt;"")</formula>
    </cfRule>
    <cfRule type="expression" dxfId="10068" priority="12650">
      <formula>AND(AA$327="",AA$328="")</formula>
    </cfRule>
  </conditionalFormatting>
  <conditionalFormatting sqref="AB327:AB328">
    <cfRule type="expression" dxfId="10067" priority="12647">
      <formula>OR(AB$327&lt;&gt;"",AB$328&lt;&gt;"")</formula>
    </cfRule>
    <cfRule type="expression" dxfId="10066" priority="12648">
      <formula>AND(AB$327="",AB$328="")</formula>
    </cfRule>
  </conditionalFormatting>
  <conditionalFormatting sqref="AB329:AB346">
    <cfRule type="expression" dxfId="10065" priority="12645">
      <formula>OR(AB$327&lt;&gt;"",AB$328&lt;&gt;"")</formula>
    </cfRule>
    <cfRule type="expression" dxfId="10064" priority="12646">
      <formula>AND(AB$327="",AB$328="")</formula>
    </cfRule>
  </conditionalFormatting>
  <conditionalFormatting sqref="AC327:AC328">
    <cfRule type="expression" dxfId="10063" priority="12643">
      <formula>OR(AC$327&lt;&gt;"",AC$328&lt;&gt;"")</formula>
    </cfRule>
    <cfRule type="expression" dxfId="10062" priority="12644">
      <formula>AND(AC$327="",AC$328="")</formula>
    </cfRule>
  </conditionalFormatting>
  <conditionalFormatting sqref="AC329:AC346">
    <cfRule type="expression" dxfId="10061" priority="12641">
      <formula>OR(AC$327&lt;&gt;"",AC$328&lt;&gt;"")</formula>
    </cfRule>
    <cfRule type="expression" dxfId="10060" priority="12642">
      <formula>AND(AC$327="",AC$328="")</formula>
    </cfRule>
  </conditionalFormatting>
  <conditionalFormatting sqref="AD327:AD328">
    <cfRule type="expression" dxfId="10059" priority="12639">
      <formula>OR(AD$327&lt;&gt;"",AD$328&lt;&gt;"")</formula>
    </cfRule>
    <cfRule type="expression" dxfId="10058" priority="12640">
      <formula>AND(AD$327="",AD$328="")</formula>
    </cfRule>
  </conditionalFormatting>
  <conditionalFormatting sqref="AD329:AD346">
    <cfRule type="expression" dxfId="10057" priority="12637">
      <formula>OR(AD$327&lt;&gt;"",AD$328&lt;&gt;"")</formula>
    </cfRule>
    <cfRule type="expression" dxfId="10056" priority="12638">
      <formula>AND(AD$327="",AD$328="")</formula>
    </cfRule>
  </conditionalFormatting>
  <conditionalFormatting sqref="AE327:AE328">
    <cfRule type="expression" dxfId="10055" priority="12635">
      <formula>OR(AE$327&lt;&gt;"",AE$328&lt;&gt;"")</formula>
    </cfRule>
    <cfRule type="expression" dxfId="10054" priority="12636">
      <formula>AND(AE$327="",AE$328="")</formula>
    </cfRule>
  </conditionalFormatting>
  <conditionalFormatting sqref="AE329:AE346">
    <cfRule type="expression" dxfId="10053" priority="12633">
      <formula>OR(AE$327&lt;&gt;"",AE$328&lt;&gt;"")</formula>
    </cfRule>
    <cfRule type="expression" dxfId="10052" priority="12634">
      <formula>AND(AE$327="",AE$328="")</formula>
    </cfRule>
  </conditionalFormatting>
  <conditionalFormatting sqref="AF327:AF328">
    <cfRule type="expression" dxfId="10051" priority="12631">
      <formula>OR(AF$327&lt;&gt;"",AF$328&lt;&gt;"")</formula>
    </cfRule>
    <cfRule type="expression" dxfId="10050" priority="12632">
      <formula>AND(AF$327="",AF$328="")</formula>
    </cfRule>
  </conditionalFormatting>
  <conditionalFormatting sqref="AF329:AF346">
    <cfRule type="expression" dxfId="10049" priority="12629">
      <formula>OR(AF$327&lt;&gt;"",AF$328&lt;&gt;"")</formula>
    </cfRule>
    <cfRule type="expression" dxfId="10048" priority="12630">
      <formula>AND(AF$327="",AF$328="")</formula>
    </cfRule>
  </conditionalFormatting>
  <conditionalFormatting sqref="AG327:AG328">
    <cfRule type="expression" dxfId="10047" priority="12627">
      <formula>OR(AG$327&lt;&gt;"",AG$328&lt;&gt;"")</formula>
    </cfRule>
    <cfRule type="expression" dxfId="10046" priority="12628">
      <formula>AND(AG$327="",AG$328="")</formula>
    </cfRule>
  </conditionalFormatting>
  <conditionalFormatting sqref="AG329:AG346">
    <cfRule type="expression" dxfId="10045" priority="12625">
      <formula>OR(AG$327&lt;&gt;"",AG$328&lt;&gt;"")</formula>
    </cfRule>
    <cfRule type="expression" dxfId="10044" priority="12626">
      <formula>AND(AG$327="",AG$328="")</formula>
    </cfRule>
  </conditionalFormatting>
  <conditionalFormatting sqref="AH327:AH328">
    <cfRule type="expression" dxfId="10043" priority="12623">
      <formula>OR(AH$327&lt;&gt;"",AH$328&lt;&gt;"")</formula>
    </cfRule>
    <cfRule type="expression" dxfId="10042" priority="12624">
      <formula>AND(AH$327="",AH$328="")</formula>
    </cfRule>
  </conditionalFormatting>
  <conditionalFormatting sqref="AH329:AH346">
    <cfRule type="expression" dxfId="10041" priority="12621">
      <formula>OR(AH$327&lt;&gt;"",AH$328&lt;&gt;"")</formula>
    </cfRule>
    <cfRule type="expression" dxfId="10040" priority="12622">
      <formula>AND(AH$327="",AH$328="")</formula>
    </cfRule>
  </conditionalFormatting>
  <conditionalFormatting sqref="AI327:AI328">
    <cfRule type="expression" dxfId="10039" priority="12619">
      <formula>OR(AI$327&lt;&gt;"",AI$328&lt;&gt;"")</formula>
    </cfRule>
    <cfRule type="expression" dxfId="10038" priority="12620">
      <formula>AND(AI$327="",AI$328="")</formula>
    </cfRule>
  </conditionalFormatting>
  <conditionalFormatting sqref="AI329:AI346">
    <cfRule type="expression" dxfId="10037" priority="12617">
      <formula>OR(AI$327&lt;&gt;"",AI$328&lt;&gt;"")</formula>
    </cfRule>
    <cfRule type="expression" dxfId="10036" priority="12618">
      <formula>AND(AI$327="",AI$328="")</formula>
    </cfRule>
  </conditionalFormatting>
  <conditionalFormatting sqref="AJ327:AJ328">
    <cfRule type="expression" dxfId="10035" priority="12615">
      <formula>OR(AJ$327&lt;&gt;"",AJ$328&lt;&gt;"")</formula>
    </cfRule>
    <cfRule type="expression" dxfId="10034" priority="12616">
      <formula>AND(AJ$327="",AJ$328="")</formula>
    </cfRule>
  </conditionalFormatting>
  <conditionalFormatting sqref="AJ329:AJ346">
    <cfRule type="expression" dxfId="10033" priority="12613">
      <formula>OR(AJ$327&lt;&gt;"",AJ$328&lt;&gt;"")</formula>
    </cfRule>
    <cfRule type="expression" dxfId="10032" priority="12614">
      <formula>AND(AJ$327="",AJ$328="")</formula>
    </cfRule>
  </conditionalFormatting>
  <conditionalFormatting sqref="AK327:AK328">
    <cfRule type="expression" dxfId="10031" priority="12611">
      <formula>OR(AK$327&lt;&gt;"",AK$328&lt;&gt;"")</formula>
    </cfRule>
    <cfRule type="expression" dxfId="10030" priority="12612">
      <formula>AND(AK$327="",AK$328="")</formula>
    </cfRule>
  </conditionalFormatting>
  <conditionalFormatting sqref="AK329:AK346">
    <cfRule type="expression" dxfId="10029" priority="12609">
      <formula>OR(AK$327&lt;&gt;"",AK$328&lt;&gt;"")</formula>
    </cfRule>
    <cfRule type="expression" dxfId="10028" priority="12610">
      <formula>AND(AK$327="",AK$328="")</formula>
    </cfRule>
  </conditionalFormatting>
  <conditionalFormatting sqref="AL327:AL328">
    <cfRule type="expression" dxfId="10027" priority="12607">
      <formula>OR(AL$327&lt;&gt;"",AL$328&lt;&gt;"")</formula>
    </cfRule>
    <cfRule type="expression" dxfId="10026" priority="12608">
      <formula>AND(AL$327="",AL$328="")</formula>
    </cfRule>
  </conditionalFormatting>
  <conditionalFormatting sqref="AL329:AL346">
    <cfRule type="expression" dxfId="10025" priority="12605">
      <formula>OR(AL$327&lt;&gt;"",AL$328&lt;&gt;"")</formula>
    </cfRule>
    <cfRule type="expression" dxfId="10024" priority="12606">
      <formula>AND(AL$327="",AL$328="")</formula>
    </cfRule>
  </conditionalFormatting>
  <conditionalFormatting sqref="AM327:AM328">
    <cfRule type="expression" dxfId="10023" priority="12603">
      <formula>OR(AM$327&lt;&gt;"",AM$328&lt;&gt;"")</formula>
    </cfRule>
    <cfRule type="expression" dxfId="10022" priority="12604">
      <formula>AND(AM$327="",AM$328="")</formula>
    </cfRule>
  </conditionalFormatting>
  <conditionalFormatting sqref="AM329:AM346">
    <cfRule type="expression" dxfId="10021" priority="12601">
      <formula>OR(AM$327&lt;&gt;"",AM$328&lt;&gt;"")</formula>
    </cfRule>
    <cfRule type="expression" dxfId="10020" priority="12602">
      <formula>AND(AM$327="",AM$328="")</formula>
    </cfRule>
  </conditionalFormatting>
  <conditionalFormatting sqref="AN327:AN328">
    <cfRule type="expression" dxfId="10019" priority="12599">
      <formula>OR(AN$327&lt;&gt;"",AN$328&lt;&gt;"")</formula>
    </cfRule>
    <cfRule type="expression" dxfId="10018" priority="12600">
      <formula>AND(AN$327="",AN$328="")</formula>
    </cfRule>
  </conditionalFormatting>
  <conditionalFormatting sqref="AN329:AN346">
    <cfRule type="expression" dxfId="10017" priority="12597">
      <formula>OR(AN$327&lt;&gt;"",AN$328&lt;&gt;"")</formula>
    </cfRule>
    <cfRule type="expression" dxfId="10016" priority="12598">
      <formula>AND(AN$327="",AN$328="")</formula>
    </cfRule>
  </conditionalFormatting>
  <conditionalFormatting sqref="AO327:AO328">
    <cfRule type="expression" dxfId="10015" priority="12595">
      <formula>OR(AO$327&lt;&gt;"",AO$328&lt;&gt;"")</formula>
    </cfRule>
    <cfRule type="expression" dxfId="10014" priority="12596">
      <formula>AND(AO$327="",AO$328="")</formula>
    </cfRule>
  </conditionalFormatting>
  <conditionalFormatting sqref="AO329:AO346">
    <cfRule type="expression" dxfId="10013" priority="12593">
      <formula>OR(AO$327&lt;&gt;"",AO$328&lt;&gt;"")</formula>
    </cfRule>
    <cfRule type="expression" dxfId="10012" priority="12594">
      <formula>AND(AO$327="",AO$328="")</formula>
    </cfRule>
  </conditionalFormatting>
  <conditionalFormatting sqref="AP327:AP328">
    <cfRule type="expression" dxfId="10011" priority="12591">
      <formula>OR(AP$327&lt;&gt;"",AP$328&lt;&gt;"")</formula>
    </cfRule>
    <cfRule type="expression" dxfId="10010" priority="12592">
      <formula>AND(AP$327="",AP$328="")</formula>
    </cfRule>
  </conditionalFormatting>
  <conditionalFormatting sqref="AP329:AP346">
    <cfRule type="expression" dxfId="10009" priority="12589">
      <formula>OR(AP$327&lt;&gt;"",AP$328&lt;&gt;"")</formula>
    </cfRule>
    <cfRule type="expression" dxfId="10008" priority="12590">
      <formula>AND(AP$327="",AP$328="")</formula>
    </cfRule>
  </conditionalFormatting>
  <conditionalFormatting sqref="AQ327:AQ328">
    <cfRule type="expression" dxfId="10007" priority="12587">
      <formula>OR(AQ$327&lt;&gt;"",AQ$328&lt;&gt;"")</formula>
    </cfRule>
    <cfRule type="expression" dxfId="10006" priority="12588">
      <formula>AND(AQ$327="",AQ$328="")</formula>
    </cfRule>
  </conditionalFormatting>
  <conditionalFormatting sqref="AQ329:AQ346">
    <cfRule type="expression" dxfId="10005" priority="12585">
      <formula>OR(AQ$327&lt;&gt;"",AQ$328&lt;&gt;"")</formula>
    </cfRule>
    <cfRule type="expression" dxfId="10004" priority="12586">
      <formula>AND(AQ$327="",AQ$328="")</formula>
    </cfRule>
  </conditionalFormatting>
  <conditionalFormatting sqref="AR327:AR328">
    <cfRule type="expression" dxfId="10003" priority="12583">
      <formula>OR(AR$327&lt;&gt;"",AR$328&lt;&gt;"")</formula>
    </cfRule>
    <cfRule type="expression" dxfId="10002" priority="12584">
      <formula>AND(AR$327="",AR$328="")</formula>
    </cfRule>
  </conditionalFormatting>
  <conditionalFormatting sqref="AR329:AR346">
    <cfRule type="expression" dxfId="10001" priority="12581">
      <formula>OR(AR$327&lt;&gt;"",AR$328&lt;&gt;"")</formula>
    </cfRule>
    <cfRule type="expression" dxfId="10000" priority="12582">
      <formula>AND(AR$327="",AR$328="")</formula>
    </cfRule>
  </conditionalFormatting>
  <conditionalFormatting sqref="AS327:AS328">
    <cfRule type="expression" dxfId="9999" priority="12579">
      <formula>OR(AS$327&lt;&gt;"",AS$328&lt;&gt;"")</formula>
    </cfRule>
    <cfRule type="expression" dxfId="9998" priority="12580">
      <formula>AND(AS$327="",AS$328="")</formula>
    </cfRule>
  </conditionalFormatting>
  <conditionalFormatting sqref="AS329:AS346">
    <cfRule type="expression" dxfId="9997" priority="12577">
      <formula>OR(AS$327&lt;&gt;"",AS$328&lt;&gt;"")</formula>
    </cfRule>
    <cfRule type="expression" dxfId="9996" priority="12578">
      <formula>AND(AS$327="",AS$328="")</formula>
    </cfRule>
  </conditionalFormatting>
  <conditionalFormatting sqref="AT327:AT328">
    <cfRule type="expression" dxfId="9995" priority="12575">
      <formula>OR(AT$327&lt;&gt;"",AT$328&lt;&gt;"")</formula>
    </cfRule>
    <cfRule type="expression" dxfId="9994" priority="12576">
      <formula>AND(AT$327="",AT$328="")</formula>
    </cfRule>
  </conditionalFormatting>
  <conditionalFormatting sqref="AT329:AT346">
    <cfRule type="expression" dxfId="9993" priority="12573">
      <formula>OR(AT$327&lt;&gt;"",AT$328&lt;&gt;"")</formula>
    </cfRule>
    <cfRule type="expression" dxfId="9992" priority="12574">
      <formula>AND(AT$327="",AT$328="")</formula>
    </cfRule>
  </conditionalFormatting>
  <conditionalFormatting sqref="AU327:AU328">
    <cfRule type="expression" dxfId="9991" priority="12571">
      <formula>OR(AU$327&lt;&gt;"",AU$328&lt;&gt;"")</formula>
    </cfRule>
    <cfRule type="expression" dxfId="9990" priority="12572">
      <formula>AND(AU$327="",AU$328="")</formula>
    </cfRule>
  </conditionalFormatting>
  <conditionalFormatting sqref="AU329:AU346">
    <cfRule type="expression" dxfId="9989" priority="12569">
      <formula>OR(AU$327&lt;&gt;"",AU$328&lt;&gt;"")</formula>
    </cfRule>
    <cfRule type="expression" dxfId="9988" priority="12570">
      <formula>AND(AU$327="",AU$328="")</formula>
    </cfRule>
  </conditionalFormatting>
  <conditionalFormatting sqref="AV327:AV328">
    <cfRule type="expression" dxfId="9987" priority="12567">
      <formula>OR(AV$327&lt;&gt;"",AV$328&lt;&gt;"")</formula>
    </cfRule>
    <cfRule type="expression" dxfId="9986" priority="12568">
      <formula>AND(AV$327="",AV$328="")</formula>
    </cfRule>
  </conditionalFormatting>
  <conditionalFormatting sqref="AV329:AV346">
    <cfRule type="expression" dxfId="9985" priority="12565">
      <formula>OR(AV$327&lt;&gt;"",AV$328&lt;&gt;"")</formula>
    </cfRule>
    <cfRule type="expression" dxfId="9984" priority="12566">
      <formula>AND(AV$327="",AV$328="")</formula>
    </cfRule>
  </conditionalFormatting>
  <conditionalFormatting sqref="AW327:AW328">
    <cfRule type="expression" dxfId="9983" priority="12563">
      <formula>OR(AW$327&lt;&gt;"",AW$328&lt;&gt;"")</formula>
    </cfRule>
    <cfRule type="expression" dxfId="9982" priority="12564">
      <formula>AND(AW$327="",AW$328="")</formula>
    </cfRule>
  </conditionalFormatting>
  <conditionalFormatting sqref="AW329:AW346">
    <cfRule type="expression" dxfId="9981" priority="12561">
      <formula>OR(AW$327&lt;&gt;"",AW$328&lt;&gt;"")</formula>
    </cfRule>
    <cfRule type="expression" dxfId="9980" priority="12562">
      <formula>AND(AW$327="",AW$328="")</formula>
    </cfRule>
  </conditionalFormatting>
  <conditionalFormatting sqref="AX327:AX328">
    <cfRule type="expression" dxfId="9979" priority="12559">
      <formula>OR(AX$327&lt;&gt;"",AX$328&lt;&gt;"")</formula>
    </cfRule>
    <cfRule type="expression" dxfId="9978" priority="12560">
      <formula>AND(AX$327="",AX$328="")</formula>
    </cfRule>
  </conditionalFormatting>
  <conditionalFormatting sqref="AX329:AX346">
    <cfRule type="expression" dxfId="9977" priority="12557">
      <formula>OR(AX$327&lt;&gt;"",AX$328&lt;&gt;"")</formula>
    </cfRule>
    <cfRule type="expression" dxfId="9976" priority="12558">
      <formula>AND(AX$327="",AX$328="")</formula>
    </cfRule>
  </conditionalFormatting>
  <conditionalFormatting sqref="AY327:AY328">
    <cfRule type="expression" dxfId="9975" priority="12555">
      <formula>OR(AY$327&lt;&gt;"",AY$328&lt;&gt;"")</formula>
    </cfRule>
    <cfRule type="expression" dxfId="9974" priority="12556">
      <formula>AND(AY$327="",AY$328="")</formula>
    </cfRule>
  </conditionalFormatting>
  <conditionalFormatting sqref="AY329:AY346">
    <cfRule type="expression" dxfId="9973" priority="12553">
      <formula>OR(AY$327&lt;&gt;"",AY$328&lt;&gt;"")</formula>
    </cfRule>
    <cfRule type="expression" dxfId="9972" priority="12554">
      <formula>AND(AY$327="",AY$328="")</formula>
    </cfRule>
  </conditionalFormatting>
  <conditionalFormatting sqref="AZ327:AZ328">
    <cfRule type="expression" dxfId="9971" priority="12551">
      <formula>OR(AZ$327&lt;&gt;"",AZ$328&lt;&gt;"")</formula>
    </cfRule>
    <cfRule type="expression" dxfId="9970" priority="12552">
      <formula>AND(AZ$327="",AZ$328="")</formula>
    </cfRule>
  </conditionalFormatting>
  <conditionalFormatting sqref="AZ329:AZ346">
    <cfRule type="expression" dxfId="9969" priority="12549">
      <formula>OR(AZ$327&lt;&gt;"",AZ$328&lt;&gt;"")</formula>
    </cfRule>
    <cfRule type="expression" dxfId="9968" priority="12550">
      <formula>AND(AZ$327="",AZ$328="")</formula>
    </cfRule>
  </conditionalFormatting>
  <conditionalFormatting sqref="BA327:BA328">
    <cfRule type="expression" dxfId="9967" priority="12547">
      <formula>OR(BA$327&lt;&gt;"",BA$328&lt;&gt;"")</formula>
    </cfRule>
    <cfRule type="expression" dxfId="9966" priority="12548">
      <formula>AND(BA$327="",BA$328="")</formula>
    </cfRule>
  </conditionalFormatting>
  <conditionalFormatting sqref="BA329:BA346">
    <cfRule type="expression" dxfId="9965" priority="12545">
      <formula>OR(BA$327&lt;&gt;"",BA$328&lt;&gt;"")</formula>
    </cfRule>
    <cfRule type="expression" dxfId="9964" priority="12546">
      <formula>AND(BA$327="",BA$328="")</formula>
    </cfRule>
  </conditionalFormatting>
  <conditionalFormatting sqref="BB327:BB328">
    <cfRule type="expression" dxfId="9963" priority="12543">
      <formula>OR(BB$327&lt;&gt;"",BB$328&lt;&gt;"")</formula>
    </cfRule>
    <cfRule type="expression" dxfId="9962" priority="12544">
      <formula>AND(BB$327="",BB$328="")</formula>
    </cfRule>
  </conditionalFormatting>
  <conditionalFormatting sqref="BB329:BB346">
    <cfRule type="expression" dxfId="9961" priority="12541">
      <formula>OR(BB$327&lt;&gt;"",BB$328&lt;&gt;"")</formula>
    </cfRule>
    <cfRule type="expression" dxfId="9960" priority="12542">
      <formula>AND(BB$327="",BB$328="")</formula>
    </cfRule>
  </conditionalFormatting>
  <conditionalFormatting sqref="BC327:BC328">
    <cfRule type="expression" dxfId="9959" priority="12539">
      <formula>OR(BC$327&lt;&gt;"",BC$328&lt;&gt;"")</formula>
    </cfRule>
    <cfRule type="expression" dxfId="9958" priority="12540">
      <formula>AND(BC$327="",BC$328="")</formula>
    </cfRule>
  </conditionalFormatting>
  <conditionalFormatting sqref="BC329:BC346">
    <cfRule type="expression" dxfId="9957" priority="12537">
      <formula>OR(BC$327&lt;&gt;"",BC$328&lt;&gt;"")</formula>
    </cfRule>
    <cfRule type="expression" dxfId="9956" priority="12538">
      <formula>AND(BC$327="",BC$328="")</formula>
    </cfRule>
  </conditionalFormatting>
  <conditionalFormatting sqref="BD327:BD328">
    <cfRule type="expression" dxfId="9955" priority="12535">
      <formula>OR(BD$327&lt;&gt;"",BD$328&lt;&gt;"")</formula>
    </cfRule>
    <cfRule type="expression" dxfId="9954" priority="12536">
      <formula>AND(BD$327="",BD$328="")</formula>
    </cfRule>
  </conditionalFormatting>
  <conditionalFormatting sqref="BD329:BD346">
    <cfRule type="expression" dxfId="9953" priority="12533">
      <formula>OR(BD$327&lt;&gt;"",BD$328&lt;&gt;"")</formula>
    </cfRule>
    <cfRule type="expression" dxfId="9952" priority="12534">
      <formula>AND(BD$327="",BD$328="")</formula>
    </cfRule>
  </conditionalFormatting>
  <conditionalFormatting sqref="BE327:BE328">
    <cfRule type="expression" dxfId="9951" priority="12531">
      <formula>OR(BE$327&lt;&gt;"",BE$328&lt;&gt;"")</formula>
    </cfRule>
    <cfRule type="expression" dxfId="9950" priority="12532">
      <formula>AND(BE$327="",BE$328="")</formula>
    </cfRule>
  </conditionalFormatting>
  <conditionalFormatting sqref="BE329:BE346">
    <cfRule type="expression" dxfId="9949" priority="12529">
      <formula>OR(BE$327&lt;&gt;"",BE$328&lt;&gt;"")</formula>
    </cfRule>
    <cfRule type="expression" dxfId="9948" priority="12530">
      <formula>AND(BE$327="",BE$328="")</formula>
    </cfRule>
  </conditionalFormatting>
  <conditionalFormatting sqref="BF327:BF328">
    <cfRule type="expression" dxfId="9947" priority="12527">
      <formula>OR(BF$327&lt;&gt;"",BF$328&lt;&gt;"")</formula>
    </cfRule>
    <cfRule type="expression" dxfId="9946" priority="12528">
      <formula>AND(BF$327="",BF$328="")</formula>
    </cfRule>
  </conditionalFormatting>
  <conditionalFormatting sqref="BF329:BF346">
    <cfRule type="expression" dxfId="9945" priority="12525">
      <formula>OR(BF$327&lt;&gt;"",BF$328&lt;&gt;"")</formula>
    </cfRule>
    <cfRule type="expression" dxfId="9944" priority="12526">
      <formula>AND(BF$327="",BF$328="")</formula>
    </cfRule>
  </conditionalFormatting>
  <conditionalFormatting sqref="BG327:BG328">
    <cfRule type="expression" dxfId="9943" priority="12523">
      <formula>OR(BG$327&lt;&gt;"",BG$328&lt;&gt;"")</formula>
    </cfRule>
    <cfRule type="expression" dxfId="9942" priority="12524">
      <formula>AND(BG$327="",BG$328="")</formula>
    </cfRule>
  </conditionalFormatting>
  <conditionalFormatting sqref="BG329:BG346">
    <cfRule type="expression" dxfId="9941" priority="12521">
      <formula>OR(BG$327&lt;&gt;"",BG$328&lt;&gt;"")</formula>
    </cfRule>
    <cfRule type="expression" dxfId="9940" priority="12522">
      <formula>AND(BG$327="",BG$328="")</formula>
    </cfRule>
  </conditionalFormatting>
  <conditionalFormatting sqref="BH327:BH328">
    <cfRule type="expression" dxfId="9939" priority="12519">
      <formula>OR(BH$327&lt;&gt;"",BH$328&lt;&gt;"")</formula>
    </cfRule>
    <cfRule type="expression" dxfId="9938" priority="12520">
      <formula>AND(BH$327="",BH$328="")</formula>
    </cfRule>
  </conditionalFormatting>
  <conditionalFormatting sqref="BH329:BH346">
    <cfRule type="expression" dxfId="9937" priority="12517">
      <formula>OR(BH$327&lt;&gt;"",BH$328&lt;&gt;"")</formula>
    </cfRule>
    <cfRule type="expression" dxfId="9936" priority="12518">
      <formula>AND(BH$327="",BH$328="")</formula>
    </cfRule>
  </conditionalFormatting>
  <conditionalFormatting sqref="BI327:BI328">
    <cfRule type="expression" dxfId="9935" priority="12515">
      <formula>OR(BI$327&lt;&gt;"",BI$328&lt;&gt;"")</formula>
    </cfRule>
    <cfRule type="expression" dxfId="9934" priority="12516">
      <formula>AND(BI$327="",BI$328="")</formula>
    </cfRule>
  </conditionalFormatting>
  <conditionalFormatting sqref="BI329:BI346">
    <cfRule type="expression" dxfId="9933" priority="12513">
      <formula>OR(BI$327&lt;&gt;"",BI$328&lt;&gt;"")</formula>
    </cfRule>
    <cfRule type="expression" dxfId="9932" priority="12514">
      <formula>AND(BI$327="",BI$328="")</formula>
    </cfRule>
  </conditionalFormatting>
  <conditionalFormatting sqref="BJ327:BJ328">
    <cfRule type="expression" dxfId="9931" priority="12511">
      <formula>OR(BJ$327&lt;&gt;"",BJ$328&lt;&gt;"")</formula>
    </cfRule>
    <cfRule type="expression" dxfId="9930" priority="12512">
      <formula>AND(BJ$327="",BJ$328="")</formula>
    </cfRule>
  </conditionalFormatting>
  <conditionalFormatting sqref="BJ329:BJ346">
    <cfRule type="expression" dxfId="9929" priority="12509">
      <formula>OR(BJ$327&lt;&gt;"",BJ$328&lt;&gt;"")</formula>
    </cfRule>
    <cfRule type="expression" dxfId="9928" priority="12510">
      <formula>AND(BJ$327="",BJ$328="")</formula>
    </cfRule>
  </conditionalFormatting>
  <conditionalFormatting sqref="BK327:BK328">
    <cfRule type="expression" dxfId="9927" priority="12507">
      <formula>OR(BK$327&lt;&gt;"",BK$328&lt;&gt;"")</formula>
    </cfRule>
    <cfRule type="expression" dxfId="9926" priority="12508">
      <formula>AND(BK$327="",BK$328="")</formula>
    </cfRule>
  </conditionalFormatting>
  <conditionalFormatting sqref="BK329:BK346">
    <cfRule type="expression" dxfId="9925" priority="12505">
      <formula>OR(BK$327&lt;&gt;"",BK$328&lt;&gt;"")</formula>
    </cfRule>
    <cfRule type="expression" dxfId="9924" priority="12506">
      <formula>AND(BK$327="",BK$328="")</formula>
    </cfRule>
  </conditionalFormatting>
  <conditionalFormatting sqref="BL327:BL328">
    <cfRule type="expression" dxfId="9923" priority="12503">
      <formula>OR(BL$327&lt;&gt;"",BL$328&lt;&gt;"")</formula>
    </cfRule>
    <cfRule type="expression" dxfId="9922" priority="12504">
      <formula>AND(BL$327="",BL$328="")</formula>
    </cfRule>
  </conditionalFormatting>
  <conditionalFormatting sqref="BL329:BL346">
    <cfRule type="expression" dxfId="9921" priority="12501">
      <formula>OR(BL$327&lt;&gt;"",BL$328&lt;&gt;"")</formula>
    </cfRule>
    <cfRule type="expression" dxfId="9920" priority="12502">
      <formula>AND(BL$327="",BL$328="")</formula>
    </cfRule>
  </conditionalFormatting>
  <conditionalFormatting sqref="BM327:BM328">
    <cfRule type="expression" dxfId="9919" priority="12499">
      <formula>OR(BM$327&lt;&gt;"",BM$328&lt;&gt;"")</formula>
    </cfRule>
    <cfRule type="expression" dxfId="9918" priority="12500">
      <formula>AND(BM$327="",BM$328="")</formula>
    </cfRule>
  </conditionalFormatting>
  <conditionalFormatting sqref="BM329:BM346">
    <cfRule type="expression" dxfId="9917" priority="12497">
      <formula>OR(BM$327&lt;&gt;"",BM$328&lt;&gt;"")</formula>
    </cfRule>
    <cfRule type="expression" dxfId="9916" priority="12498">
      <formula>AND(BM$327="",BM$328="")</formula>
    </cfRule>
  </conditionalFormatting>
  <conditionalFormatting sqref="BN327:BN328">
    <cfRule type="expression" dxfId="9915" priority="12495">
      <formula>OR(BN$327&lt;&gt;"",BN$328&lt;&gt;"")</formula>
    </cfRule>
    <cfRule type="expression" dxfId="9914" priority="12496">
      <formula>AND(BN$327="",BN$328="")</formula>
    </cfRule>
  </conditionalFormatting>
  <conditionalFormatting sqref="BN329:BN346">
    <cfRule type="expression" dxfId="9913" priority="12493">
      <formula>OR(BN$327&lt;&gt;"",BN$328&lt;&gt;"")</formula>
    </cfRule>
    <cfRule type="expression" dxfId="9912" priority="12494">
      <formula>AND(BN$327="",BN$328="")</formula>
    </cfRule>
  </conditionalFormatting>
  <conditionalFormatting sqref="BO327:BO328">
    <cfRule type="expression" dxfId="9911" priority="12491">
      <formula>OR(BO$327&lt;&gt;"",BO$328&lt;&gt;"")</formula>
    </cfRule>
    <cfRule type="expression" dxfId="9910" priority="12492">
      <formula>AND(BO$327="",BO$328="")</formula>
    </cfRule>
  </conditionalFormatting>
  <conditionalFormatting sqref="BO329:BO346">
    <cfRule type="expression" dxfId="9909" priority="12489">
      <formula>OR(BO$327&lt;&gt;"",BO$328&lt;&gt;"")</formula>
    </cfRule>
    <cfRule type="expression" dxfId="9908" priority="12490">
      <formula>AND(BO$327="",BO$328="")</formula>
    </cfRule>
  </conditionalFormatting>
  <conditionalFormatting sqref="BP327:BP328">
    <cfRule type="expression" dxfId="9907" priority="12487">
      <formula>OR(BP$327&lt;&gt;"",BP$328&lt;&gt;"")</formula>
    </cfRule>
    <cfRule type="expression" dxfId="9906" priority="12488">
      <formula>AND(BP$327="",BP$328="")</formula>
    </cfRule>
  </conditionalFormatting>
  <conditionalFormatting sqref="BP329:BP346">
    <cfRule type="expression" dxfId="9905" priority="12485">
      <formula>OR(BP$327&lt;&gt;"",BP$328&lt;&gt;"")</formula>
    </cfRule>
    <cfRule type="expression" dxfId="9904" priority="12486">
      <formula>AND(BP$327="",BP$328="")</formula>
    </cfRule>
  </conditionalFormatting>
  <conditionalFormatting sqref="BQ327:BQ328">
    <cfRule type="expression" dxfId="9903" priority="12483">
      <formula>OR(BQ$327&lt;&gt;"",BQ$328&lt;&gt;"")</formula>
    </cfRule>
    <cfRule type="expression" dxfId="9902" priority="12484">
      <formula>AND(BQ$327="",BQ$328="")</formula>
    </cfRule>
  </conditionalFormatting>
  <conditionalFormatting sqref="BQ329:BQ346">
    <cfRule type="expression" dxfId="9901" priority="12481">
      <formula>OR(BQ$327&lt;&gt;"",BQ$328&lt;&gt;"")</formula>
    </cfRule>
    <cfRule type="expression" dxfId="9900" priority="12482">
      <formula>AND(BQ$327="",BQ$328="")</formula>
    </cfRule>
  </conditionalFormatting>
  <conditionalFormatting sqref="BR327:BR328">
    <cfRule type="expression" dxfId="9899" priority="12479">
      <formula>OR(BR$327&lt;&gt;"",BR$328&lt;&gt;"")</formula>
    </cfRule>
    <cfRule type="expression" dxfId="9898" priority="12480">
      <formula>AND(BR$327="",BR$328="")</formula>
    </cfRule>
  </conditionalFormatting>
  <conditionalFormatting sqref="BR329:BR346">
    <cfRule type="expression" dxfId="9897" priority="12477">
      <formula>OR(BR$327&lt;&gt;"",BR$328&lt;&gt;"")</formula>
    </cfRule>
    <cfRule type="expression" dxfId="9896" priority="12478">
      <formula>AND(BR$327="",BR$328="")</formula>
    </cfRule>
  </conditionalFormatting>
  <conditionalFormatting sqref="BS327:BS328">
    <cfRule type="expression" dxfId="9895" priority="12475">
      <formula>OR(BS$327&lt;&gt;"",BS$328&lt;&gt;"")</formula>
    </cfRule>
    <cfRule type="expression" dxfId="9894" priority="12476">
      <formula>AND(BS$327="",BS$328="")</formula>
    </cfRule>
  </conditionalFormatting>
  <conditionalFormatting sqref="BS329:BS346">
    <cfRule type="expression" dxfId="9893" priority="12473">
      <formula>OR(BS$327&lt;&gt;"",BS$328&lt;&gt;"")</formula>
    </cfRule>
    <cfRule type="expression" dxfId="9892" priority="12474">
      <formula>AND(BS$327="",BS$328="")</formula>
    </cfRule>
  </conditionalFormatting>
  <conditionalFormatting sqref="M352:M353">
    <cfRule type="expression" dxfId="9891" priority="12471">
      <formula>OR(M$352&lt;&gt;"",M$353&lt;&gt;"")</formula>
    </cfRule>
    <cfRule type="expression" dxfId="9890" priority="12472">
      <formula>AND(M$352="",M$353="")</formula>
    </cfRule>
  </conditionalFormatting>
  <conditionalFormatting sqref="N352:N353">
    <cfRule type="expression" dxfId="9889" priority="12469">
      <formula>OR(N$352&lt;&gt;"",N$353&lt;&gt;"")</formula>
    </cfRule>
    <cfRule type="expression" dxfId="9888" priority="12470">
      <formula>AND(N$352="",N$353="")</formula>
    </cfRule>
  </conditionalFormatting>
  <conditionalFormatting sqref="M354:M358">
    <cfRule type="expression" dxfId="9887" priority="12467">
      <formula>OR($M$352&lt;&gt;"",$M$353&lt;&gt;"")</formula>
    </cfRule>
    <cfRule type="expression" dxfId="9886" priority="12468">
      <formula>AND($M$352="",$M$353="")</formula>
    </cfRule>
  </conditionalFormatting>
  <conditionalFormatting sqref="N354:N358">
    <cfRule type="expression" dxfId="9885" priority="12465">
      <formula>OR(N$352&lt;&gt;"",N$353&lt;&gt;"")</formula>
    </cfRule>
    <cfRule type="expression" dxfId="9884" priority="12466">
      <formula>AND(N$352="",N$353="")</formula>
    </cfRule>
  </conditionalFormatting>
  <conditionalFormatting sqref="O352:O353">
    <cfRule type="expression" dxfId="9883" priority="12463">
      <formula>OR(O$352&lt;&gt;"",O$353&lt;&gt;"")</formula>
    </cfRule>
    <cfRule type="expression" dxfId="9882" priority="12464">
      <formula>AND(O$352="",O$353="")</formula>
    </cfRule>
  </conditionalFormatting>
  <conditionalFormatting sqref="O354:O358">
    <cfRule type="expression" dxfId="9881" priority="12461">
      <formula>OR(O$352&lt;&gt;"",O$353&lt;&gt;"")</formula>
    </cfRule>
    <cfRule type="expression" dxfId="9880" priority="12462">
      <formula>AND(O$352="",O$353="")</formula>
    </cfRule>
  </conditionalFormatting>
  <conditionalFormatting sqref="P352:P353">
    <cfRule type="expression" dxfId="9879" priority="12459">
      <formula>OR(P$352&lt;&gt;"",P$353&lt;&gt;"")</formula>
    </cfRule>
    <cfRule type="expression" dxfId="9878" priority="12460">
      <formula>AND(P$352="",P$353="")</formula>
    </cfRule>
  </conditionalFormatting>
  <conditionalFormatting sqref="P354:P358">
    <cfRule type="expression" dxfId="9877" priority="12457">
      <formula>OR(P$352&lt;&gt;"",P$353&lt;&gt;"")</formula>
    </cfRule>
    <cfRule type="expression" dxfId="9876" priority="12458">
      <formula>AND(P$352="",P$353="")</formula>
    </cfRule>
  </conditionalFormatting>
  <conditionalFormatting sqref="Q352:Q353">
    <cfRule type="expression" dxfId="9875" priority="12455">
      <formula>OR(Q$352&lt;&gt;"",Q$353&lt;&gt;"")</formula>
    </cfRule>
    <cfRule type="expression" dxfId="9874" priority="12456">
      <formula>AND(Q$352="",Q$353="")</formula>
    </cfRule>
  </conditionalFormatting>
  <conditionalFormatting sqref="Q354:Q358">
    <cfRule type="expression" dxfId="9873" priority="12453">
      <formula>OR(Q$352&lt;&gt;"",Q$353&lt;&gt;"")</formula>
    </cfRule>
    <cfRule type="expression" dxfId="9872" priority="12454">
      <formula>AND(Q$352="",Q$353="")</formula>
    </cfRule>
  </conditionalFormatting>
  <conditionalFormatting sqref="R352:R353">
    <cfRule type="expression" dxfId="9871" priority="12451">
      <formula>OR(R$352&lt;&gt;"",R$353&lt;&gt;"")</formula>
    </cfRule>
    <cfRule type="expression" dxfId="9870" priority="12452">
      <formula>AND(R$352="",R$353="")</formula>
    </cfRule>
  </conditionalFormatting>
  <conditionalFormatting sqref="R354:R358">
    <cfRule type="expression" dxfId="9869" priority="12449">
      <formula>OR(R$352&lt;&gt;"",R$353&lt;&gt;"")</formula>
    </cfRule>
    <cfRule type="expression" dxfId="9868" priority="12450">
      <formula>AND(R$352="",R$353="")</formula>
    </cfRule>
  </conditionalFormatting>
  <conditionalFormatting sqref="S352:S353">
    <cfRule type="expression" dxfId="9867" priority="12447">
      <formula>OR(S$352&lt;&gt;"",S$353&lt;&gt;"")</formula>
    </cfRule>
    <cfRule type="expression" dxfId="9866" priority="12448">
      <formula>AND(S$352="",S$353="")</formula>
    </cfRule>
  </conditionalFormatting>
  <conditionalFormatting sqref="S354:S358">
    <cfRule type="expression" dxfId="9865" priority="12445">
      <formula>OR(S$352&lt;&gt;"",S$353&lt;&gt;"")</formula>
    </cfRule>
    <cfRule type="expression" dxfId="9864" priority="12446">
      <formula>AND(S$352="",S$353="")</formula>
    </cfRule>
  </conditionalFormatting>
  <conditionalFormatting sqref="T352:T353">
    <cfRule type="expression" dxfId="9863" priority="12443">
      <formula>OR(T$352&lt;&gt;"",T$353&lt;&gt;"")</formula>
    </cfRule>
    <cfRule type="expression" dxfId="9862" priority="12444">
      <formula>AND(T$352="",T$353="")</formula>
    </cfRule>
  </conditionalFormatting>
  <conditionalFormatting sqref="T354:T358">
    <cfRule type="expression" dxfId="9861" priority="12441">
      <formula>OR(T$352&lt;&gt;"",T$353&lt;&gt;"")</formula>
    </cfRule>
    <cfRule type="expression" dxfId="9860" priority="12442">
      <formula>AND(T$352="",T$353="")</formula>
    </cfRule>
  </conditionalFormatting>
  <conditionalFormatting sqref="U352:U353">
    <cfRule type="expression" dxfId="9859" priority="12439">
      <formula>OR(U$352&lt;&gt;"",U$353&lt;&gt;"")</formula>
    </cfRule>
    <cfRule type="expression" dxfId="9858" priority="12440">
      <formula>AND(U$352="",U$353="")</formula>
    </cfRule>
  </conditionalFormatting>
  <conditionalFormatting sqref="U354:U358">
    <cfRule type="expression" dxfId="9857" priority="12437">
      <formula>OR(U$352&lt;&gt;"",U$353&lt;&gt;"")</formula>
    </cfRule>
    <cfRule type="expression" dxfId="9856" priority="12438">
      <formula>AND(U$352="",U$353="")</formula>
    </cfRule>
  </conditionalFormatting>
  <conditionalFormatting sqref="V352:V353">
    <cfRule type="expression" dxfId="9855" priority="12435">
      <formula>OR(V$352&lt;&gt;"",V$353&lt;&gt;"")</formula>
    </cfRule>
    <cfRule type="expression" dxfId="9854" priority="12436">
      <formula>AND(V$352="",V$353="")</formula>
    </cfRule>
  </conditionalFormatting>
  <conditionalFormatting sqref="V354:V358">
    <cfRule type="expression" dxfId="9853" priority="12433">
      <formula>OR(V$352&lt;&gt;"",V$353&lt;&gt;"")</formula>
    </cfRule>
    <cfRule type="expression" dxfId="9852" priority="12434">
      <formula>AND(V$352="",V$353="")</formula>
    </cfRule>
  </conditionalFormatting>
  <conditionalFormatting sqref="W352:W353">
    <cfRule type="expression" dxfId="9851" priority="12431">
      <formula>OR(W$352&lt;&gt;"",W$353&lt;&gt;"")</formula>
    </cfRule>
    <cfRule type="expression" dxfId="9850" priority="12432">
      <formula>AND(W$352="",W$353="")</formula>
    </cfRule>
  </conditionalFormatting>
  <conditionalFormatting sqref="W354:W358">
    <cfRule type="expression" dxfId="9849" priority="12429">
      <formula>OR(W$352&lt;&gt;"",W$353&lt;&gt;"")</formula>
    </cfRule>
    <cfRule type="expression" dxfId="9848" priority="12430">
      <formula>AND(W$352="",W$353="")</formula>
    </cfRule>
  </conditionalFormatting>
  <conditionalFormatting sqref="X352:X353">
    <cfRule type="expression" dxfId="9847" priority="12427">
      <formula>OR(X$352&lt;&gt;"",X$353&lt;&gt;"")</formula>
    </cfRule>
    <cfRule type="expression" dxfId="9846" priority="12428">
      <formula>AND(X$352="",X$353="")</formula>
    </cfRule>
  </conditionalFormatting>
  <conditionalFormatting sqref="X354:X358">
    <cfRule type="expression" dxfId="9845" priority="12425">
      <formula>OR(X$352&lt;&gt;"",X$353&lt;&gt;"")</formula>
    </cfRule>
    <cfRule type="expression" dxfId="9844" priority="12426">
      <formula>AND(X$352="",X$353="")</formula>
    </cfRule>
  </conditionalFormatting>
  <conditionalFormatting sqref="Y352:Y353">
    <cfRule type="expression" dxfId="9843" priority="12423">
      <formula>OR(Y$352&lt;&gt;"",Y$353&lt;&gt;"")</formula>
    </cfRule>
    <cfRule type="expression" dxfId="9842" priority="12424">
      <formula>AND(Y$352="",Y$353="")</formula>
    </cfRule>
  </conditionalFormatting>
  <conditionalFormatting sqref="Y354:Y358">
    <cfRule type="expression" dxfId="9841" priority="12421">
      <formula>OR(Y$352&lt;&gt;"",Y$353&lt;&gt;"")</formula>
    </cfRule>
    <cfRule type="expression" dxfId="9840" priority="12422">
      <formula>AND(Y$352="",Y$353="")</formula>
    </cfRule>
  </conditionalFormatting>
  <conditionalFormatting sqref="Z352:Z353">
    <cfRule type="expression" dxfId="9839" priority="12419">
      <formula>OR(Z$352&lt;&gt;"",Z$353&lt;&gt;"")</formula>
    </cfRule>
    <cfRule type="expression" dxfId="9838" priority="12420">
      <formula>AND(Z$352="",Z$353="")</formula>
    </cfRule>
  </conditionalFormatting>
  <conditionalFormatting sqref="Z354:Z358">
    <cfRule type="expression" dxfId="9837" priority="12417">
      <formula>OR(Z$352&lt;&gt;"",Z$353&lt;&gt;"")</formula>
    </cfRule>
    <cfRule type="expression" dxfId="9836" priority="12418">
      <formula>AND(Z$352="",Z$353="")</formula>
    </cfRule>
  </conditionalFormatting>
  <conditionalFormatting sqref="AA352:AA353">
    <cfRule type="expression" dxfId="9835" priority="12415">
      <formula>OR(AA$352&lt;&gt;"",AA$353&lt;&gt;"")</formula>
    </cfRule>
    <cfRule type="expression" dxfId="9834" priority="12416">
      <formula>AND(AA$352="",AA$353="")</formula>
    </cfRule>
  </conditionalFormatting>
  <conditionalFormatting sqref="AA354:AA358">
    <cfRule type="expression" dxfId="9833" priority="12413">
      <formula>OR(AA$352&lt;&gt;"",AA$353&lt;&gt;"")</formula>
    </cfRule>
    <cfRule type="expression" dxfId="9832" priority="12414">
      <formula>AND(AA$352="",AA$353="")</formula>
    </cfRule>
  </conditionalFormatting>
  <conditionalFormatting sqref="AB352:AB353">
    <cfRule type="expression" dxfId="9831" priority="12411">
      <formula>OR(AB$352&lt;&gt;"",AB$353&lt;&gt;"")</formula>
    </cfRule>
    <cfRule type="expression" dxfId="9830" priority="12412">
      <formula>AND(AB$352="",AB$353="")</formula>
    </cfRule>
  </conditionalFormatting>
  <conditionalFormatting sqref="AB354:AB358">
    <cfRule type="expression" dxfId="9829" priority="12409">
      <formula>OR(AB$352&lt;&gt;"",AB$353&lt;&gt;"")</formula>
    </cfRule>
    <cfRule type="expression" dxfId="9828" priority="12410">
      <formula>AND(AB$352="",AB$353="")</formula>
    </cfRule>
  </conditionalFormatting>
  <conditionalFormatting sqref="AC352:AC353">
    <cfRule type="expression" dxfId="9827" priority="12407">
      <formula>OR(AC$352&lt;&gt;"",AC$353&lt;&gt;"")</formula>
    </cfRule>
    <cfRule type="expression" dxfId="9826" priority="12408">
      <formula>AND(AC$352="",AC$353="")</formula>
    </cfRule>
  </conditionalFormatting>
  <conditionalFormatting sqref="AC354:AC358">
    <cfRule type="expression" dxfId="9825" priority="12405">
      <formula>OR(AC$352&lt;&gt;"",AC$353&lt;&gt;"")</formula>
    </cfRule>
    <cfRule type="expression" dxfId="9824" priority="12406">
      <formula>AND(AC$352="",AC$353="")</formula>
    </cfRule>
  </conditionalFormatting>
  <conditionalFormatting sqref="AD352:AD353">
    <cfRule type="expression" dxfId="9823" priority="12403">
      <formula>OR(AD$352&lt;&gt;"",AD$353&lt;&gt;"")</formula>
    </cfRule>
    <cfRule type="expression" dxfId="9822" priority="12404">
      <formula>AND(AD$352="",AD$353="")</formula>
    </cfRule>
  </conditionalFormatting>
  <conditionalFormatting sqref="AD354:AD358">
    <cfRule type="expression" dxfId="9821" priority="12401">
      <formula>OR(AD$352&lt;&gt;"",AD$353&lt;&gt;"")</formula>
    </cfRule>
    <cfRule type="expression" dxfId="9820" priority="12402">
      <formula>AND(AD$352="",AD$353="")</formula>
    </cfRule>
  </conditionalFormatting>
  <conditionalFormatting sqref="AE352:AE353">
    <cfRule type="expression" dxfId="9819" priority="12399">
      <formula>OR(AE$352&lt;&gt;"",AE$353&lt;&gt;"")</formula>
    </cfRule>
    <cfRule type="expression" dxfId="9818" priority="12400">
      <formula>AND(AE$352="",AE$353="")</formula>
    </cfRule>
  </conditionalFormatting>
  <conditionalFormatting sqref="AE354:AE358">
    <cfRule type="expression" dxfId="9817" priority="12397">
      <formula>OR(AE$352&lt;&gt;"",AE$353&lt;&gt;"")</formula>
    </cfRule>
    <cfRule type="expression" dxfId="9816" priority="12398">
      <formula>AND(AE$352="",AE$353="")</formula>
    </cfRule>
  </conditionalFormatting>
  <conditionalFormatting sqref="AF352:AF353">
    <cfRule type="expression" dxfId="9815" priority="12395">
      <formula>OR(AF$352&lt;&gt;"",AF$353&lt;&gt;"")</formula>
    </cfRule>
    <cfRule type="expression" dxfId="9814" priority="12396">
      <formula>AND(AF$352="",AF$353="")</formula>
    </cfRule>
  </conditionalFormatting>
  <conditionalFormatting sqref="AF354:AF358">
    <cfRule type="expression" dxfId="9813" priority="12393">
      <formula>OR(AF$352&lt;&gt;"",AF$353&lt;&gt;"")</formula>
    </cfRule>
    <cfRule type="expression" dxfId="9812" priority="12394">
      <formula>AND(AF$352="",AF$353="")</formula>
    </cfRule>
  </conditionalFormatting>
  <conditionalFormatting sqref="AG352:AG353">
    <cfRule type="expression" dxfId="9811" priority="12391">
      <formula>OR(AG$352&lt;&gt;"",AG$353&lt;&gt;"")</formula>
    </cfRule>
    <cfRule type="expression" dxfId="9810" priority="12392">
      <formula>AND(AG$352="",AG$353="")</formula>
    </cfRule>
  </conditionalFormatting>
  <conditionalFormatting sqref="AG354:AG358">
    <cfRule type="expression" dxfId="9809" priority="12389">
      <formula>OR(AG$352&lt;&gt;"",AG$353&lt;&gt;"")</formula>
    </cfRule>
    <cfRule type="expression" dxfId="9808" priority="12390">
      <formula>AND(AG$352="",AG$353="")</formula>
    </cfRule>
  </conditionalFormatting>
  <conditionalFormatting sqref="AH352:AH353">
    <cfRule type="expression" dxfId="9807" priority="12387">
      <formula>OR(AH$352&lt;&gt;"",AH$353&lt;&gt;"")</formula>
    </cfRule>
    <cfRule type="expression" dxfId="9806" priority="12388">
      <formula>AND(AH$352="",AH$353="")</formula>
    </cfRule>
  </conditionalFormatting>
  <conditionalFormatting sqref="AH354:AH358">
    <cfRule type="expression" dxfId="9805" priority="12385">
      <formula>OR(AH$352&lt;&gt;"",AH$353&lt;&gt;"")</formula>
    </cfRule>
    <cfRule type="expression" dxfId="9804" priority="12386">
      <formula>AND(AH$352="",AH$353="")</formula>
    </cfRule>
  </conditionalFormatting>
  <conditionalFormatting sqref="AI352:AI353">
    <cfRule type="expression" dxfId="9803" priority="12383">
      <formula>OR(AI$352&lt;&gt;"",AI$353&lt;&gt;"")</formula>
    </cfRule>
    <cfRule type="expression" dxfId="9802" priority="12384">
      <formula>AND(AI$352="",AI$353="")</formula>
    </cfRule>
  </conditionalFormatting>
  <conditionalFormatting sqref="AI354:AI358">
    <cfRule type="expression" dxfId="9801" priority="12381">
      <formula>OR(AI$352&lt;&gt;"",AI$353&lt;&gt;"")</formula>
    </cfRule>
    <cfRule type="expression" dxfId="9800" priority="12382">
      <formula>AND(AI$352="",AI$353="")</formula>
    </cfRule>
  </conditionalFormatting>
  <conditionalFormatting sqref="AJ352:AJ353">
    <cfRule type="expression" dxfId="9799" priority="12379">
      <formula>OR(AJ$352&lt;&gt;"",AJ$353&lt;&gt;"")</formula>
    </cfRule>
    <cfRule type="expression" dxfId="9798" priority="12380">
      <formula>AND(AJ$352="",AJ$353="")</formula>
    </cfRule>
  </conditionalFormatting>
  <conditionalFormatting sqref="AJ354:AJ358">
    <cfRule type="expression" dxfId="9797" priority="12377">
      <formula>OR(AJ$352&lt;&gt;"",AJ$353&lt;&gt;"")</formula>
    </cfRule>
    <cfRule type="expression" dxfId="9796" priority="12378">
      <formula>AND(AJ$352="",AJ$353="")</formula>
    </cfRule>
  </conditionalFormatting>
  <conditionalFormatting sqref="AK352:AK353">
    <cfRule type="expression" dxfId="9795" priority="12375">
      <formula>OR(AK$352&lt;&gt;"",AK$353&lt;&gt;"")</formula>
    </cfRule>
    <cfRule type="expression" dxfId="9794" priority="12376">
      <formula>AND(AK$352="",AK$353="")</formula>
    </cfRule>
  </conditionalFormatting>
  <conditionalFormatting sqref="AK354:AK358">
    <cfRule type="expression" dxfId="9793" priority="12373">
      <formula>OR(AK$352&lt;&gt;"",AK$353&lt;&gt;"")</formula>
    </cfRule>
    <cfRule type="expression" dxfId="9792" priority="12374">
      <formula>AND(AK$352="",AK$353="")</formula>
    </cfRule>
  </conditionalFormatting>
  <conditionalFormatting sqref="AL352:AL353">
    <cfRule type="expression" dxfId="9791" priority="12371">
      <formula>OR(AL$352&lt;&gt;"",AL$353&lt;&gt;"")</formula>
    </cfRule>
    <cfRule type="expression" dxfId="9790" priority="12372">
      <formula>AND(AL$352="",AL$353="")</formula>
    </cfRule>
  </conditionalFormatting>
  <conditionalFormatting sqref="AL354:AL358">
    <cfRule type="expression" dxfId="9789" priority="12369">
      <formula>OR(AL$352&lt;&gt;"",AL$353&lt;&gt;"")</formula>
    </cfRule>
    <cfRule type="expression" dxfId="9788" priority="12370">
      <formula>AND(AL$352="",AL$353="")</formula>
    </cfRule>
  </conditionalFormatting>
  <conditionalFormatting sqref="AM352:AM353">
    <cfRule type="expression" dxfId="9787" priority="12367">
      <formula>OR(AM$352&lt;&gt;"",AM$353&lt;&gt;"")</formula>
    </cfRule>
    <cfRule type="expression" dxfId="9786" priority="12368">
      <formula>AND(AM$352="",AM$353="")</formula>
    </cfRule>
  </conditionalFormatting>
  <conditionalFormatting sqref="AM354:AM358">
    <cfRule type="expression" dxfId="9785" priority="12365">
      <formula>OR(AM$352&lt;&gt;"",AM$353&lt;&gt;"")</formula>
    </cfRule>
    <cfRule type="expression" dxfId="9784" priority="12366">
      <formula>AND(AM$352="",AM$353="")</formula>
    </cfRule>
  </conditionalFormatting>
  <conditionalFormatting sqref="AN352:AN353">
    <cfRule type="expression" dxfId="9783" priority="12363">
      <formula>OR(AN$352&lt;&gt;"",AN$353&lt;&gt;"")</formula>
    </cfRule>
    <cfRule type="expression" dxfId="9782" priority="12364">
      <formula>AND(AN$352="",AN$353="")</formula>
    </cfRule>
  </conditionalFormatting>
  <conditionalFormatting sqref="AN354:AN358">
    <cfRule type="expression" dxfId="9781" priority="12361">
      <formula>OR(AN$352&lt;&gt;"",AN$353&lt;&gt;"")</formula>
    </cfRule>
    <cfRule type="expression" dxfId="9780" priority="12362">
      <formula>AND(AN$352="",AN$353="")</formula>
    </cfRule>
  </conditionalFormatting>
  <conditionalFormatting sqref="AO352:AO353">
    <cfRule type="expression" dxfId="9779" priority="12359">
      <formula>OR(AO$352&lt;&gt;"",AO$353&lt;&gt;"")</formula>
    </cfRule>
    <cfRule type="expression" dxfId="9778" priority="12360">
      <formula>AND(AO$352="",AO$353="")</formula>
    </cfRule>
  </conditionalFormatting>
  <conditionalFormatting sqref="AO354:AO358">
    <cfRule type="expression" dxfId="9777" priority="12357">
      <formula>OR(AO$352&lt;&gt;"",AO$353&lt;&gt;"")</formula>
    </cfRule>
    <cfRule type="expression" dxfId="9776" priority="12358">
      <formula>AND(AO$352="",AO$353="")</formula>
    </cfRule>
  </conditionalFormatting>
  <conditionalFormatting sqref="AP352:AP353">
    <cfRule type="expression" dxfId="9775" priority="12355">
      <formula>OR(AP$352&lt;&gt;"",AP$353&lt;&gt;"")</formula>
    </cfRule>
    <cfRule type="expression" dxfId="9774" priority="12356">
      <formula>AND(AP$352="",AP$353="")</formula>
    </cfRule>
  </conditionalFormatting>
  <conditionalFormatting sqref="AP354:AP358">
    <cfRule type="expression" dxfId="9773" priority="12353">
      <formula>OR(AP$352&lt;&gt;"",AP$353&lt;&gt;"")</formula>
    </cfRule>
    <cfRule type="expression" dxfId="9772" priority="12354">
      <formula>AND(AP$352="",AP$353="")</formula>
    </cfRule>
  </conditionalFormatting>
  <conditionalFormatting sqref="AQ352:AQ353">
    <cfRule type="expression" dxfId="9771" priority="12351">
      <formula>OR(AQ$352&lt;&gt;"",AQ$353&lt;&gt;"")</formula>
    </cfRule>
    <cfRule type="expression" dxfId="9770" priority="12352">
      <formula>AND(AQ$352="",AQ$353="")</formula>
    </cfRule>
  </conditionalFormatting>
  <conditionalFormatting sqref="AQ354:AQ358">
    <cfRule type="expression" dxfId="9769" priority="12349">
      <formula>OR(AQ$352&lt;&gt;"",AQ$353&lt;&gt;"")</formula>
    </cfRule>
    <cfRule type="expression" dxfId="9768" priority="12350">
      <formula>AND(AQ$352="",AQ$353="")</formula>
    </cfRule>
  </conditionalFormatting>
  <conditionalFormatting sqref="AR352:AR353">
    <cfRule type="expression" dxfId="9767" priority="12347">
      <formula>OR(AR$352&lt;&gt;"",AR$353&lt;&gt;"")</formula>
    </cfRule>
    <cfRule type="expression" dxfId="9766" priority="12348">
      <formula>AND(AR$352="",AR$353="")</formula>
    </cfRule>
  </conditionalFormatting>
  <conditionalFormatting sqref="AR354:AR358">
    <cfRule type="expression" dxfId="9765" priority="12345">
      <formula>OR(AR$352&lt;&gt;"",AR$353&lt;&gt;"")</formula>
    </cfRule>
    <cfRule type="expression" dxfId="9764" priority="12346">
      <formula>AND(AR$352="",AR$353="")</formula>
    </cfRule>
  </conditionalFormatting>
  <conditionalFormatting sqref="AS352:AS353">
    <cfRule type="expression" dxfId="9763" priority="12343">
      <formula>OR(AS$352&lt;&gt;"",AS$353&lt;&gt;"")</formula>
    </cfRule>
    <cfRule type="expression" dxfId="9762" priority="12344">
      <formula>AND(AS$352="",AS$353="")</formula>
    </cfRule>
  </conditionalFormatting>
  <conditionalFormatting sqref="AS354:AS358">
    <cfRule type="expression" dxfId="9761" priority="12341">
      <formula>OR(AS$352&lt;&gt;"",AS$353&lt;&gt;"")</formula>
    </cfRule>
    <cfRule type="expression" dxfId="9760" priority="12342">
      <formula>AND(AS$352="",AS$353="")</formula>
    </cfRule>
  </conditionalFormatting>
  <conditionalFormatting sqref="AT352:AT353">
    <cfRule type="expression" dxfId="9759" priority="12339">
      <formula>OR(AT$352&lt;&gt;"",AT$353&lt;&gt;"")</formula>
    </cfRule>
    <cfRule type="expression" dxfId="9758" priority="12340">
      <formula>AND(AT$352="",AT$353="")</formula>
    </cfRule>
  </conditionalFormatting>
  <conditionalFormatting sqref="AT354:AT358">
    <cfRule type="expression" dxfId="9757" priority="12337">
      <formula>OR(AT$352&lt;&gt;"",AT$353&lt;&gt;"")</formula>
    </cfRule>
    <cfRule type="expression" dxfId="9756" priority="12338">
      <formula>AND(AT$352="",AT$353="")</formula>
    </cfRule>
  </conditionalFormatting>
  <conditionalFormatting sqref="AU352:AU353">
    <cfRule type="expression" dxfId="9755" priority="12335">
      <formula>OR(AU$352&lt;&gt;"",AU$353&lt;&gt;"")</formula>
    </cfRule>
    <cfRule type="expression" dxfId="9754" priority="12336">
      <formula>AND(AU$352="",AU$353="")</formula>
    </cfRule>
  </conditionalFormatting>
  <conditionalFormatting sqref="AU354:AU358">
    <cfRule type="expression" dxfId="9753" priority="12333">
      <formula>OR(AU$352&lt;&gt;"",AU$353&lt;&gt;"")</formula>
    </cfRule>
    <cfRule type="expression" dxfId="9752" priority="12334">
      <formula>AND(AU$352="",AU$353="")</formula>
    </cfRule>
  </conditionalFormatting>
  <conditionalFormatting sqref="AV352:AV353">
    <cfRule type="expression" dxfId="9751" priority="12331">
      <formula>OR(AV$352&lt;&gt;"",AV$353&lt;&gt;"")</formula>
    </cfRule>
    <cfRule type="expression" dxfId="9750" priority="12332">
      <formula>AND(AV$352="",AV$353="")</formula>
    </cfRule>
  </conditionalFormatting>
  <conditionalFormatting sqref="AV354:AV358">
    <cfRule type="expression" dxfId="9749" priority="12329">
      <formula>OR(AV$352&lt;&gt;"",AV$353&lt;&gt;"")</formula>
    </cfRule>
    <cfRule type="expression" dxfId="9748" priority="12330">
      <formula>AND(AV$352="",AV$353="")</formula>
    </cfRule>
  </conditionalFormatting>
  <conditionalFormatting sqref="AW352:AW353">
    <cfRule type="expression" dxfId="9747" priority="12327">
      <formula>OR(AW$352&lt;&gt;"",AW$353&lt;&gt;"")</formula>
    </cfRule>
    <cfRule type="expression" dxfId="9746" priority="12328">
      <formula>AND(AW$352="",AW$353="")</formula>
    </cfRule>
  </conditionalFormatting>
  <conditionalFormatting sqref="AW354:AW358">
    <cfRule type="expression" dxfId="9745" priority="12325">
      <formula>OR(AW$352&lt;&gt;"",AW$353&lt;&gt;"")</formula>
    </cfRule>
    <cfRule type="expression" dxfId="9744" priority="12326">
      <formula>AND(AW$352="",AW$353="")</formula>
    </cfRule>
  </conditionalFormatting>
  <conditionalFormatting sqref="AX352:AX353">
    <cfRule type="expression" dxfId="9743" priority="12323">
      <formula>OR(AX$352&lt;&gt;"",AX$353&lt;&gt;"")</formula>
    </cfRule>
    <cfRule type="expression" dxfId="9742" priority="12324">
      <formula>AND(AX$352="",AX$353="")</formula>
    </cfRule>
  </conditionalFormatting>
  <conditionalFormatting sqref="AX354:AX358">
    <cfRule type="expression" dxfId="9741" priority="12321">
      <formula>OR(AX$352&lt;&gt;"",AX$353&lt;&gt;"")</formula>
    </cfRule>
    <cfRule type="expression" dxfId="9740" priority="12322">
      <formula>AND(AX$352="",AX$353="")</formula>
    </cfRule>
  </conditionalFormatting>
  <conditionalFormatting sqref="AY352:AY353">
    <cfRule type="expression" dxfId="9739" priority="12319">
      <formula>OR(AY$352&lt;&gt;"",AY$353&lt;&gt;"")</formula>
    </cfRule>
    <cfRule type="expression" dxfId="9738" priority="12320">
      <formula>AND(AY$352="",AY$353="")</formula>
    </cfRule>
  </conditionalFormatting>
  <conditionalFormatting sqref="AY354:AY358">
    <cfRule type="expression" dxfId="9737" priority="12317">
      <formula>OR(AY$352&lt;&gt;"",AY$353&lt;&gt;"")</formula>
    </cfRule>
    <cfRule type="expression" dxfId="9736" priority="12318">
      <formula>AND(AY$352="",AY$353="")</formula>
    </cfRule>
  </conditionalFormatting>
  <conditionalFormatting sqref="AZ352:AZ353">
    <cfRule type="expression" dxfId="9735" priority="12315">
      <formula>OR(AZ$352&lt;&gt;"",AZ$353&lt;&gt;"")</formula>
    </cfRule>
    <cfRule type="expression" dxfId="9734" priority="12316">
      <formula>AND(AZ$352="",AZ$353="")</formula>
    </cfRule>
  </conditionalFormatting>
  <conditionalFormatting sqref="AZ354:AZ358">
    <cfRule type="expression" dxfId="9733" priority="12313">
      <formula>OR(AZ$352&lt;&gt;"",AZ$353&lt;&gt;"")</formula>
    </cfRule>
    <cfRule type="expression" dxfId="9732" priority="12314">
      <formula>AND(AZ$352="",AZ$353="")</formula>
    </cfRule>
  </conditionalFormatting>
  <conditionalFormatting sqref="BA352:BA353">
    <cfRule type="expression" dxfId="9731" priority="12311">
      <formula>OR(BA$352&lt;&gt;"",BA$353&lt;&gt;"")</formula>
    </cfRule>
    <cfRule type="expression" dxfId="9730" priority="12312">
      <formula>AND(BA$352="",BA$353="")</formula>
    </cfRule>
  </conditionalFormatting>
  <conditionalFormatting sqref="BA354:BA358">
    <cfRule type="expression" dxfId="9729" priority="12309">
      <formula>OR(BA$352&lt;&gt;"",BA$353&lt;&gt;"")</formula>
    </cfRule>
    <cfRule type="expression" dxfId="9728" priority="12310">
      <formula>AND(BA$352="",BA$353="")</formula>
    </cfRule>
  </conditionalFormatting>
  <conditionalFormatting sqref="BB352:BB353">
    <cfRule type="expression" dxfId="9727" priority="12307">
      <formula>OR(BB$352&lt;&gt;"",BB$353&lt;&gt;"")</formula>
    </cfRule>
    <cfRule type="expression" dxfId="9726" priority="12308">
      <formula>AND(BB$352="",BB$353="")</formula>
    </cfRule>
  </conditionalFormatting>
  <conditionalFormatting sqref="BB354:BB358">
    <cfRule type="expression" dxfId="9725" priority="12305">
      <formula>OR(BB$352&lt;&gt;"",BB$353&lt;&gt;"")</formula>
    </cfRule>
    <cfRule type="expression" dxfId="9724" priority="12306">
      <formula>AND(BB$352="",BB$353="")</formula>
    </cfRule>
  </conditionalFormatting>
  <conditionalFormatting sqref="BC352:BC353">
    <cfRule type="expression" dxfId="9723" priority="12303">
      <formula>OR(BC$352&lt;&gt;"",BC$353&lt;&gt;"")</formula>
    </cfRule>
    <cfRule type="expression" dxfId="9722" priority="12304">
      <formula>AND(BC$352="",BC$353="")</formula>
    </cfRule>
  </conditionalFormatting>
  <conditionalFormatting sqref="BC354:BC358">
    <cfRule type="expression" dxfId="9721" priority="12301">
      <formula>OR(BC$352&lt;&gt;"",BC$353&lt;&gt;"")</formula>
    </cfRule>
    <cfRule type="expression" dxfId="9720" priority="12302">
      <formula>AND(BC$352="",BC$353="")</formula>
    </cfRule>
  </conditionalFormatting>
  <conditionalFormatting sqref="BD352:BD353">
    <cfRule type="expression" dxfId="9719" priority="12299">
      <formula>OR(BD$352&lt;&gt;"",BD$353&lt;&gt;"")</formula>
    </cfRule>
    <cfRule type="expression" dxfId="9718" priority="12300">
      <formula>AND(BD$352="",BD$353="")</formula>
    </cfRule>
  </conditionalFormatting>
  <conditionalFormatting sqref="BD354:BD358">
    <cfRule type="expression" dxfId="9717" priority="12297">
      <formula>OR(BD$352&lt;&gt;"",BD$353&lt;&gt;"")</formula>
    </cfRule>
    <cfRule type="expression" dxfId="9716" priority="12298">
      <formula>AND(BD$352="",BD$353="")</formula>
    </cfRule>
  </conditionalFormatting>
  <conditionalFormatting sqref="BE352:BE353">
    <cfRule type="expression" dxfId="9715" priority="12295">
      <formula>OR(BE$352&lt;&gt;"",BE$353&lt;&gt;"")</formula>
    </cfRule>
    <cfRule type="expression" dxfId="9714" priority="12296">
      <formula>AND(BE$352="",BE$353="")</formula>
    </cfRule>
  </conditionalFormatting>
  <conditionalFormatting sqref="BE354:BE358">
    <cfRule type="expression" dxfId="9713" priority="12293">
      <formula>OR(BE$352&lt;&gt;"",BE$353&lt;&gt;"")</formula>
    </cfRule>
    <cfRule type="expression" dxfId="9712" priority="12294">
      <formula>AND(BE$352="",BE$353="")</formula>
    </cfRule>
  </conditionalFormatting>
  <conditionalFormatting sqref="BF352:BF353">
    <cfRule type="expression" dxfId="9711" priority="12291">
      <formula>OR(BF$352&lt;&gt;"",BF$353&lt;&gt;"")</formula>
    </cfRule>
    <cfRule type="expression" dxfId="9710" priority="12292">
      <formula>AND(BF$352="",BF$353="")</formula>
    </cfRule>
  </conditionalFormatting>
  <conditionalFormatting sqref="BF354:BF358">
    <cfRule type="expression" dxfId="9709" priority="12289">
      <formula>OR(BF$352&lt;&gt;"",BF$353&lt;&gt;"")</formula>
    </cfRule>
    <cfRule type="expression" dxfId="9708" priority="12290">
      <formula>AND(BF$352="",BF$353="")</formula>
    </cfRule>
  </conditionalFormatting>
  <conditionalFormatting sqref="BG352:BG353">
    <cfRule type="expression" dxfId="9707" priority="12287">
      <formula>OR(BG$352&lt;&gt;"",BG$353&lt;&gt;"")</formula>
    </cfRule>
    <cfRule type="expression" dxfId="9706" priority="12288">
      <formula>AND(BG$352="",BG$353="")</formula>
    </cfRule>
  </conditionalFormatting>
  <conditionalFormatting sqref="BG354:BG358">
    <cfRule type="expression" dxfId="9705" priority="12285">
      <formula>OR(BG$352&lt;&gt;"",BG$353&lt;&gt;"")</formula>
    </cfRule>
    <cfRule type="expression" dxfId="9704" priority="12286">
      <formula>AND(BG$352="",BG$353="")</formula>
    </cfRule>
  </conditionalFormatting>
  <conditionalFormatting sqref="BH352:BH353">
    <cfRule type="expression" dxfId="9703" priority="12283">
      <formula>OR(BH$352&lt;&gt;"",BH$353&lt;&gt;"")</formula>
    </cfRule>
    <cfRule type="expression" dxfId="9702" priority="12284">
      <formula>AND(BH$352="",BH$353="")</formula>
    </cfRule>
  </conditionalFormatting>
  <conditionalFormatting sqref="BH354:BH358">
    <cfRule type="expression" dxfId="9701" priority="12281">
      <formula>OR(BH$352&lt;&gt;"",BH$353&lt;&gt;"")</formula>
    </cfRule>
    <cfRule type="expression" dxfId="9700" priority="12282">
      <formula>AND(BH$352="",BH$353="")</formula>
    </cfRule>
  </conditionalFormatting>
  <conditionalFormatting sqref="BI352:BI353">
    <cfRule type="expression" dxfId="9699" priority="12279">
      <formula>OR(BI$352&lt;&gt;"",BI$353&lt;&gt;"")</formula>
    </cfRule>
    <cfRule type="expression" dxfId="9698" priority="12280">
      <formula>AND(BI$352="",BI$353="")</formula>
    </cfRule>
  </conditionalFormatting>
  <conditionalFormatting sqref="BI354:BI358">
    <cfRule type="expression" dxfId="9697" priority="12277">
      <formula>OR(BI$352&lt;&gt;"",BI$353&lt;&gt;"")</formula>
    </cfRule>
    <cfRule type="expression" dxfId="9696" priority="12278">
      <formula>AND(BI$352="",BI$353="")</formula>
    </cfRule>
  </conditionalFormatting>
  <conditionalFormatting sqref="BJ352:BJ353">
    <cfRule type="expression" dxfId="9695" priority="12275">
      <formula>OR(BJ$352&lt;&gt;"",BJ$353&lt;&gt;"")</formula>
    </cfRule>
    <cfRule type="expression" dxfId="9694" priority="12276">
      <formula>AND(BJ$352="",BJ$353="")</formula>
    </cfRule>
  </conditionalFormatting>
  <conditionalFormatting sqref="BJ354:BJ358">
    <cfRule type="expression" dxfId="9693" priority="12273">
      <formula>OR(BJ$352&lt;&gt;"",BJ$353&lt;&gt;"")</formula>
    </cfRule>
    <cfRule type="expression" dxfId="9692" priority="12274">
      <formula>AND(BJ$352="",BJ$353="")</formula>
    </cfRule>
  </conditionalFormatting>
  <conditionalFormatting sqref="BK352:BK353">
    <cfRule type="expression" dxfId="9691" priority="12271">
      <formula>OR(BK$352&lt;&gt;"",BK$353&lt;&gt;"")</formula>
    </cfRule>
    <cfRule type="expression" dxfId="9690" priority="12272">
      <formula>AND(BK$352="",BK$353="")</formula>
    </cfRule>
  </conditionalFormatting>
  <conditionalFormatting sqref="BK354:BK358">
    <cfRule type="expression" dxfId="9689" priority="12269">
      <formula>OR(BK$352&lt;&gt;"",BK$353&lt;&gt;"")</formula>
    </cfRule>
    <cfRule type="expression" dxfId="9688" priority="12270">
      <formula>AND(BK$352="",BK$353="")</formula>
    </cfRule>
  </conditionalFormatting>
  <conditionalFormatting sqref="BL352:BL353">
    <cfRule type="expression" dxfId="9687" priority="12267">
      <formula>OR(BL$352&lt;&gt;"",BL$353&lt;&gt;"")</formula>
    </cfRule>
    <cfRule type="expression" dxfId="9686" priority="12268">
      <formula>AND(BL$352="",BL$353="")</formula>
    </cfRule>
  </conditionalFormatting>
  <conditionalFormatting sqref="BL354:BL358">
    <cfRule type="expression" dxfId="9685" priority="12265">
      <formula>OR(BL$352&lt;&gt;"",BL$353&lt;&gt;"")</formula>
    </cfRule>
    <cfRule type="expression" dxfId="9684" priority="12266">
      <formula>AND(BL$352="",BL$353="")</formula>
    </cfRule>
  </conditionalFormatting>
  <conditionalFormatting sqref="BM352:BM353">
    <cfRule type="expression" dxfId="9683" priority="12263">
      <formula>OR(BM$352&lt;&gt;"",BM$353&lt;&gt;"")</formula>
    </cfRule>
    <cfRule type="expression" dxfId="9682" priority="12264">
      <formula>AND(BM$352="",BM$353="")</formula>
    </cfRule>
  </conditionalFormatting>
  <conditionalFormatting sqref="BM354:BM358">
    <cfRule type="expression" dxfId="9681" priority="12261">
      <formula>OR(BM$352&lt;&gt;"",BM$353&lt;&gt;"")</formula>
    </cfRule>
    <cfRule type="expression" dxfId="9680" priority="12262">
      <formula>AND(BM$352="",BM$353="")</formula>
    </cfRule>
  </conditionalFormatting>
  <conditionalFormatting sqref="BN352:BN353">
    <cfRule type="expression" dxfId="9679" priority="12259">
      <formula>OR(BN$352&lt;&gt;"",BN$353&lt;&gt;"")</formula>
    </cfRule>
    <cfRule type="expression" dxfId="9678" priority="12260">
      <formula>AND(BN$352="",BN$353="")</formula>
    </cfRule>
  </conditionalFormatting>
  <conditionalFormatting sqref="BN354:BN358">
    <cfRule type="expression" dxfId="9677" priority="12257">
      <formula>OR(BN$352&lt;&gt;"",BN$353&lt;&gt;"")</formula>
    </cfRule>
    <cfRule type="expression" dxfId="9676" priority="12258">
      <formula>AND(BN$352="",BN$353="")</formula>
    </cfRule>
  </conditionalFormatting>
  <conditionalFormatting sqref="BO352:BO353">
    <cfRule type="expression" dxfId="9675" priority="12255">
      <formula>OR(BO$352&lt;&gt;"",BO$353&lt;&gt;"")</formula>
    </cfRule>
    <cfRule type="expression" dxfId="9674" priority="12256">
      <formula>AND(BO$352="",BO$353="")</formula>
    </cfRule>
  </conditionalFormatting>
  <conditionalFormatting sqref="BO354:BO358">
    <cfRule type="expression" dxfId="9673" priority="12253">
      <formula>OR(BO$352&lt;&gt;"",BO$353&lt;&gt;"")</formula>
    </cfRule>
    <cfRule type="expression" dxfId="9672" priority="12254">
      <formula>AND(BO$352="",BO$353="")</formula>
    </cfRule>
  </conditionalFormatting>
  <conditionalFormatting sqref="BP352:BP353">
    <cfRule type="expression" dxfId="9671" priority="12251">
      <formula>OR(BP$352&lt;&gt;"",BP$353&lt;&gt;"")</formula>
    </cfRule>
    <cfRule type="expression" dxfId="9670" priority="12252">
      <formula>AND(BP$352="",BP$353="")</formula>
    </cfRule>
  </conditionalFormatting>
  <conditionalFormatting sqref="BP354:BP358">
    <cfRule type="expression" dxfId="9669" priority="12249">
      <formula>OR(BP$352&lt;&gt;"",BP$353&lt;&gt;"")</formula>
    </cfRule>
    <cfRule type="expression" dxfId="9668" priority="12250">
      <formula>AND(BP$352="",BP$353="")</formula>
    </cfRule>
  </conditionalFormatting>
  <conditionalFormatting sqref="BQ352:BQ353">
    <cfRule type="expression" dxfId="9667" priority="12247">
      <formula>OR(BQ$352&lt;&gt;"",BQ$353&lt;&gt;"")</formula>
    </cfRule>
    <cfRule type="expression" dxfId="9666" priority="12248">
      <formula>AND(BQ$352="",BQ$353="")</formula>
    </cfRule>
  </conditionalFormatting>
  <conditionalFormatting sqref="BQ354:BQ358">
    <cfRule type="expression" dxfId="9665" priority="12245">
      <formula>OR(BQ$352&lt;&gt;"",BQ$353&lt;&gt;"")</formula>
    </cfRule>
    <cfRule type="expression" dxfId="9664" priority="12246">
      <formula>AND(BQ$352="",BQ$353="")</formula>
    </cfRule>
  </conditionalFormatting>
  <conditionalFormatting sqref="BR352:BR353">
    <cfRule type="expression" dxfId="9663" priority="12243">
      <formula>OR(BR$352&lt;&gt;"",BR$353&lt;&gt;"")</formula>
    </cfRule>
    <cfRule type="expression" dxfId="9662" priority="12244">
      <formula>AND(BR$352="",BR$353="")</formula>
    </cfRule>
  </conditionalFormatting>
  <conditionalFormatting sqref="BR354:BR358">
    <cfRule type="expression" dxfId="9661" priority="12241">
      <formula>OR(BR$352&lt;&gt;"",BR$353&lt;&gt;"")</formula>
    </cfRule>
    <cfRule type="expression" dxfId="9660" priority="12242">
      <formula>AND(BR$352="",BR$353="")</formula>
    </cfRule>
  </conditionalFormatting>
  <conditionalFormatting sqref="BS352:BS353">
    <cfRule type="expression" dxfId="9659" priority="12239">
      <formula>OR(BS$352&lt;&gt;"",BS$353&lt;&gt;"")</formula>
    </cfRule>
    <cfRule type="expression" dxfId="9658" priority="12240">
      <formula>AND(BS$352="",BS$353="")</formula>
    </cfRule>
  </conditionalFormatting>
  <conditionalFormatting sqref="BS354:BS358">
    <cfRule type="expression" dxfId="9657" priority="12237">
      <formula>OR(BS$352&lt;&gt;"",BS$353&lt;&gt;"")</formula>
    </cfRule>
    <cfRule type="expression" dxfId="9656" priority="12238">
      <formula>AND(BS$352="",BS$353="")</formula>
    </cfRule>
  </conditionalFormatting>
  <conditionalFormatting sqref="M390:M391">
    <cfRule type="expression" dxfId="9655" priority="12235">
      <formula>OR(M$390&lt;&gt;"",M$391&lt;&gt;"")</formula>
    </cfRule>
    <cfRule type="expression" dxfId="9654" priority="12236">
      <formula>AND(M$390="",M$391="")</formula>
    </cfRule>
  </conditionalFormatting>
  <conditionalFormatting sqref="N390:N391">
    <cfRule type="expression" dxfId="9653" priority="12233">
      <formula>OR(N$390&lt;&gt;"",N$391&lt;&gt;"")</formula>
    </cfRule>
    <cfRule type="expression" dxfId="9652" priority="12234">
      <formula>AND(N$390="",N$391="")</formula>
    </cfRule>
  </conditionalFormatting>
  <conditionalFormatting sqref="M392:M467">
    <cfRule type="expression" dxfId="9651" priority="12231">
      <formula>OR($M$390&lt;&gt;"",$M$391&lt;&gt;"")</formula>
    </cfRule>
    <cfRule type="expression" dxfId="9650" priority="12232">
      <formula>AND($M$390="",$M$391="")</formula>
    </cfRule>
  </conditionalFormatting>
  <conditionalFormatting sqref="N392:N467">
    <cfRule type="expression" dxfId="9649" priority="12229">
      <formula>OR(N$390&lt;&gt;"",N$391&lt;&gt;"")</formula>
    </cfRule>
    <cfRule type="expression" dxfId="9648" priority="12230">
      <formula>AND(N$390="",N$391="")</formula>
    </cfRule>
  </conditionalFormatting>
  <conditionalFormatting sqref="O390:O391">
    <cfRule type="expression" dxfId="9647" priority="12227">
      <formula>OR(O$390&lt;&gt;"",O$391&lt;&gt;"")</formula>
    </cfRule>
    <cfRule type="expression" dxfId="9646" priority="12228">
      <formula>AND(O$390="",O$391="")</formula>
    </cfRule>
  </conditionalFormatting>
  <conditionalFormatting sqref="O392:O467">
    <cfRule type="expression" dxfId="9645" priority="12225">
      <formula>OR(O$390&lt;&gt;"",O$391&lt;&gt;"")</formula>
    </cfRule>
    <cfRule type="expression" dxfId="9644" priority="12226">
      <formula>AND(O$390="",O$391="")</formula>
    </cfRule>
  </conditionalFormatting>
  <conditionalFormatting sqref="P390:P391">
    <cfRule type="expression" dxfId="9643" priority="12223">
      <formula>OR(P$390&lt;&gt;"",P$391&lt;&gt;"")</formula>
    </cfRule>
    <cfRule type="expression" dxfId="9642" priority="12224">
      <formula>AND(P$390="",P$391="")</formula>
    </cfRule>
  </conditionalFormatting>
  <conditionalFormatting sqref="P392:P467">
    <cfRule type="expression" dxfId="9641" priority="12221">
      <formula>OR(P$390&lt;&gt;"",P$391&lt;&gt;"")</formula>
    </cfRule>
    <cfRule type="expression" dxfId="9640" priority="12222">
      <formula>AND(P$390="",P$391="")</formula>
    </cfRule>
  </conditionalFormatting>
  <conditionalFormatting sqref="Q390:Q391">
    <cfRule type="expression" dxfId="9639" priority="12219">
      <formula>OR(Q$390&lt;&gt;"",Q$391&lt;&gt;"")</formula>
    </cfRule>
    <cfRule type="expression" dxfId="9638" priority="12220">
      <formula>AND(Q$390="",Q$391="")</formula>
    </cfRule>
  </conditionalFormatting>
  <conditionalFormatting sqref="Q392:Q467">
    <cfRule type="expression" dxfId="9637" priority="12217">
      <formula>OR(Q$390&lt;&gt;"",Q$391&lt;&gt;"")</formula>
    </cfRule>
    <cfRule type="expression" dxfId="9636" priority="12218">
      <formula>AND(Q$390="",Q$391="")</formula>
    </cfRule>
  </conditionalFormatting>
  <conditionalFormatting sqref="R390:R391">
    <cfRule type="expression" dxfId="9635" priority="12215">
      <formula>OR(R$390&lt;&gt;"",R$391&lt;&gt;"")</formula>
    </cfRule>
    <cfRule type="expression" dxfId="9634" priority="12216">
      <formula>AND(R$390="",R$391="")</formula>
    </cfRule>
  </conditionalFormatting>
  <conditionalFormatting sqref="R392:R467">
    <cfRule type="expression" dxfId="9633" priority="12213">
      <formula>OR(R$390&lt;&gt;"",R$391&lt;&gt;"")</formula>
    </cfRule>
    <cfRule type="expression" dxfId="9632" priority="12214">
      <formula>AND(R$390="",R$391="")</formula>
    </cfRule>
  </conditionalFormatting>
  <conditionalFormatting sqref="S390:S391">
    <cfRule type="expression" dxfId="9631" priority="12211">
      <formula>OR(S$390&lt;&gt;"",S$391&lt;&gt;"")</formula>
    </cfRule>
    <cfRule type="expression" dxfId="9630" priority="12212">
      <formula>AND(S$390="",S$391="")</formula>
    </cfRule>
  </conditionalFormatting>
  <conditionalFormatting sqref="S392:S467">
    <cfRule type="expression" dxfId="9629" priority="12209">
      <formula>OR(S$390&lt;&gt;"",S$391&lt;&gt;"")</formula>
    </cfRule>
    <cfRule type="expression" dxfId="9628" priority="12210">
      <formula>AND(S$390="",S$391="")</formula>
    </cfRule>
  </conditionalFormatting>
  <conditionalFormatting sqref="T390:T391">
    <cfRule type="expression" dxfId="9627" priority="12207">
      <formula>OR(T$390&lt;&gt;"",T$391&lt;&gt;"")</formula>
    </cfRule>
    <cfRule type="expression" dxfId="9626" priority="12208">
      <formula>AND(T$390="",T$391="")</formula>
    </cfRule>
  </conditionalFormatting>
  <conditionalFormatting sqref="T392:T467">
    <cfRule type="expression" dxfId="9625" priority="12205">
      <formula>OR(T$390&lt;&gt;"",T$391&lt;&gt;"")</formula>
    </cfRule>
    <cfRule type="expression" dxfId="9624" priority="12206">
      <formula>AND(T$390="",T$391="")</formula>
    </cfRule>
  </conditionalFormatting>
  <conditionalFormatting sqref="U390:U391">
    <cfRule type="expression" dxfId="9623" priority="12203">
      <formula>OR(U$390&lt;&gt;"",U$391&lt;&gt;"")</formula>
    </cfRule>
    <cfRule type="expression" dxfId="9622" priority="12204">
      <formula>AND(U$390="",U$391="")</formula>
    </cfRule>
  </conditionalFormatting>
  <conditionalFormatting sqref="U392:U467">
    <cfRule type="expression" dxfId="9621" priority="12201">
      <formula>OR(U$390&lt;&gt;"",U$391&lt;&gt;"")</formula>
    </cfRule>
    <cfRule type="expression" dxfId="9620" priority="12202">
      <formula>AND(U$390="",U$391="")</formula>
    </cfRule>
  </conditionalFormatting>
  <conditionalFormatting sqref="V390:V391">
    <cfRule type="expression" dxfId="9619" priority="12199">
      <formula>OR(V$390&lt;&gt;"",V$391&lt;&gt;"")</formula>
    </cfRule>
    <cfRule type="expression" dxfId="9618" priority="12200">
      <formula>AND(V$390="",V$391="")</formula>
    </cfRule>
  </conditionalFormatting>
  <conditionalFormatting sqref="V392:V467">
    <cfRule type="expression" dxfId="9617" priority="12197">
      <formula>OR(V$390&lt;&gt;"",V$391&lt;&gt;"")</formula>
    </cfRule>
    <cfRule type="expression" dxfId="9616" priority="12198">
      <formula>AND(V$390="",V$391="")</formula>
    </cfRule>
  </conditionalFormatting>
  <conditionalFormatting sqref="W390:W391">
    <cfRule type="expression" dxfId="9615" priority="12195">
      <formula>OR(W$390&lt;&gt;"",W$391&lt;&gt;"")</formula>
    </cfRule>
    <cfRule type="expression" dxfId="9614" priority="12196">
      <formula>AND(W$390="",W$391="")</formula>
    </cfRule>
  </conditionalFormatting>
  <conditionalFormatting sqref="W392:W467">
    <cfRule type="expression" dxfId="9613" priority="12193">
      <formula>OR(W$390&lt;&gt;"",W$391&lt;&gt;"")</formula>
    </cfRule>
    <cfRule type="expression" dxfId="9612" priority="12194">
      <formula>AND(W$390="",W$391="")</formula>
    </cfRule>
  </conditionalFormatting>
  <conditionalFormatting sqref="X390:X391">
    <cfRule type="expression" dxfId="9611" priority="12191">
      <formula>OR(X$390&lt;&gt;"",X$391&lt;&gt;"")</formula>
    </cfRule>
    <cfRule type="expression" dxfId="9610" priority="12192">
      <formula>AND(X$390="",X$391="")</formula>
    </cfRule>
  </conditionalFormatting>
  <conditionalFormatting sqref="X392:X467">
    <cfRule type="expression" dxfId="9609" priority="12189">
      <formula>OR(X$390&lt;&gt;"",X$391&lt;&gt;"")</formula>
    </cfRule>
    <cfRule type="expression" dxfId="9608" priority="12190">
      <formula>AND(X$390="",X$391="")</formula>
    </cfRule>
  </conditionalFormatting>
  <conditionalFormatting sqref="Y390:Y391">
    <cfRule type="expression" dxfId="9607" priority="12187">
      <formula>OR(Y$390&lt;&gt;"",Y$391&lt;&gt;"")</formula>
    </cfRule>
    <cfRule type="expression" dxfId="9606" priority="12188">
      <formula>AND(Y$390="",Y$391="")</formula>
    </cfRule>
  </conditionalFormatting>
  <conditionalFormatting sqref="Y392:Y467">
    <cfRule type="expression" dxfId="9605" priority="12185">
      <formula>OR(Y$390&lt;&gt;"",Y$391&lt;&gt;"")</formula>
    </cfRule>
    <cfRule type="expression" dxfId="9604" priority="12186">
      <formula>AND(Y$390="",Y$391="")</formula>
    </cfRule>
  </conditionalFormatting>
  <conditionalFormatting sqref="Z390:Z391">
    <cfRule type="expression" dxfId="9603" priority="12183">
      <formula>OR(Z$390&lt;&gt;"",Z$391&lt;&gt;"")</formula>
    </cfRule>
    <cfRule type="expression" dxfId="9602" priority="12184">
      <formula>AND(Z$390="",Z$391="")</formula>
    </cfRule>
  </conditionalFormatting>
  <conditionalFormatting sqref="Z392:Z467">
    <cfRule type="expression" dxfId="9601" priority="12181">
      <formula>OR(Z$390&lt;&gt;"",Z$391&lt;&gt;"")</formula>
    </cfRule>
    <cfRule type="expression" dxfId="9600" priority="12182">
      <formula>AND(Z$390="",Z$391="")</formula>
    </cfRule>
  </conditionalFormatting>
  <conditionalFormatting sqref="AA390:AA391">
    <cfRule type="expression" dxfId="9599" priority="12179">
      <formula>OR(AA$390&lt;&gt;"",AA$391&lt;&gt;"")</formula>
    </cfRule>
    <cfRule type="expression" dxfId="9598" priority="12180">
      <formula>AND(AA$390="",AA$391="")</formula>
    </cfRule>
  </conditionalFormatting>
  <conditionalFormatting sqref="AA392:AA467">
    <cfRule type="expression" dxfId="9597" priority="12177">
      <formula>OR(AA$390&lt;&gt;"",AA$391&lt;&gt;"")</formula>
    </cfRule>
    <cfRule type="expression" dxfId="9596" priority="12178">
      <formula>AND(AA$390="",AA$391="")</formula>
    </cfRule>
  </conditionalFormatting>
  <conditionalFormatting sqref="AB390:AB391">
    <cfRule type="expression" dxfId="9595" priority="12175">
      <formula>OR(AB$390&lt;&gt;"",AB$391&lt;&gt;"")</formula>
    </cfRule>
    <cfRule type="expression" dxfId="9594" priority="12176">
      <formula>AND(AB$390="",AB$391="")</formula>
    </cfRule>
  </conditionalFormatting>
  <conditionalFormatting sqref="AB392:AB467">
    <cfRule type="expression" dxfId="9593" priority="12173">
      <formula>OR(AB$390&lt;&gt;"",AB$391&lt;&gt;"")</formula>
    </cfRule>
    <cfRule type="expression" dxfId="9592" priority="12174">
      <formula>AND(AB$390="",AB$391="")</formula>
    </cfRule>
  </conditionalFormatting>
  <conditionalFormatting sqref="AC390:AC391">
    <cfRule type="expression" dxfId="9591" priority="12171">
      <formula>OR(AC$390&lt;&gt;"",AC$391&lt;&gt;"")</formula>
    </cfRule>
    <cfRule type="expression" dxfId="9590" priority="12172">
      <formula>AND(AC$390="",AC$391="")</formula>
    </cfRule>
  </conditionalFormatting>
  <conditionalFormatting sqref="AC392:AC467">
    <cfRule type="expression" dxfId="9589" priority="12169">
      <formula>OR(AC$390&lt;&gt;"",AC$391&lt;&gt;"")</formula>
    </cfRule>
    <cfRule type="expression" dxfId="9588" priority="12170">
      <formula>AND(AC$390="",AC$391="")</formula>
    </cfRule>
  </conditionalFormatting>
  <conditionalFormatting sqref="AD390:AD391">
    <cfRule type="expression" dxfId="9587" priority="12167">
      <formula>OR(AD$390&lt;&gt;"",AD$391&lt;&gt;"")</formula>
    </cfRule>
    <cfRule type="expression" dxfId="9586" priority="12168">
      <formula>AND(AD$390="",AD$391="")</formula>
    </cfRule>
  </conditionalFormatting>
  <conditionalFormatting sqref="AD392:AD467">
    <cfRule type="expression" dxfId="9585" priority="12165">
      <formula>OR(AD$390&lt;&gt;"",AD$391&lt;&gt;"")</formula>
    </cfRule>
    <cfRule type="expression" dxfId="9584" priority="12166">
      <formula>AND(AD$390="",AD$391="")</formula>
    </cfRule>
  </conditionalFormatting>
  <conditionalFormatting sqref="AE390:AE391">
    <cfRule type="expression" dxfId="9583" priority="12163">
      <formula>OR(AE$390&lt;&gt;"",AE$391&lt;&gt;"")</formula>
    </cfRule>
    <cfRule type="expression" dxfId="9582" priority="12164">
      <formula>AND(AE$390="",AE$391="")</formula>
    </cfRule>
  </conditionalFormatting>
  <conditionalFormatting sqref="AE392:AE467">
    <cfRule type="expression" dxfId="9581" priority="12161">
      <formula>OR(AE$390&lt;&gt;"",AE$391&lt;&gt;"")</formula>
    </cfRule>
    <cfRule type="expression" dxfId="9580" priority="12162">
      <formula>AND(AE$390="",AE$391="")</formula>
    </cfRule>
  </conditionalFormatting>
  <conditionalFormatting sqref="AF390:AF391">
    <cfRule type="expression" dxfId="9579" priority="12159">
      <formula>OR(AF$390&lt;&gt;"",AF$391&lt;&gt;"")</formula>
    </cfRule>
    <cfRule type="expression" dxfId="9578" priority="12160">
      <formula>AND(AF$390="",AF$391="")</formula>
    </cfRule>
  </conditionalFormatting>
  <conditionalFormatting sqref="AF392:AF467">
    <cfRule type="expression" dxfId="9577" priority="12157">
      <formula>OR(AF$390&lt;&gt;"",AF$391&lt;&gt;"")</formula>
    </cfRule>
    <cfRule type="expression" dxfId="9576" priority="12158">
      <formula>AND(AF$390="",AF$391="")</formula>
    </cfRule>
  </conditionalFormatting>
  <conditionalFormatting sqref="AG390:AG391">
    <cfRule type="expression" dxfId="9575" priority="12155">
      <formula>OR(AG$390&lt;&gt;"",AG$391&lt;&gt;"")</formula>
    </cfRule>
    <cfRule type="expression" dxfId="9574" priority="12156">
      <formula>AND(AG$390="",AG$391="")</formula>
    </cfRule>
  </conditionalFormatting>
  <conditionalFormatting sqref="AG392:AG467">
    <cfRule type="expression" dxfId="9573" priority="12153">
      <formula>OR(AG$390&lt;&gt;"",AG$391&lt;&gt;"")</formula>
    </cfRule>
    <cfRule type="expression" dxfId="9572" priority="12154">
      <formula>AND(AG$390="",AG$391="")</formula>
    </cfRule>
  </conditionalFormatting>
  <conditionalFormatting sqref="AH390:AH391">
    <cfRule type="expression" dxfId="9571" priority="12151">
      <formula>OR(AH$390&lt;&gt;"",AH$391&lt;&gt;"")</formula>
    </cfRule>
    <cfRule type="expression" dxfId="9570" priority="12152">
      <formula>AND(AH$390="",AH$391="")</formula>
    </cfRule>
  </conditionalFormatting>
  <conditionalFormatting sqref="AH392:AH467">
    <cfRule type="expression" dxfId="9569" priority="12149">
      <formula>OR(AH$390&lt;&gt;"",AH$391&lt;&gt;"")</formula>
    </cfRule>
    <cfRule type="expression" dxfId="9568" priority="12150">
      <formula>AND(AH$390="",AH$391="")</formula>
    </cfRule>
  </conditionalFormatting>
  <conditionalFormatting sqref="AI390:AI391">
    <cfRule type="expression" dxfId="9567" priority="12147">
      <formula>OR(AI$390&lt;&gt;"",AI$391&lt;&gt;"")</formula>
    </cfRule>
    <cfRule type="expression" dxfId="9566" priority="12148">
      <formula>AND(AI$390="",AI$391="")</formula>
    </cfRule>
  </conditionalFormatting>
  <conditionalFormatting sqref="AI392:AI467">
    <cfRule type="expression" dxfId="9565" priority="12145">
      <formula>OR(AI$390&lt;&gt;"",AI$391&lt;&gt;"")</formula>
    </cfRule>
    <cfRule type="expression" dxfId="9564" priority="12146">
      <formula>AND(AI$390="",AI$391="")</formula>
    </cfRule>
  </conditionalFormatting>
  <conditionalFormatting sqref="AJ390:AJ391">
    <cfRule type="expression" dxfId="9563" priority="12143">
      <formula>OR(AJ$390&lt;&gt;"",AJ$391&lt;&gt;"")</formula>
    </cfRule>
    <cfRule type="expression" dxfId="9562" priority="12144">
      <formula>AND(AJ$390="",AJ$391="")</formula>
    </cfRule>
  </conditionalFormatting>
  <conditionalFormatting sqref="AJ392:AJ467">
    <cfRule type="expression" dxfId="9561" priority="12141">
      <formula>OR(AJ$390&lt;&gt;"",AJ$391&lt;&gt;"")</formula>
    </cfRule>
    <cfRule type="expression" dxfId="9560" priority="12142">
      <formula>AND(AJ$390="",AJ$391="")</formula>
    </cfRule>
  </conditionalFormatting>
  <conditionalFormatting sqref="AK390:AK391">
    <cfRule type="expression" dxfId="9559" priority="12139">
      <formula>OR(AK$390&lt;&gt;"",AK$391&lt;&gt;"")</formula>
    </cfRule>
    <cfRule type="expression" dxfId="9558" priority="12140">
      <formula>AND(AK$390="",AK$391="")</formula>
    </cfRule>
  </conditionalFormatting>
  <conditionalFormatting sqref="AK392:AK467">
    <cfRule type="expression" dxfId="9557" priority="12137">
      <formula>OR(AK$390&lt;&gt;"",AK$391&lt;&gt;"")</formula>
    </cfRule>
    <cfRule type="expression" dxfId="9556" priority="12138">
      <formula>AND(AK$390="",AK$391="")</formula>
    </cfRule>
  </conditionalFormatting>
  <conditionalFormatting sqref="AL390:AL391">
    <cfRule type="expression" dxfId="9555" priority="12135">
      <formula>OR(AL$390&lt;&gt;"",AL$391&lt;&gt;"")</formula>
    </cfRule>
    <cfRule type="expression" dxfId="9554" priority="12136">
      <formula>AND(AL$390="",AL$391="")</formula>
    </cfRule>
  </conditionalFormatting>
  <conditionalFormatting sqref="AL392:AL467">
    <cfRule type="expression" dxfId="9553" priority="12133">
      <formula>OR(AL$390&lt;&gt;"",AL$391&lt;&gt;"")</formula>
    </cfRule>
    <cfRule type="expression" dxfId="9552" priority="12134">
      <formula>AND(AL$390="",AL$391="")</formula>
    </cfRule>
  </conditionalFormatting>
  <conditionalFormatting sqref="AM390:AM391">
    <cfRule type="expression" dxfId="9551" priority="12131">
      <formula>OR(AM$390&lt;&gt;"",AM$391&lt;&gt;"")</formula>
    </cfRule>
    <cfRule type="expression" dxfId="9550" priority="12132">
      <formula>AND(AM$390="",AM$391="")</formula>
    </cfRule>
  </conditionalFormatting>
  <conditionalFormatting sqref="AM392:AM467">
    <cfRule type="expression" dxfId="9549" priority="12129">
      <formula>OR(AM$390&lt;&gt;"",AM$391&lt;&gt;"")</formula>
    </cfRule>
    <cfRule type="expression" dxfId="9548" priority="12130">
      <formula>AND(AM$390="",AM$391="")</formula>
    </cfRule>
  </conditionalFormatting>
  <conditionalFormatting sqref="AN390:AN391">
    <cfRule type="expression" dxfId="9547" priority="12127">
      <formula>OR(AN$390&lt;&gt;"",AN$391&lt;&gt;"")</formula>
    </cfRule>
    <cfRule type="expression" dxfId="9546" priority="12128">
      <formula>AND(AN$390="",AN$391="")</formula>
    </cfRule>
  </conditionalFormatting>
  <conditionalFormatting sqref="AN392:AN467">
    <cfRule type="expression" dxfId="9545" priority="12125">
      <formula>OR(AN$390&lt;&gt;"",AN$391&lt;&gt;"")</formula>
    </cfRule>
    <cfRule type="expression" dxfId="9544" priority="12126">
      <formula>AND(AN$390="",AN$391="")</formula>
    </cfRule>
  </conditionalFormatting>
  <conditionalFormatting sqref="AO390:AO391">
    <cfRule type="expression" dxfId="9543" priority="12123">
      <formula>OR(AO$390&lt;&gt;"",AO$391&lt;&gt;"")</formula>
    </cfRule>
    <cfRule type="expression" dxfId="9542" priority="12124">
      <formula>AND(AO$390="",AO$391="")</formula>
    </cfRule>
  </conditionalFormatting>
  <conditionalFormatting sqref="AO392:AO467">
    <cfRule type="expression" dxfId="9541" priority="12121">
      <formula>OR(AO$390&lt;&gt;"",AO$391&lt;&gt;"")</formula>
    </cfRule>
    <cfRule type="expression" dxfId="9540" priority="12122">
      <formula>AND(AO$390="",AO$391="")</formula>
    </cfRule>
  </conditionalFormatting>
  <conditionalFormatting sqref="AP390:AP391">
    <cfRule type="expression" dxfId="9539" priority="12119">
      <formula>OR(AP$390&lt;&gt;"",AP$391&lt;&gt;"")</formula>
    </cfRule>
    <cfRule type="expression" dxfId="9538" priority="12120">
      <formula>AND(AP$390="",AP$391="")</formula>
    </cfRule>
  </conditionalFormatting>
  <conditionalFormatting sqref="AP392:AP467">
    <cfRule type="expression" dxfId="9537" priority="12117">
      <formula>OR(AP$390&lt;&gt;"",AP$391&lt;&gt;"")</formula>
    </cfRule>
    <cfRule type="expression" dxfId="9536" priority="12118">
      <formula>AND(AP$390="",AP$391="")</formula>
    </cfRule>
  </conditionalFormatting>
  <conditionalFormatting sqref="AQ390:AQ391">
    <cfRule type="expression" dxfId="9535" priority="12115">
      <formula>OR(AQ$390&lt;&gt;"",AQ$391&lt;&gt;"")</formula>
    </cfRule>
    <cfRule type="expression" dxfId="9534" priority="12116">
      <formula>AND(AQ$390="",AQ$391="")</formula>
    </cfRule>
  </conditionalFormatting>
  <conditionalFormatting sqref="AQ392:AQ467">
    <cfRule type="expression" dxfId="9533" priority="12113">
      <formula>OR(AQ$390&lt;&gt;"",AQ$391&lt;&gt;"")</formula>
    </cfRule>
    <cfRule type="expression" dxfId="9532" priority="12114">
      <formula>AND(AQ$390="",AQ$391="")</formula>
    </cfRule>
  </conditionalFormatting>
  <conditionalFormatting sqref="AR390:AR391">
    <cfRule type="expression" dxfId="9531" priority="12111">
      <formula>OR(AR$390&lt;&gt;"",AR$391&lt;&gt;"")</formula>
    </cfRule>
    <cfRule type="expression" dxfId="9530" priority="12112">
      <formula>AND(AR$390="",AR$391="")</formula>
    </cfRule>
  </conditionalFormatting>
  <conditionalFormatting sqref="AR392:AR467">
    <cfRule type="expression" dxfId="9529" priority="12109">
      <formula>OR(AR$390&lt;&gt;"",AR$391&lt;&gt;"")</formula>
    </cfRule>
    <cfRule type="expression" dxfId="9528" priority="12110">
      <formula>AND(AR$390="",AR$391="")</formula>
    </cfRule>
  </conditionalFormatting>
  <conditionalFormatting sqref="AS390:AS391">
    <cfRule type="expression" dxfId="9527" priority="12107">
      <formula>OR(AS$390&lt;&gt;"",AS$391&lt;&gt;"")</formula>
    </cfRule>
    <cfRule type="expression" dxfId="9526" priority="12108">
      <formula>AND(AS$390="",AS$391="")</formula>
    </cfRule>
  </conditionalFormatting>
  <conditionalFormatting sqref="AS392:AS467">
    <cfRule type="expression" dxfId="9525" priority="12105">
      <formula>OR(AS$390&lt;&gt;"",AS$391&lt;&gt;"")</formula>
    </cfRule>
    <cfRule type="expression" dxfId="9524" priority="12106">
      <formula>AND(AS$390="",AS$391="")</formula>
    </cfRule>
  </conditionalFormatting>
  <conditionalFormatting sqref="AT390:AT391">
    <cfRule type="expression" dxfId="9523" priority="12103">
      <formula>OR(AT$390&lt;&gt;"",AT$391&lt;&gt;"")</formula>
    </cfRule>
    <cfRule type="expression" dxfId="9522" priority="12104">
      <formula>AND(AT$390="",AT$391="")</formula>
    </cfRule>
  </conditionalFormatting>
  <conditionalFormatting sqref="AT392:AT467">
    <cfRule type="expression" dxfId="9521" priority="12101">
      <formula>OR(AT$390&lt;&gt;"",AT$391&lt;&gt;"")</formula>
    </cfRule>
    <cfRule type="expression" dxfId="9520" priority="12102">
      <formula>AND(AT$390="",AT$391="")</formula>
    </cfRule>
  </conditionalFormatting>
  <conditionalFormatting sqref="AU390:AU391">
    <cfRule type="expression" dxfId="9519" priority="12099">
      <formula>OR(AU$390&lt;&gt;"",AU$391&lt;&gt;"")</formula>
    </cfRule>
    <cfRule type="expression" dxfId="9518" priority="12100">
      <formula>AND(AU$390="",AU$391="")</formula>
    </cfRule>
  </conditionalFormatting>
  <conditionalFormatting sqref="AU392:AU467">
    <cfRule type="expression" dxfId="9517" priority="12097">
      <formula>OR(AU$390&lt;&gt;"",AU$391&lt;&gt;"")</formula>
    </cfRule>
    <cfRule type="expression" dxfId="9516" priority="12098">
      <formula>AND(AU$390="",AU$391="")</formula>
    </cfRule>
  </conditionalFormatting>
  <conditionalFormatting sqref="AV390:AV391">
    <cfRule type="expression" dxfId="9515" priority="12095">
      <formula>OR(AV$390&lt;&gt;"",AV$391&lt;&gt;"")</formula>
    </cfRule>
    <cfRule type="expression" dxfId="9514" priority="12096">
      <formula>AND(AV$390="",AV$391="")</formula>
    </cfRule>
  </conditionalFormatting>
  <conditionalFormatting sqref="AV392:AV467">
    <cfRule type="expression" dxfId="9513" priority="12093">
      <formula>OR(AV$390&lt;&gt;"",AV$391&lt;&gt;"")</formula>
    </cfRule>
    <cfRule type="expression" dxfId="9512" priority="12094">
      <formula>AND(AV$390="",AV$391="")</formula>
    </cfRule>
  </conditionalFormatting>
  <conditionalFormatting sqref="AW390:AW391">
    <cfRule type="expression" dxfId="9511" priority="12091">
      <formula>OR(AW$390&lt;&gt;"",AW$391&lt;&gt;"")</formula>
    </cfRule>
    <cfRule type="expression" dxfId="9510" priority="12092">
      <formula>AND(AW$390="",AW$391="")</formula>
    </cfRule>
  </conditionalFormatting>
  <conditionalFormatting sqref="AW392:AW467">
    <cfRule type="expression" dxfId="9509" priority="12089">
      <formula>OR(AW$390&lt;&gt;"",AW$391&lt;&gt;"")</formula>
    </cfRule>
    <cfRule type="expression" dxfId="9508" priority="12090">
      <formula>AND(AW$390="",AW$391="")</formula>
    </cfRule>
  </conditionalFormatting>
  <conditionalFormatting sqref="AX390:AX391">
    <cfRule type="expression" dxfId="9507" priority="12087">
      <formula>OR(AX$390&lt;&gt;"",AX$391&lt;&gt;"")</formula>
    </cfRule>
    <cfRule type="expression" dxfId="9506" priority="12088">
      <formula>AND(AX$390="",AX$391="")</formula>
    </cfRule>
  </conditionalFormatting>
  <conditionalFormatting sqref="AX392:AX467">
    <cfRule type="expression" dxfId="9505" priority="12085">
      <formula>OR(AX$390&lt;&gt;"",AX$391&lt;&gt;"")</formula>
    </cfRule>
    <cfRule type="expression" dxfId="9504" priority="12086">
      <formula>AND(AX$390="",AX$391="")</formula>
    </cfRule>
  </conditionalFormatting>
  <conditionalFormatting sqref="AY390:AY391">
    <cfRule type="expression" dxfId="9503" priority="12083">
      <formula>OR(AY$390&lt;&gt;"",AY$391&lt;&gt;"")</formula>
    </cfRule>
    <cfRule type="expression" dxfId="9502" priority="12084">
      <formula>AND(AY$390="",AY$391="")</formula>
    </cfRule>
  </conditionalFormatting>
  <conditionalFormatting sqref="AY392:AY467">
    <cfRule type="expression" dxfId="9501" priority="12081">
      <formula>OR(AY$390&lt;&gt;"",AY$391&lt;&gt;"")</formula>
    </cfRule>
    <cfRule type="expression" dxfId="9500" priority="12082">
      <formula>AND(AY$390="",AY$391="")</formula>
    </cfRule>
  </conditionalFormatting>
  <conditionalFormatting sqref="AZ390:AZ391">
    <cfRule type="expression" dxfId="9499" priority="12079">
      <formula>OR(AZ$390&lt;&gt;"",AZ$391&lt;&gt;"")</formula>
    </cfRule>
    <cfRule type="expression" dxfId="9498" priority="12080">
      <formula>AND(AZ$390="",AZ$391="")</formula>
    </cfRule>
  </conditionalFormatting>
  <conditionalFormatting sqref="AZ392:AZ467">
    <cfRule type="expression" dxfId="9497" priority="12077">
      <formula>OR(AZ$390&lt;&gt;"",AZ$391&lt;&gt;"")</formula>
    </cfRule>
    <cfRule type="expression" dxfId="9496" priority="12078">
      <formula>AND(AZ$390="",AZ$391="")</formula>
    </cfRule>
  </conditionalFormatting>
  <conditionalFormatting sqref="BA390:BA391">
    <cfRule type="expression" dxfId="9495" priority="12075">
      <formula>OR(BA$390&lt;&gt;"",BA$391&lt;&gt;"")</formula>
    </cfRule>
    <cfRule type="expression" dxfId="9494" priority="12076">
      <formula>AND(BA$390="",BA$391="")</formula>
    </cfRule>
  </conditionalFormatting>
  <conditionalFormatting sqref="BA392:BA467">
    <cfRule type="expression" dxfId="9493" priority="12073">
      <formula>OR(BA$390&lt;&gt;"",BA$391&lt;&gt;"")</formula>
    </cfRule>
    <cfRule type="expression" dxfId="9492" priority="12074">
      <formula>AND(BA$390="",BA$391="")</formula>
    </cfRule>
  </conditionalFormatting>
  <conditionalFormatting sqref="BB390:BB391">
    <cfRule type="expression" dxfId="9491" priority="12071">
      <formula>OR(BB$390&lt;&gt;"",BB$391&lt;&gt;"")</formula>
    </cfRule>
    <cfRule type="expression" dxfId="9490" priority="12072">
      <formula>AND(BB$390="",BB$391="")</formula>
    </cfRule>
  </conditionalFormatting>
  <conditionalFormatting sqref="BB392:BB467">
    <cfRule type="expression" dxfId="9489" priority="12069">
      <formula>OR(BB$390&lt;&gt;"",BB$391&lt;&gt;"")</formula>
    </cfRule>
    <cfRule type="expression" dxfId="9488" priority="12070">
      <formula>AND(BB$390="",BB$391="")</formula>
    </cfRule>
  </conditionalFormatting>
  <conditionalFormatting sqref="BC390:BC391">
    <cfRule type="expression" dxfId="9487" priority="12067">
      <formula>OR(BC$390&lt;&gt;"",BC$391&lt;&gt;"")</formula>
    </cfRule>
    <cfRule type="expression" dxfId="9486" priority="12068">
      <formula>AND(BC$390="",BC$391="")</formula>
    </cfRule>
  </conditionalFormatting>
  <conditionalFormatting sqref="BC392:BC467">
    <cfRule type="expression" dxfId="9485" priority="12065">
      <formula>OR(BC$390&lt;&gt;"",BC$391&lt;&gt;"")</formula>
    </cfRule>
    <cfRule type="expression" dxfId="9484" priority="12066">
      <formula>AND(BC$390="",BC$391="")</formula>
    </cfRule>
  </conditionalFormatting>
  <conditionalFormatting sqref="BD390:BD391">
    <cfRule type="expression" dxfId="9483" priority="12063">
      <formula>OR(BD$390&lt;&gt;"",BD$391&lt;&gt;"")</formula>
    </cfRule>
    <cfRule type="expression" dxfId="9482" priority="12064">
      <formula>AND(BD$390="",BD$391="")</formula>
    </cfRule>
  </conditionalFormatting>
  <conditionalFormatting sqref="BD392:BD467">
    <cfRule type="expression" dxfId="9481" priority="12061">
      <formula>OR(BD$390&lt;&gt;"",BD$391&lt;&gt;"")</formula>
    </cfRule>
    <cfRule type="expression" dxfId="9480" priority="12062">
      <formula>AND(BD$390="",BD$391="")</formula>
    </cfRule>
  </conditionalFormatting>
  <conditionalFormatting sqref="BE390:BE391">
    <cfRule type="expression" dxfId="9479" priority="12059">
      <formula>OR(BE$390&lt;&gt;"",BE$391&lt;&gt;"")</formula>
    </cfRule>
    <cfRule type="expression" dxfId="9478" priority="12060">
      <formula>AND(BE$390="",BE$391="")</formula>
    </cfRule>
  </conditionalFormatting>
  <conditionalFormatting sqref="BE392:BE467">
    <cfRule type="expression" dxfId="9477" priority="12057">
      <formula>OR(BE$390&lt;&gt;"",BE$391&lt;&gt;"")</formula>
    </cfRule>
    <cfRule type="expression" dxfId="9476" priority="12058">
      <formula>AND(BE$390="",BE$391="")</formula>
    </cfRule>
  </conditionalFormatting>
  <conditionalFormatting sqref="BF390:BF391">
    <cfRule type="expression" dxfId="9475" priority="12055">
      <formula>OR(BF$390&lt;&gt;"",BF$391&lt;&gt;"")</formula>
    </cfRule>
    <cfRule type="expression" dxfId="9474" priority="12056">
      <formula>AND(BF$390="",BF$391="")</formula>
    </cfRule>
  </conditionalFormatting>
  <conditionalFormatting sqref="BF392:BF467">
    <cfRule type="expression" dxfId="9473" priority="12053">
      <formula>OR(BF$390&lt;&gt;"",BF$391&lt;&gt;"")</formula>
    </cfRule>
    <cfRule type="expression" dxfId="9472" priority="12054">
      <formula>AND(BF$390="",BF$391="")</formula>
    </cfRule>
  </conditionalFormatting>
  <conditionalFormatting sqref="BG390:BG391">
    <cfRule type="expression" dxfId="9471" priority="12051">
      <formula>OR(BG$390&lt;&gt;"",BG$391&lt;&gt;"")</formula>
    </cfRule>
    <cfRule type="expression" dxfId="9470" priority="12052">
      <formula>AND(BG$390="",BG$391="")</formula>
    </cfRule>
  </conditionalFormatting>
  <conditionalFormatting sqref="BG392:BG467">
    <cfRule type="expression" dxfId="9469" priority="12049">
      <formula>OR(BG$390&lt;&gt;"",BG$391&lt;&gt;"")</formula>
    </cfRule>
    <cfRule type="expression" dxfId="9468" priority="12050">
      <formula>AND(BG$390="",BG$391="")</formula>
    </cfRule>
  </conditionalFormatting>
  <conditionalFormatting sqref="BH390:BH391">
    <cfRule type="expression" dxfId="9467" priority="12047">
      <formula>OR(BH$390&lt;&gt;"",BH$391&lt;&gt;"")</formula>
    </cfRule>
    <cfRule type="expression" dxfId="9466" priority="12048">
      <formula>AND(BH$390="",BH$391="")</formula>
    </cfRule>
  </conditionalFormatting>
  <conditionalFormatting sqref="BH392:BH467">
    <cfRule type="expression" dxfId="9465" priority="12045">
      <formula>OR(BH$390&lt;&gt;"",BH$391&lt;&gt;"")</formula>
    </cfRule>
    <cfRule type="expression" dxfId="9464" priority="12046">
      <formula>AND(BH$390="",BH$391="")</formula>
    </cfRule>
  </conditionalFormatting>
  <conditionalFormatting sqref="BI390:BI391">
    <cfRule type="expression" dxfId="9463" priority="12043">
      <formula>OR(BI$390&lt;&gt;"",BI$391&lt;&gt;"")</formula>
    </cfRule>
    <cfRule type="expression" dxfId="9462" priority="12044">
      <formula>AND(BI$390="",BI$391="")</formula>
    </cfRule>
  </conditionalFormatting>
  <conditionalFormatting sqref="BI392:BI467">
    <cfRule type="expression" dxfId="9461" priority="12041">
      <formula>OR(BI$390&lt;&gt;"",BI$391&lt;&gt;"")</formula>
    </cfRule>
    <cfRule type="expression" dxfId="9460" priority="12042">
      <formula>AND(BI$390="",BI$391="")</formula>
    </cfRule>
  </conditionalFormatting>
  <conditionalFormatting sqref="BJ390:BJ391">
    <cfRule type="expression" dxfId="9459" priority="12039">
      <formula>OR(BJ$390&lt;&gt;"",BJ$391&lt;&gt;"")</formula>
    </cfRule>
    <cfRule type="expression" dxfId="9458" priority="12040">
      <formula>AND(BJ$390="",BJ$391="")</formula>
    </cfRule>
  </conditionalFormatting>
  <conditionalFormatting sqref="BJ392:BJ467">
    <cfRule type="expression" dxfId="9457" priority="12037">
      <formula>OR(BJ$390&lt;&gt;"",BJ$391&lt;&gt;"")</formula>
    </cfRule>
    <cfRule type="expression" dxfId="9456" priority="12038">
      <formula>AND(BJ$390="",BJ$391="")</formula>
    </cfRule>
  </conditionalFormatting>
  <conditionalFormatting sqref="BK390:BK391">
    <cfRule type="expression" dxfId="9455" priority="12035">
      <formula>OR(BK$390&lt;&gt;"",BK$391&lt;&gt;"")</formula>
    </cfRule>
    <cfRule type="expression" dxfId="9454" priority="12036">
      <formula>AND(BK$390="",BK$391="")</formula>
    </cfRule>
  </conditionalFormatting>
  <conditionalFormatting sqref="BK392:BK467">
    <cfRule type="expression" dxfId="9453" priority="12033">
      <formula>OR(BK$390&lt;&gt;"",BK$391&lt;&gt;"")</formula>
    </cfRule>
    <cfRule type="expression" dxfId="9452" priority="12034">
      <formula>AND(BK$390="",BK$391="")</formula>
    </cfRule>
  </conditionalFormatting>
  <conditionalFormatting sqref="BL390:BL391">
    <cfRule type="expression" dxfId="9451" priority="12031">
      <formula>OR(BL$390&lt;&gt;"",BL$391&lt;&gt;"")</formula>
    </cfRule>
    <cfRule type="expression" dxfId="9450" priority="12032">
      <formula>AND(BL$390="",BL$391="")</formula>
    </cfRule>
  </conditionalFormatting>
  <conditionalFormatting sqref="BL392:BL467">
    <cfRule type="expression" dxfId="9449" priority="12029">
      <formula>OR(BL$390&lt;&gt;"",BL$391&lt;&gt;"")</formula>
    </cfRule>
    <cfRule type="expression" dxfId="9448" priority="12030">
      <formula>AND(BL$390="",BL$391="")</formula>
    </cfRule>
  </conditionalFormatting>
  <conditionalFormatting sqref="BM390:BM391">
    <cfRule type="expression" dxfId="9447" priority="12027">
      <formula>OR(BM$390&lt;&gt;"",BM$391&lt;&gt;"")</formula>
    </cfRule>
    <cfRule type="expression" dxfId="9446" priority="12028">
      <formula>AND(BM$390="",BM$391="")</formula>
    </cfRule>
  </conditionalFormatting>
  <conditionalFormatting sqref="BM392:BM467">
    <cfRule type="expression" dxfId="9445" priority="12025">
      <formula>OR(BM$390&lt;&gt;"",BM$391&lt;&gt;"")</formula>
    </cfRule>
    <cfRule type="expression" dxfId="9444" priority="12026">
      <formula>AND(BM$390="",BM$391="")</formula>
    </cfRule>
  </conditionalFormatting>
  <conditionalFormatting sqref="BN390:BN391">
    <cfRule type="expression" dxfId="9443" priority="12023">
      <formula>OR(BN$390&lt;&gt;"",BN$391&lt;&gt;"")</formula>
    </cfRule>
    <cfRule type="expression" dxfId="9442" priority="12024">
      <formula>AND(BN$390="",BN$391="")</formula>
    </cfRule>
  </conditionalFormatting>
  <conditionalFormatting sqref="BN392:BN467">
    <cfRule type="expression" dxfId="9441" priority="12021">
      <formula>OR(BN$390&lt;&gt;"",BN$391&lt;&gt;"")</formula>
    </cfRule>
    <cfRule type="expression" dxfId="9440" priority="12022">
      <formula>AND(BN$390="",BN$391="")</formula>
    </cfRule>
  </conditionalFormatting>
  <conditionalFormatting sqref="BO390:BO391">
    <cfRule type="expression" dxfId="9439" priority="12019">
      <formula>OR(BO$390&lt;&gt;"",BO$391&lt;&gt;"")</formula>
    </cfRule>
    <cfRule type="expression" dxfId="9438" priority="12020">
      <formula>AND(BO$390="",BO$391="")</formula>
    </cfRule>
  </conditionalFormatting>
  <conditionalFormatting sqref="BO392:BO467">
    <cfRule type="expression" dxfId="9437" priority="12017">
      <formula>OR(BO$390&lt;&gt;"",BO$391&lt;&gt;"")</formula>
    </cfRule>
    <cfRule type="expression" dxfId="9436" priority="12018">
      <formula>AND(BO$390="",BO$391="")</formula>
    </cfRule>
  </conditionalFormatting>
  <conditionalFormatting sqref="BP390:BP391">
    <cfRule type="expression" dxfId="9435" priority="12015">
      <formula>OR(BP$390&lt;&gt;"",BP$391&lt;&gt;"")</formula>
    </cfRule>
    <cfRule type="expression" dxfId="9434" priority="12016">
      <formula>AND(BP$390="",BP$391="")</formula>
    </cfRule>
  </conditionalFormatting>
  <conditionalFormatting sqref="BP392:BP467">
    <cfRule type="expression" dxfId="9433" priority="12013">
      <formula>OR(BP$390&lt;&gt;"",BP$391&lt;&gt;"")</formula>
    </cfRule>
    <cfRule type="expression" dxfId="9432" priority="12014">
      <formula>AND(BP$390="",BP$391="")</formula>
    </cfRule>
  </conditionalFormatting>
  <conditionalFormatting sqref="BQ390:BQ391">
    <cfRule type="expression" dxfId="9431" priority="12011">
      <formula>OR(BQ$390&lt;&gt;"",BQ$391&lt;&gt;"")</formula>
    </cfRule>
    <cfRule type="expression" dxfId="9430" priority="12012">
      <formula>AND(BQ$390="",BQ$391="")</formula>
    </cfRule>
  </conditionalFormatting>
  <conditionalFormatting sqref="BQ392:BQ467">
    <cfRule type="expression" dxfId="9429" priority="12009">
      <formula>OR(BQ$390&lt;&gt;"",BQ$391&lt;&gt;"")</formula>
    </cfRule>
    <cfRule type="expression" dxfId="9428" priority="12010">
      <formula>AND(BQ$390="",BQ$391="")</formula>
    </cfRule>
  </conditionalFormatting>
  <conditionalFormatting sqref="BR390:BR391">
    <cfRule type="expression" dxfId="9427" priority="12007">
      <formula>OR(BR$390&lt;&gt;"",BR$391&lt;&gt;"")</formula>
    </cfRule>
    <cfRule type="expression" dxfId="9426" priority="12008">
      <formula>AND(BR$390="",BR$391="")</formula>
    </cfRule>
  </conditionalFormatting>
  <conditionalFormatting sqref="BR392:BR467">
    <cfRule type="expression" dxfId="9425" priority="12005">
      <formula>OR(BR$390&lt;&gt;"",BR$391&lt;&gt;"")</formula>
    </cfRule>
    <cfRule type="expression" dxfId="9424" priority="12006">
      <formula>AND(BR$390="",BR$391="")</formula>
    </cfRule>
  </conditionalFormatting>
  <conditionalFormatting sqref="BS390:BS391">
    <cfRule type="expression" dxfId="9423" priority="12003">
      <formula>OR(BS$390&lt;&gt;"",BS$391&lt;&gt;"")</formula>
    </cfRule>
    <cfRule type="expression" dxfId="9422" priority="12004">
      <formula>AND(BS$390="",BS$391="")</formula>
    </cfRule>
  </conditionalFormatting>
  <conditionalFormatting sqref="BS392:BS467">
    <cfRule type="expression" dxfId="9421" priority="12001">
      <formula>OR(BS$390&lt;&gt;"",BS$391&lt;&gt;"")</formula>
    </cfRule>
    <cfRule type="expression" dxfId="9420" priority="12002">
      <formula>AND(BS$390="",BS$391="")</formula>
    </cfRule>
  </conditionalFormatting>
  <conditionalFormatting sqref="M473:M474">
    <cfRule type="expression" dxfId="9419" priority="11999">
      <formula>OR(M$473&lt;&gt;"",M$474&lt;&gt;"")</formula>
    </cfRule>
    <cfRule type="expression" dxfId="9418" priority="12000">
      <formula>AND(M$473="",M$474="")</formula>
    </cfRule>
  </conditionalFormatting>
  <conditionalFormatting sqref="N473:N474">
    <cfRule type="expression" dxfId="9417" priority="11997">
      <formula>OR(N$473&lt;&gt;"",N$474&lt;&gt;"")</formula>
    </cfRule>
    <cfRule type="expression" dxfId="9416" priority="11998">
      <formula>AND(N$473="",N$474="")</formula>
    </cfRule>
  </conditionalFormatting>
  <conditionalFormatting sqref="M475:M503">
    <cfRule type="expression" dxfId="9415" priority="11995">
      <formula>OR($M$473&lt;&gt;"",$M$474&lt;&gt;"")</formula>
    </cfRule>
    <cfRule type="expression" dxfId="9414" priority="11996">
      <formula>AND($M$473="",$M$474="")</formula>
    </cfRule>
  </conditionalFormatting>
  <conditionalFormatting sqref="N475:N503">
    <cfRule type="expression" dxfId="9413" priority="11993">
      <formula>OR(N$473&lt;&gt;"",N$474&lt;&gt;"")</formula>
    </cfRule>
    <cfRule type="expression" dxfId="9412" priority="11994">
      <formula>AND(N$473="",N$474="")</formula>
    </cfRule>
  </conditionalFormatting>
  <conditionalFormatting sqref="O475:O503">
    <cfRule type="expression" dxfId="9411" priority="11989">
      <formula>OR(O$473&lt;&gt;"",O$474&lt;&gt;"")</formula>
    </cfRule>
    <cfRule type="expression" dxfId="9410" priority="11990">
      <formula>AND(O$473="",O$474="")</formula>
    </cfRule>
  </conditionalFormatting>
  <conditionalFormatting sqref="P475:P503">
    <cfRule type="expression" dxfId="9409" priority="11985">
      <formula>OR(P$473&lt;&gt;"",P$474&lt;&gt;"")</formula>
    </cfRule>
    <cfRule type="expression" dxfId="9408" priority="11986">
      <formula>AND(P$473="",P$474="")</formula>
    </cfRule>
  </conditionalFormatting>
  <conditionalFormatting sqref="Q475:Q503">
    <cfRule type="expression" dxfId="9407" priority="11981">
      <formula>OR(Q$473&lt;&gt;"",Q$474&lt;&gt;"")</formula>
    </cfRule>
    <cfRule type="expression" dxfId="9406" priority="11982">
      <formula>AND(Q$473="",Q$474="")</formula>
    </cfRule>
  </conditionalFormatting>
  <conditionalFormatting sqref="R475:R503">
    <cfRule type="expression" dxfId="9405" priority="11977">
      <formula>OR(R$473&lt;&gt;"",R$474&lt;&gt;"")</formula>
    </cfRule>
    <cfRule type="expression" dxfId="9404" priority="11978">
      <formula>AND(R$473="",R$474="")</formula>
    </cfRule>
  </conditionalFormatting>
  <conditionalFormatting sqref="S475:S503">
    <cfRule type="expression" dxfId="9403" priority="11973">
      <formula>OR(S$473&lt;&gt;"",S$474&lt;&gt;"")</formula>
    </cfRule>
    <cfRule type="expression" dxfId="9402" priority="11974">
      <formula>AND(S$473="",S$474="")</formula>
    </cfRule>
  </conditionalFormatting>
  <conditionalFormatting sqref="T475:T503">
    <cfRule type="expression" dxfId="9401" priority="11969">
      <formula>OR(T$473&lt;&gt;"",T$474&lt;&gt;"")</formula>
    </cfRule>
    <cfRule type="expression" dxfId="9400" priority="11970">
      <formula>AND(T$473="",T$474="")</formula>
    </cfRule>
  </conditionalFormatting>
  <conditionalFormatting sqref="U475:U503">
    <cfRule type="expression" dxfId="9399" priority="11965">
      <formula>OR(U$473&lt;&gt;"",U$474&lt;&gt;"")</formula>
    </cfRule>
    <cfRule type="expression" dxfId="9398" priority="11966">
      <formula>AND(U$473="",U$474="")</formula>
    </cfRule>
  </conditionalFormatting>
  <conditionalFormatting sqref="V475:V503">
    <cfRule type="expression" dxfId="9397" priority="11961">
      <formula>OR(V$473&lt;&gt;"",V$474&lt;&gt;"")</formula>
    </cfRule>
    <cfRule type="expression" dxfId="9396" priority="11962">
      <formula>AND(V$473="",V$474="")</formula>
    </cfRule>
  </conditionalFormatting>
  <conditionalFormatting sqref="W475:W503">
    <cfRule type="expression" dxfId="9395" priority="11957">
      <formula>OR(W$473&lt;&gt;"",W$474&lt;&gt;"")</formula>
    </cfRule>
    <cfRule type="expression" dxfId="9394" priority="11958">
      <formula>AND(W$473="",W$474="")</formula>
    </cfRule>
  </conditionalFormatting>
  <conditionalFormatting sqref="X475:X503">
    <cfRule type="expression" dxfId="9393" priority="11953">
      <formula>OR(X$473&lt;&gt;"",X$474&lt;&gt;"")</formula>
    </cfRule>
    <cfRule type="expression" dxfId="9392" priority="11954">
      <formula>AND(X$473="",X$474="")</formula>
    </cfRule>
  </conditionalFormatting>
  <conditionalFormatting sqref="Y475:Y503">
    <cfRule type="expression" dxfId="9391" priority="11949">
      <formula>OR(Y$473&lt;&gt;"",Y$474&lt;&gt;"")</formula>
    </cfRule>
    <cfRule type="expression" dxfId="9390" priority="11950">
      <formula>AND(Y$473="",Y$474="")</formula>
    </cfRule>
  </conditionalFormatting>
  <conditionalFormatting sqref="Z475:Z503">
    <cfRule type="expression" dxfId="9389" priority="11945">
      <formula>OR(Z$473&lt;&gt;"",Z$474&lt;&gt;"")</formula>
    </cfRule>
    <cfRule type="expression" dxfId="9388" priority="11946">
      <formula>AND(Z$473="",Z$474="")</formula>
    </cfRule>
  </conditionalFormatting>
  <conditionalFormatting sqref="AA475:AA503">
    <cfRule type="expression" dxfId="9387" priority="11941">
      <formula>OR(AA$473&lt;&gt;"",AA$474&lt;&gt;"")</formula>
    </cfRule>
    <cfRule type="expression" dxfId="9386" priority="11942">
      <formula>AND(AA$473="",AA$474="")</formula>
    </cfRule>
  </conditionalFormatting>
  <conditionalFormatting sqref="AB475:AB503">
    <cfRule type="expression" dxfId="9385" priority="11937">
      <formula>OR(AB$473&lt;&gt;"",AB$474&lt;&gt;"")</formula>
    </cfRule>
    <cfRule type="expression" dxfId="9384" priority="11938">
      <formula>AND(AB$473="",AB$474="")</formula>
    </cfRule>
  </conditionalFormatting>
  <conditionalFormatting sqref="AC475:AC503">
    <cfRule type="expression" dxfId="9383" priority="11933">
      <formula>OR(AC$473&lt;&gt;"",AC$474&lt;&gt;"")</formula>
    </cfRule>
    <cfRule type="expression" dxfId="9382" priority="11934">
      <formula>AND(AC$473="",AC$474="")</formula>
    </cfRule>
  </conditionalFormatting>
  <conditionalFormatting sqref="AD475:AD503">
    <cfRule type="expression" dxfId="9381" priority="11929">
      <formula>OR(AD$473&lt;&gt;"",AD$474&lt;&gt;"")</formula>
    </cfRule>
    <cfRule type="expression" dxfId="9380" priority="11930">
      <formula>AND(AD$473="",AD$474="")</formula>
    </cfRule>
  </conditionalFormatting>
  <conditionalFormatting sqref="AE475:AE503">
    <cfRule type="expression" dxfId="9379" priority="11925">
      <formula>OR(AE$473&lt;&gt;"",AE$474&lt;&gt;"")</formula>
    </cfRule>
    <cfRule type="expression" dxfId="9378" priority="11926">
      <formula>AND(AE$473="",AE$474="")</formula>
    </cfRule>
  </conditionalFormatting>
  <conditionalFormatting sqref="AF475:AF503">
    <cfRule type="expression" dxfId="9377" priority="11921">
      <formula>OR(AF$473&lt;&gt;"",AF$474&lt;&gt;"")</formula>
    </cfRule>
    <cfRule type="expression" dxfId="9376" priority="11922">
      <formula>AND(AF$473="",AF$474="")</formula>
    </cfRule>
  </conditionalFormatting>
  <conditionalFormatting sqref="AG475:AG503">
    <cfRule type="expression" dxfId="9375" priority="11917">
      <formula>OR(AG$473&lt;&gt;"",AG$474&lt;&gt;"")</formula>
    </cfRule>
    <cfRule type="expression" dxfId="9374" priority="11918">
      <formula>AND(AG$473="",AG$474="")</formula>
    </cfRule>
  </conditionalFormatting>
  <conditionalFormatting sqref="AH475:AH503">
    <cfRule type="expression" dxfId="9373" priority="11913">
      <formula>OR(AH$473&lt;&gt;"",AH$474&lt;&gt;"")</formula>
    </cfRule>
    <cfRule type="expression" dxfId="9372" priority="11914">
      <formula>AND(AH$473="",AH$474="")</formula>
    </cfRule>
  </conditionalFormatting>
  <conditionalFormatting sqref="AI475:AI503">
    <cfRule type="expression" dxfId="9371" priority="11909">
      <formula>OR(AI$473&lt;&gt;"",AI$474&lt;&gt;"")</formula>
    </cfRule>
    <cfRule type="expression" dxfId="9370" priority="11910">
      <formula>AND(AI$473="",AI$474="")</formula>
    </cfRule>
  </conditionalFormatting>
  <conditionalFormatting sqref="AJ475:AJ503">
    <cfRule type="expression" dxfId="9369" priority="11905">
      <formula>OR(AJ$473&lt;&gt;"",AJ$474&lt;&gt;"")</formula>
    </cfRule>
    <cfRule type="expression" dxfId="9368" priority="11906">
      <formula>AND(AJ$473="",AJ$474="")</formula>
    </cfRule>
  </conditionalFormatting>
  <conditionalFormatting sqref="AK475:AK503">
    <cfRule type="expression" dxfId="9367" priority="11901">
      <formula>OR(AK$473&lt;&gt;"",AK$474&lt;&gt;"")</formula>
    </cfRule>
    <cfRule type="expression" dxfId="9366" priority="11902">
      <formula>AND(AK$473="",AK$474="")</formula>
    </cfRule>
  </conditionalFormatting>
  <conditionalFormatting sqref="AL475:AL503">
    <cfRule type="expression" dxfId="9365" priority="11897">
      <formula>OR(AL$473&lt;&gt;"",AL$474&lt;&gt;"")</formula>
    </cfRule>
    <cfRule type="expression" dxfId="9364" priority="11898">
      <formula>AND(AL$473="",AL$474="")</formula>
    </cfRule>
  </conditionalFormatting>
  <conditionalFormatting sqref="AM475:AM503">
    <cfRule type="expression" dxfId="9363" priority="11893">
      <formula>OR(AM$473&lt;&gt;"",AM$474&lt;&gt;"")</formula>
    </cfRule>
    <cfRule type="expression" dxfId="9362" priority="11894">
      <formula>AND(AM$473="",AM$474="")</formula>
    </cfRule>
  </conditionalFormatting>
  <conditionalFormatting sqref="AN475:AN503">
    <cfRule type="expression" dxfId="9361" priority="11889">
      <formula>OR(AN$473&lt;&gt;"",AN$474&lt;&gt;"")</formula>
    </cfRule>
    <cfRule type="expression" dxfId="9360" priority="11890">
      <formula>AND(AN$473="",AN$474="")</formula>
    </cfRule>
  </conditionalFormatting>
  <conditionalFormatting sqref="AO475:AO503">
    <cfRule type="expression" dxfId="9359" priority="11885">
      <formula>OR(AO$473&lt;&gt;"",AO$474&lt;&gt;"")</formula>
    </cfRule>
    <cfRule type="expression" dxfId="9358" priority="11886">
      <formula>AND(AO$473="",AO$474="")</formula>
    </cfRule>
  </conditionalFormatting>
  <conditionalFormatting sqref="AP475:AP503">
    <cfRule type="expression" dxfId="9357" priority="11881">
      <formula>OR(AP$473&lt;&gt;"",AP$474&lt;&gt;"")</formula>
    </cfRule>
    <cfRule type="expression" dxfId="9356" priority="11882">
      <formula>AND(AP$473="",AP$474="")</formula>
    </cfRule>
  </conditionalFormatting>
  <conditionalFormatting sqref="AQ475:AQ503">
    <cfRule type="expression" dxfId="9355" priority="11877">
      <formula>OR(AQ$473&lt;&gt;"",AQ$474&lt;&gt;"")</formula>
    </cfRule>
    <cfRule type="expression" dxfId="9354" priority="11878">
      <formula>AND(AQ$473="",AQ$474="")</formula>
    </cfRule>
  </conditionalFormatting>
  <conditionalFormatting sqref="AR475:AR503">
    <cfRule type="expression" dxfId="9353" priority="11873">
      <formula>OR(AR$473&lt;&gt;"",AR$474&lt;&gt;"")</formula>
    </cfRule>
    <cfRule type="expression" dxfId="9352" priority="11874">
      <formula>AND(AR$473="",AR$474="")</formula>
    </cfRule>
  </conditionalFormatting>
  <conditionalFormatting sqref="AS475:AS503">
    <cfRule type="expression" dxfId="9351" priority="11869">
      <formula>OR(AS$473&lt;&gt;"",AS$474&lt;&gt;"")</formula>
    </cfRule>
    <cfRule type="expression" dxfId="9350" priority="11870">
      <formula>AND(AS$473="",AS$474="")</formula>
    </cfRule>
  </conditionalFormatting>
  <conditionalFormatting sqref="AT475:AT503">
    <cfRule type="expression" dxfId="9349" priority="11865">
      <formula>OR(AT$473&lt;&gt;"",AT$474&lt;&gt;"")</formula>
    </cfRule>
    <cfRule type="expression" dxfId="9348" priority="11866">
      <formula>AND(AT$473="",AT$474="")</formula>
    </cfRule>
  </conditionalFormatting>
  <conditionalFormatting sqref="AU475:AU503">
    <cfRule type="expression" dxfId="9347" priority="11861">
      <formula>OR(AU$473&lt;&gt;"",AU$474&lt;&gt;"")</formula>
    </cfRule>
    <cfRule type="expression" dxfId="9346" priority="11862">
      <formula>AND(AU$473="",AU$474="")</formula>
    </cfRule>
  </conditionalFormatting>
  <conditionalFormatting sqref="AV475:AV503">
    <cfRule type="expression" dxfId="9345" priority="11857">
      <formula>OR(AV$473&lt;&gt;"",AV$474&lt;&gt;"")</formula>
    </cfRule>
    <cfRule type="expression" dxfId="9344" priority="11858">
      <formula>AND(AV$473="",AV$474="")</formula>
    </cfRule>
  </conditionalFormatting>
  <conditionalFormatting sqref="AW475:AW503">
    <cfRule type="expression" dxfId="9343" priority="11853">
      <formula>OR(AW$473&lt;&gt;"",AW$474&lt;&gt;"")</formula>
    </cfRule>
    <cfRule type="expression" dxfId="9342" priority="11854">
      <formula>AND(AW$473="",AW$474="")</formula>
    </cfRule>
  </conditionalFormatting>
  <conditionalFormatting sqref="AX475:AX503">
    <cfRule type="expression" dxfId="9341" priority="11849">
      <formula>OR(AX$473&lt;&gt;"",AX$474&lt;&gt;"")</formula>
    </cfRule>
    <cfRule type="expression" dxfId="9340" priority="11850">
      <formula>AND(AX$473="",AX$474="")</formula>
    </cfRule>
  </conditionalFormatting>
  <conditionalFormatting sqref="AY475:AY503">
    <cfRule type="expression" dxfId="9339" priority="11845">
      <formula>OR(AY$473&lt;&gt;"",AY$474&lt;&gt;"")</formula>
    </cfRule>
    <cfRule type="expression" dxfId="9338" priority="11846">
      <formula>AND(AY$473="",AY$474="")</formula>
    </cfRule>
  </conditionalFormatting>
  <conditionalFormatting sqref="AZ475:AZ503">
    <cfRule type="expression" dxfId="9337" priority="11841">
      <formula>OR(AZ$473&lt;&gt;"",AZ$474&lt;&gt;"")</formula>
    </cfRule>
    <cfRule type="expression" dxfId="9336" priority="11842">
      <formula>AND(AZ$473="",AZ$474="")</formula>
    </cfRule>
  </conditionalFormatting>
  <conditionalFormatting sqref="BA475:BA503">
    <cfRule type="expression" dxfId="9335" priority="11837">
      <formula>OR(BA$473&lt;&gt;"",BA$474&lt;&gt;"")</formula>
    </cfRule>
    <cfRule type="expression" dxfId="9334" priority="11838">
      <formula>AND(BA$473="",BA$474="")</formula>
    </cfRule>
  </conditionalFormatting>
  <conditionalFormatting sqref="BB475:BB503">
    <cfRule type="expression" dxfId="9333" priority="11833">
      <formula>OR(BB$473&lt;&gt;"",BB$474&lt;&gt;"")</formula>
    </cfRule>
    <cfRule type="expression" dxfId="9332" priority="11834">
      <formula>AND(BB$473="",BB$474="")</formula>
    </cfRule>
  </conditionalFormatting>
  <conditionalFormatting sqref="BC475:BC503">
    <cfRule type="expression" dxfId="9331" priority="11829">
      <formula>OR(BC$473&lt;&gt;"",BC$474&lt;&gt;"")</formula>
    </cfRule>
    <cfRule type="expression" dxfId="9330" priority="11830">
      <formula>AND(BC$473="",BC$474="")</formula>
    </cfRule>
  </conditionalFormatting>
  <conditionalFormatting sqref="BD475:BD503">
    <cfRule type="expression" dxfId="9329" priority="11825">
      <formula>OR(BD$473&lt;&gt;"",BD$474&lt;&gt;"")</formula>
    </cfRule>
    <cfRule type="expression" dxfId="9328" priority="11826">
      <formula>AND(BD$473="",BD$474="")</formula>
    </cfRule>
  </conditionalFormatting>
  <conditionalFormatting sqref="BE475:BE503">
    <cfRule type="expression" dxfId="9327" priority="11821">
      <formula>OR(BE$473&lt;&gt;"",BE$474&lt;&gt;"")</formula>
    </cfRule>
    <cfRule type="expression" dxfId="9326" priority="11822">
      <formula>AND(BE$473="",BE$474="")</formula>
    </cfRule>
  </conditionalFormatting>
  <conditionalFormatting sqref="BF475:BF503">
    <cfRule type="expression" dxfId="9325" priority="11817">
      <formula>OR(BF$473&lt;&gt;"",BF$474&lt;&gt;"")</formula>
    </cfRule>
    <cfRule type="expression" dxfId="9324" priority="11818">
      <formula>AND(BF$473="",BF$474="")</formula>
    </cfRule>
  </conditionalFormatting>
  <conditionalFormatting sqref="BG475:BG503">
    <cfRule type="expression" dxfId="9323" priority="11813">
      <formula>OR(BG$473&lt;&gt;"",BG$474&lt;&gt;"")</formula>
    </cfRule>
    <cfRule type="expression" dxfId="9322" priority="11814">
      <formula>AND(BG$473="",BG$474="")</formula>
    </cfRule>
  </conditionalFormatting>
  <conditionalFormatting sqref="BH475:BH503">
    <cfRule type="expression" dxfId="9321" priority="11809">
      <formula>OR(BH$473&lt;&gt;"",BH$474&lt;&gt;"")</formula>
    </cfRule>
    <cfRule type="expression" dxfId="9320" priority="11810">
      <formula>AND(BH$473="",BH$474="")</formula>
    </cfRule>
  </conditionalFormatting>
  <conditionalFormatting sqref="BI475:BI503">
    <cfRule type="expression" dxfId="9319" priority="11805">
      <formula>OR(BI$473&lt;&gt;"",BI$474&lt;&gt;"")</formula>
    </cfRule>
    <cfRule type="expression" dxfId="9318" priority="11806">
      <formula>AND(BI$473="",BI$474="")</formula>
    </cfRule>
  </conditionalFormatting>
  <conditionalFormatting sqref="BJ475:BJ503">
    <cfRule type="expression" dxfId="9317" priority="11801">
      <formula>OR(BJ$473&lt;&gt;"",BJ$474&lt;&gt;"")</formula>
    </cfRule>
    <cfRule type="expression" dxfId="9316" priority="11802">
      <formula>AND(BJ$473="",BJ$474="")</formula>
    </cfRule>
  </conditionalFormatting>
  <conditionalFormatting sqref="BK475:BK503">
    <cfRule type="expression" dxfId="9315" priority="11797">
      <formula>OR(BK$473&lt;&gt;"",BK$474&lt;&gt;"")</formula>
    </cfRule>
    <cfRule type="expression" dxfId="9314" priority="11798">
      <formula>AND(BK$473="",BK$474="")</formula>
    </cfRule>
  </conditionalFormatting>
  <conditionalFormatting sqref="BL475:BL503">
    <cfRule type="expression" dxfId="9313" priority="11793">
      <formula>OR(BL$473&lt;&gt;"",BL$474&lt;&gt;"")</formula>
    </cfRule>
    <cfRule type="expression" dxfId="9312" priority="11794">
      <formula>AND(BL$473="",BL$474="")</formula>
    </cfRule>
  </conditionalFormatting>
  <conditionalFormatting sqref="BM475:BM503">
    <cfRule type="expression" dxfId="9311" priority="11789">
      <formula>OR(BM$473&lt;&gt;"",BM$474&lt;&gt;"")</formula>
    </cfRule>
    <cfRule type="expression" dxfId="9310" priority="11790">
      <formula>AND(BM$473="",BM$474="")</formula>
    </cfRule>
  </conditionalFormatting>
  <conditionalFormatting sqref="BN475:BN503">
    <cfRule type="expression" dxfId="9309" priority="11785">
      <formula>OR(BN$473&lt;&gt;"",BN$474&lt;&gt;"")</formula>
    </cfRule>
    <cfRule type="expression" dxfId="9308" priority="11786">
      <formula>AND(BN$473="",BN$474="")</formula>
    </cfRule>
  </conditionalFormatting>
  <conditionalFormatting sqref="BO475:BO503">
    <cfRule type="expression" dxfId="9307" priority="11781">
      <formula>OR(BO$473&lt;&gt;"",BO$474&lt;&gt;"")</formula>
    </cfRule>
    <cfRule type="expression" dxfId="9306" priority="11782">
      <formula>AND(BO$473="",BO$474="")</formula>
    </cfRule>
  </conditionalFormatting>
  <conditionalFormatting sqref="BP475:BP503">
    <cfRule type="expression" dxfId="9305" priority="11777">
      <formula>OR(BP$473&lt;&gt;"",BP$474&lt;&gt;"")</formula>
    </cfRule>
    <cfRule type="expression" dxfId="9304" priority="11778">
      <formula>AND(BP$473="",BP$474="")</formula>
    </cfRule>
  </conditionalFormatting>
  <conditionalFormatting sqref="BQ475:BQ503">
    <cfRule type="expression" dxfId="9303" priority="11773">
      <formula>OR(BQ$473&lt;&gt;"",BQ$474&lt;&gt;"")</formula>
    </cfRule>
    <cfRule type="expression" dxfId="9302" priority="11774">
      <formula>AND(BQ$473="",BQ$474="")</formula>
    </cfRule>
  </conditionalFormatting>
  <conditionalFormatting sqref="BR475:BR503">
    <cfRule type="expression" dxfId="9301" priority="11769">
      <formula>OR(BR$473&lt;&gt;"",BR$474&lt;&gt;"")</formula>
    </cfRule>
    <cfRule type="expression" dxfId="9300" priority="11770">
      <formula>AND(BR$473="",BR$474="")</formula>
    </cfRule>
  </conditionalFormatting>
  <conditionalFormatting sqref="BS475:BS503">
    <cfRule type="expression" dxfId="9299" priority="11765">
      <formula>OR(BS$473&lt;&gt;"",BS$474&lt;&gt;"")</formula>
    </cfRule>
    <cfRule type="expression" dxfId="9298" priority="11766">
      <formula>AND(BS$473="",BS$474="")</formula>
    </cfRule>
  </conditionalFormatting>
  <conditionalFormatting sqref="M509:M510">
    <cfRule type="expression" dxfId="9297" priority="11763">
      <formula>OR(M$509&lt;&gt;"",M$510&lt;&gt;"")</formula>
    </cfRule>
    <cfRule type="expression" dxfId="9296" priority="11764">
      <formula>AND(M$509="",M$510="")</formula>
    </cfRule>
  </conditionalFormatting>
  <conditionalFormatting sqref="N509:N510">
    <cfRule type="expression" dxfId="9295" priority="11761">
      <formula>OR(N$509&lt;&gt;"",N$510&lt;&gt;"")</formula>
    </cfRule>
    <cfRule type="expression" dxfId="9294" priority="11762">
      <formula>AND(N$509="",N$510="")</formula>
    </cfRule>
  </conditionalFormatting>
  <conditionalFormatting sqref="M568:M569">
    <cfRule type="expression" dxfId="9293" priority="11739">
      <formula>OR(M$568&lt;&gt;"",M$569&lt;&gt;"")</formula>
    </cfRule>
    <cfRule type="expression" dxfId="9292" priority="11740">
      <formula>AND(M$568="",M$569="")</formula>
    </cfRule>
  </conditionalFormatting>
  <conditionalFormatting sqref="N568:N569">
    <cfRule type="expression" dxfId="9291" priority="11737">
      <formula>OR(N$568&lt;&gt;"",N$569&lt;&gt;"")</formula>
    </cfRule>
    <cfRule type="expression" dxfId="9290" priority="11738">
      <formula>AND(N$568="",N$569="")</formula>
    </cfRule>
  </conditionalFormatting>
  <conditionalFormatting sqref="M511:M518">
    <cfRule type="expression" dxfId="9289" priority="11703">
      <formula>OR($M$509&lt;&gt;"",$M$510&lt;&gt;"")</formula>
    </cfRule>
    <cfRule type="expression" dxfId="9288" priority="11704">
      <formula>AND($M$509="",$M$510="")</formula>
    </cfRule>
  </conditionalFormatting>
  <conditionalFormatting sqref="N511:N518">
    <cfRule type="expression" dxfId="9287" priority="11701">
      <formula>OR(N$509&lt;&gt;"",N$510&lt;&gt;"")</formula>
    </cfRule>
    <cfRule type="expression" dxfId="9286" priority="11702">
      <formula>AND(N$509="",N$510="")</formula>
    </cfRule>
  </conditionalFormatting>
  <conditionalFormatting sqref="O511:O518">
    <cfRule type="expression" dxfId="9285" priority="11697">
      <formula>OR(O$509&lt;&gt;"",O$510&lt;&gt;"")</formula>
    </cfRule>
    <cfRule type="expression" dxfId="9284" priority="11698">
      <formula>AND(O$509="",O$510="")</formula>
    </cfRule>
  </conditionalFormatting>
  <conditionalFormatting sqref="P511:P518">
    <cfRule type="expression" dxfId="9283" priority="11693">
      <formula>OR(P$509&lt;&gt;"",P$510&lt;&gt;"")</formula>
    </cfRule>
    <cfRule type="expression" dxfId="9282" priority="11694">
      <formula>AND(P$509="",P$510="")</formula>
    </cfRule>
  </conditionalFormatting>
  <conditionalFormatting sqref="Q511:Q518">
    <cfRule type="expression" dxfId="9281" priority="11689">
      <formula>OR(Q$509&lt;&gt;"",Q$510&lt;&gt;"")</formula>
    </cfRule>
    <cfRule type="expression" dxfId="9280" priority="11690">
      <formula>AND(Q$509="",Q$510="")</formula>
    </cfRule>
  </conditionalFormatting>
  <conditionalFormatting sqref="R511:R518">
    <cfRule type="expression" dxfId="9279" priority="11685">
      <formula>OR(R$509&lt;&gt;"",R$510&lt;&gt;"")</formula>
    </cfRule>
    <cfRule type="expression" dxfId="9278" priority="11686">
      <formula>AND(R$509="",R$510="")</formula>
    </cfRule>
  </conditionalFormatting>
  <conditionalFormatting sqref="S511:S518">
    <cfRule type="expression" dxfId="9277" priority="11681">
      <formula>OR(S$509&lt;&gt;"",S$510&lt;&gt;"")</formula>
    </cfRule>
    <cfRule type="expression" dxfId="9276" priority="11682">
      <formula>AND(S$509="",S$510="")</formula>
    </cfRule>
  </conditionalFormatting>
  <conditionalFormatting sqref="T511:T518">
    <cfRule type="expression" dxfId="9275" priority="11677">
      <formula>OR(T$509&lt;&gt;"",T$510&lt;&gt;"")</formula>
    </cfRule>
    <cfRule type="expression" dxfId="9274" priority="11678">
      <formula>AND(T$509="",T$510="")</formula>
    </cfRule>
  </conditionalFormatting>
  <conditionalFormatting sqref="U511:U518">
    <cfRule type="expression" dxfId="9273" priority="11673">
      <formula>OR(U$509&lt;&gt;"",U$510&lt;&gt;"")</formula>
    </cfRule>
    <cfRule type="expression" dxfId="9272" priority="11674">
      <formula>AND(U$509="",U$510="")</formula>
    </cfRule>
  </conditionalFormatting>
  <conditionalFormatting sqref="V511:V518">
    <cfRule type="expression" dxfId="9271" priority="11669">
      <formula>OR(V$509&lt;&gt;"",V$510&lt;&gt;"")</formula>
    </cfRule>
    <cfRule type="expression" dxfId="9270" priority="11670">
      <formula>AND(V$509="",V$510="")</formula>
    </cfRule>
  </conditionalFormatting>
  <conditionalFormatting sqref="W511:W518">
    <cfRule type="expression" dxfId="9269" priority="11665">
      <formula>OR(W$509&lt;&gt;"",W$510&lt;&gt;"")</formula>
    </cfRule>
    <cfRule type="expression" dxfId="9268" priority="11666">
      <formula>AND(W$509="",W$510="")</formula>
    </cfRule>
  </conditionalFormatting>
  <conditionalFormatting sqref="X511:X518">
    <cfRule type="expression" dxfId="9267" priority="11661">
      <formula>OR(X$509&lt;&gt;"",X$510&lt;&gt;"")</formula>
    </cfRule>
    <cfRule type="expression" dxfId="9266" priority="11662">
      <formula>AND(X$509="",X$510="")</formula>
    </cfRule>
  </conditionalFormatting>
  <conditionalFormatting sqref="Y511:Y518">
    <cfRule type="expression" dxfId="9265" priority="11657">
      <formula>OR(Y$509&lt;&gt;"",Y$510&lt;&gt;"")</formula>
    </cfRule>
    <cfRule type="expression" dxfId="9264" priority="11658">
      <formula>AND(Y$509="",Y$510="")</formula>
    </cfRule>
  </conditionalFormatting>
  <conditionalFormatting sqref="Z511:Z518">
    <cfRule type="expression" dxfId="9263" priority="11653">
      <formula>OR(Z$509&lt;&gt;"",Z$510&lt;&gt;"")</formula>
    </cfRule>
    <cfRule type="expression" dxfId="9262" priority="11654">
      <formula>AND(Z$509="",Z$510="")</formula>
    </cfRule>
  </conditionalFormatting>
  <conditionalFormatting sqref="AA511:AA518">
    <cfRule type="expression" dxfId="9261" priority="11649">
      <formula>OR(AA$509&lt;&gt;"",AA$510&lt;&gt;"")</formula>
    </cfRule>
    <cfRule type="expression" dxfId="9260" priority="11650">
      <formula>AND(AA$509="",AA$510="")</formula>
    </cfRule>
  </conditionalFormatting>
  <conditionalFormatting sqref="AB511:AB518">
    <cfRule type="expression" dxfId="9259" priority="11645">
      <formula>OR(AB$509&lt;&gt;"",AB$510&lt;&gt;"")</formula>
    </cfRule>
    <cfRule type="expression" dxfId="9258" priority="11646">
      <formula>AND(AB$509="",AB$510="")</formula>
    </cfRule>
  </conditionalFormatting>
  <conditionalFormatting sqref="AC511:AC518">
    <cfRule type="expression" dxfId="9257" priority="11641">
      <formula>OR(AC$509&lt;&gt;"",AC$510&lt;&gt;"")</formula>
    </cfRule>
    <cfRule type="expression" dxfId="9256" priority="11642">
      <formula>AND(AC$509="",AC$510="")</formula>
    </cfRule>
  </conditionalFormatting>
  <conditionalFormatting sqref="AD511:AD518">
    <cfRule type="expression" dxfId="9255" priority="11637">
      <formula>OR(AD$509&lt;&gt;"",AD$510&lt;&gt;"")</formula>
    </cfRule>
    <cfRule type="expression" dxfId="9254" priority="11638">
      <formula>AND(AD$509="",AD$510="")</formula>
    </cfRule>
  </conditionalFormatting>
  <conditionalFormatting sqref="AE511:AE518">
    <cfRule type="expression" dxfId="9253" priority="11633">
      <formula>OR(AE$509&lt;&gt;"",AE$510&lt;&gt;"")</formula>
    </cfRule>
    <cfRule type="expression" dxfId="9252" priority="11634">
      <formula>AND(AE$509="",AE$510="")</formula>
    </cfRule>
  </conditionalFormatting>
  <conditionalFormatting sqref="AF511:AF518">
    <cfRule type="expression" dxfId="9251" priority="11629">
      <formula>OR(AF$509&lt;&gt;"",AF$510&lt;&gt;"")</formula>
    </cfRule>
    <cfRule type="expression" dxfId="9250" priority="11630">
      <formula>AND(AF$509="",AF$510="")</formula>
    </cfRule>
  </conditionalFormatting>
  <conditionalFormatting sqref="AG511:AG518">
    <cfRule type="expression" dxfId="9249" priority="11625">
      <formula>OR(AG$509&lt;&gt;"",AG$510&lt;&gt;"")</formula>
    </cfRule>
    <cfRule type="expression" dxfId="9248" priority="11626">
      <formula>AND(AG$509="",AG$510="")</formula>
    </cfRule>
  </conditionalFormatting>
  <conditionalFormatting sqref="AH511:AH518">
    <cfRule type="expression" dxfId="9247" priority="11621">
      <formula>OR(AH$509&lt;&gt;"",AH$510&lt;&gt;"")</formula>
    </cfRule>
    <cfRule type="expression" dxfId="9246" priority="11622">
      <formula>AND(AH$509="",AH$510="")</formula>
    </cfRule>
  </conditionalFormatting>
  <conditionalFormatting sqref="AI511:AI518">
    <cfRule type="expression" dxfId="9245" priority="11617">
      <formula>OR(AI$509&lt;&gt;"",AI$510&lt;&gt;"")</formula>
    </cfRule>
    <cfRule type="expression" dxfId="9244" priority="11618">
      <formula>AND(AI$509="",AI$510="")</formula>
    </cfRule>
  </conditionalFormatting>
  <conditionalFormatting sqref="AJ511:AJ518">
    <cfRule type="expression" dxfId="9243" priority="11613">
      <formula>OR(AJ$509&lt;&gt;"",AJ$510&lt;&gt;"")</formula>
    </cfRule>
    <cfRule type="expression" dxfId="9242" priority="11614">
      <formula>AND(AJ$509="",AJ$510="")</formula>
    </cfRule>
  </conditionalFormatting>
  <conditionalFormatting sqref="AK511:AK518">
    <cfRule type="expression" dxfId="9241" priority="11609">
      <formula>OR(AK$509&lt;&gt;"",AK$510&lt;&gt;"")</formula>
    </cfRule>
    <cfRule type="expression" dxfId="9240" priority="11610">
      <formula>AND(AK$509="",AK$510="")</formula>
    </cfRule>
  </conditionalFormatting>
  <conditionalFormatting sqref="AL511:AL518">
    <cfRule type="expression" dxfId="9239" priority="11605">
      <formula>OR(AL$509&lt;&gt;"",AL$510&lt;&gt;"")</formula>
    </cfRule>
    <cfRule type="expression" dxfId="9238" priority="11606">
      <formula>AND(AL$509="",AL$510="")</formula>
    </cfRule>
  </conditionalFormatting>
  <conditionalFormatting sqref="AM511:AM518">
    <cfRule type="expression" dxfId="9237" priority="11601">
      <formula>OR(AM$509&lt;&gt;"",AM$510&lt;&gt;"")</formula>
    </cfRule>
    <cfRule type="expression" dxfId="9236" priority="11602">
      <formula>AND(AM$509="",AM$510="")</formula>
    </cfRule>
  </conditionalFormatting>
  <conditionalFormatting sqref="AN511:AN518">
    <cfRule type="expression" dxfId="9235" priority="11597">
      <formula>OR(AN$509&lt;&gt;"",AN$510&lt;&gt;"")</formula>
    </cfRule>
    <cfRule type="expression" dxfId="9234" priority="11598">
      <formula>AND(AN$509="",AN$510="")</formula>
    </cfRule>
  </conditionalFormatting>
  <conditionalFormatting sqref="AO511:AO518">
    <cfRule type="expression" dxfId="9233" priority="11593">
      <formula>OR(AO$509&lt;&gt;"",AO$510&lt;&gt;"")</formula>
    </cfRule>
    <cfRule type="expression" dxfId="9232" priority="11594">
      <formula>AND(AO$509="",AO$510="")</formula>
    </cfRule>
  </conditionalFormatting>
  <conditionalFormatting sqref="AP511:AP518">
    <cfRule type="expression" dxfId="9231" priority="11589">
      <formula>OR(AP$509&lt;&gt;"",AP$510&lt;&gt;"")</formula>
    </cfRule>
    <cfRule type="expression" dxfId="9230" priority="11590">
      <formula>AND(AP$509="",AP$510="")</formula>
    </cfRule>
  </conditionalFormatting>
  <conditionalFormatting sqref="AQ511:AQ518">
    <cfRule type="expression" dxfId="9229" priority="11585">
      <formula>OR(AQ$509&lt;&gt;"",AQ$510&lt;&gt;"")</formula>
    </cfRule>
    <cfRule type="expression" dxfId="9228" priority="11586">
      <formula>AND(AQ$509="",AQ$510="")</formula>
    </cfRule>
  </conditionalFormatting>
  <conditionalFormatting sqref="AR511:AR518">
    <cfRule type="expression" dxfId="9227" priority="11581">
      <formula>OR(AR$509&lt;&gt;"",AR$510&lt;&gt;"")</formula>
    </cfRule>
    <cfRule type="expression" dxfId="9226" priority="11582">
      <formula>AND(AR$509="",AR$510="")</formula>
    </cfRule>
  </conditionalFormatting>
  <conditionalFormatting sqref="AS511:AS518">
    <cfRule type="expression" dxfId="9225" priority="11577">
      <formula>OR(AS$509&lt;&gt;"",AS$510&lt;&gt;"")</formula>
    </cfRule>
    <cfRule type="expression" dxfId="9224" priority="11578">
      <formula>AND(AS$509="",AS$510="")</formula>
    </cfRule>
  </conditionalFormatting>
  <conditionalFormatting sqref="AT511:AT518">
    <cfRule type="expression" dxfId="9223" priority="11573">
      <formula>OR(AT$509&lt;&gt;"",AT$510&lt;&gt;"")</formula>
    </cfRule>
    <cfRule type="expression" dxfId="9222" priority="11574">
      <formula>AND(AT$509="",AT$510="")</formula>
    </cfRule>
  </conditionalFormatting>
  <conditionalFormatting sqref="AU511:AU518">
    <cfRule type="expression" dxfId="9221" priority="11569">
      <formula>OR(AU$509&lt;&gt;"",AU$510&lt;&gt;"")</formula>
    </cfRule>
    <cfRule type="expression" dxfId="9220" priority="11570">
      <formula>AND(AU$509="",AU$510="")</formula>
    </cfRule>
  </conditionalFormatting>
  <conditionalFormatting sqref="AV511:AV518">
    <cfRule type="expression" dxfId="9219" priority="11565">
      <formula>OR(AV$509&lt;&gt;"",AV$510&lt;&gt;"")</formula>
    </cfRule>
    <cfRule type="expression" dxfId="9218" priority="11566">
      <formula>AND(AV$509="",AV$510="")</formula>
    </cfRule>
  </conditionalFormatting>
  <conditionalFormatting sqref="AW511:AW518">
    <cfRule type="expression" dxfId="9217" priority="11561">
      <formula>OR(AW$509&lt;&gt;"",AW$510&lt;&gt;"")</formula>
    </cfRule>
    <cfRule type="expression" dxfId="9216" priority="11562">
      <formula>AND(AW$509="",AW$510="")</formula>
    </cfRule>
  </conditionalFormatting>
  <conditionalFormatting sqref="AX511:AX518">
    <cfRule type="expression" dxfId="9215" priority="11557">
      <formula>OR(AX$509&lt;&gt;"",AX$510&lt;&gt;"")</formula>
    </cfRule>
    <cfRule type="expression" dxfId="9214" priority="11558">
      <formula>AND(AX$509="",AX$510="")</formula>
    </cfRule>
  </conditionalFormatting>
  <conditionalFormatting sqref="AY511:AY518">
    <cfRule type="expression" dxfId="9213" priority="11553">
      <formula>OR(AY$509&lt;&gt;"",AY$510&lt;&gt;"")</formula>
    </cfRule>
    <cfRule type="expression" dxfId="9212" priority="11554">
      <formula>AND(AY$509="",AY$510="")</formula>
    </cfRule>
  </conditionalFormatting>
  <conditionalFormatting sqref="AZ511:AZ518">
    <cfRule type="expression" dxfId="9211" priority="11549">
      <formula>OR(AZ$509&lt;&gt;"",AZ$510&lt;&gt;"")</formula>
    </cfRule>
    <cfRule type="expression" dxfId="9210" priority="11550">
      <formula>AND(AZ$509="",AZ$510="")</formula>
    </cfRule>
  </conditionalFormatting>
  <conditionalFormatting sqref="BA511:BA518">
    <cfRule type="expression" dxfId="9209" priority="11545">
      <formula>OR(BA$509&lt;&gt;"",BA$510&lt;&gt;"")</formula>
    </cfRule>
    <cfRule type="expression" dxfId="9208" priority="11546">
      <formula>AND(BA$509="",BA$510="")</formula>
    </cfRule>
  </conditionalFormatting>
  <conditionalFormatting sqref="BB511:BB518">
    <cfRule type="expression" dxfId="9207" priority="11541">
      <formula>OR(BB$509&lt;&gt;"",BB$510&lt;&gt;"")</formula>
    </cfRule>
    <cfRule type="expression" dxfId="9206" priority="11542">
      <formula>AND(BB$509="",BB$510="")</formula>
    </cfRule>
  </conditionalFormatting>
  <conditionalFormatting sqref="BC511:BC518">
    <cfRule type="expression" dxfId="9205" priority="11537">
      <formula>OR(BC$509&lt;&gt;"",BC$510&lt;&gt;"")</formula>
    </cfRule>
    <cfRule type="expression" dxfId="9204" priority="11538">
      <formula>AND(BC$509="",BC$510="")</formula>
    </cfRule>
  </conditionalFormatting>
  <conditionalFormatting sqref="BD511:BD518">
    <cfRule type="expression" dxfId="9203" priority="11533">
      <formula>OR(BD$509&lt;&gt;"",BD$510&lt;&gt;"")</formula>
    </cfRule>
    <cfRule type="expression" dxfId="9202" priority="11534">
      <formula>AND(BD$509="",BD$510="")</formula>
    </cfRule>
  </conditionalFormatting>
  <conditionalFormatting sqref="BE511:BE518">
    <cfRule type="expression" dxfId="9201" priority="11529">
      <formula>OR(BE$509&lt;&gt;"",BE$510&lt;&gt;"")</formula>
    </cfRule>
    <cfRule type="expression" dxfId="9200" priority="11530">
      <formula>AND(BE$509="",BE$510="")</formula>
    </cfRule>
  </conditionalFormatting>
  <conditionalFormatting sqref="BF511:BF518">
    <cfRule type="expression" dxfId="9199" priority="11525">
      <formula>OR(BF$509&lt;&gt;"",BF$510&lt;&gt;"")</formula>
    </cfRule>
    <cfRule type="expression" dxfId="9198" priority="11526">
      <formula>AND(BF$509="",BF$510="")</formula>
    </cfRule>
  </conditionalFormatting>
  <conditionalFormatting sqref="BG511:BG518">
    <cfRule type="expression" dxfId="9197" priority="11521">
      <formula>OR(BG$509&lt;&gt;"",BG$510&lt;&gt;"")</formula>
    </cfRule>
    <cfRule type="expression" dxfId="9196" priority="11522">
      <formula>AND(BG$509="",BG$510="")</formula>
    </cfRule>
  </conditionalFormatting>
  <conditionalFormatting sqref="BH511:BH518">
    <cfRule type="expression" dxfId="9195" priority="11517">
      <formula>OR(BH$509&lt;&gt;"",BH$510&lt;&gt;"")</formula>
    </cfRule>
    <cfRule type="expression" dxfId="9194" priority="11518">
      <formula>AND(BH$509="",BH$510="")</formula>
    </cfRule>
  </conditionalFormatting>
  <conditionalFormatting sqref="BI511:BI518">
    <cfRule type="expression" dxfId="9193" priority="11513">
      <formula>OR(BI$509&lt;&gt;"",BI$510&lt;&gt;"")</formula>
    </cfRule>
    <cfRule type="expression" dxfId="9192" priority="11514">
      <formula>AND(BI$509="",BI$510="")</formula>
    </cfRule>
  </conditionalFormatting>
  <conditionalFormatting sqref="BJ511:BJ518">
    <cfRule type="expression" dxfId="9191" priority="11509">
      <formula>OR(BJ$509&lt;&gt;"",BJ$510&lt;&gt;"")</formula>
    </cfRule>
    <cfRule type="expression" dxfId="9190" priority="11510">
      <formula>AND(BJ$509="",BJ$510="")</formula>
    </cfRule>
  </conditionalFormatting>
  <conditionalFormatting sqref="BK511:BK518">
    <cfRule type="expression" dxfId="9189" priority="11505">
      <formula>OR(BK$509&lt;&gt;"",BK$510&lt;&gt;"")</formula>
    </cfRule>
    <cfRule type="expression" dxfId="9188" priority="11506">
      <formula>AND(BK$509="",BK$510="")</formula>
    </cfRule>
  </conditionalFormatting>
  <conditionalFormatting sqref="BL511:BL518">
    <cfRule type="expression" dxfId="9187" priority="11501">
      <formula>OR(BL$509&lt;&gt;"",BL$510&lt;&gt;"")</formula>
    </cfRule>
    <cfRule type="expression" dxfId="9186" priority="11502">
      <formula>AND(BL$509="",BL$510="")</formula>
    </cfRule>
  </conditionalFormatting>
  <conditionalFormatting sqref="BM511:BM518">
    <cfRule type="expression" dxfId="9185" priority="11497">
      <formula>OR(BM$509&lt;&gt;"",BM$510&lt;&gt;"")</formula>
    </cfRule>
    <cfRule type="expression" dxfId="9184" priority="11498">
      <formula>AND(BM$509="",BM$510="")</formula>
    </cfRule>
  </conditionalFormatting>
  <conditionalFormatting sqref="BN511:BN518">
    <cfRule type="expression" dxfId="9183" priority="11493">
      <formula>OR(BN$509&lt;&gt;"",BN$510&lt;&gt;"")</formula>
    </cfRule>
    <cfRule type="expression" dxfId="9182" priority="11494">
      <formula>AND(BN$509="",BN$510="")</formula>
    </cfRule>
  </conditionalFormatting>
  <conditionalFormatting sqref="BO511:BO518">
    <cfRule type="expression" dxfId="9181" priority="11489">
      <formula>OR(BO$509&lt;&gt;"",BO$510&lt;&gt;"")</formula>
    </cfRule>
    <cfRule type="expression" dxfId="9180" priority="11490">
      <formula>AND(BO$509="",BO$510="")</formula>
    </cfRule>
  </conditionalFormatting>
  <conditionalFormatting sqref="BP511:BP518">
    <cfRule type="expression" dxfId="9179" priority="11485">
      <formula>OR(BP$509&lt;&gt;"",BP$510&lt;&gt;"")</formula>
    </cfRule>
    <cfRule type="expression" dxfId="9178" priority="11486">
      <formula>AND(BP$509="",BP$510="")</formula>
    </cfRule>
  </conditionalFormatting>
  <conditionalFormatting sqref="BQ511:BQ518">
    <cfRule type="expression" dxfId="9177" priority="11481">
      <formula>OR(BQ$509&lt;&gt;"",BQ$510&lt;&gt;"")</formula>
    </cfRule>
    <cfRule type="expression" dxfId="9176" priority="11482">
      <formula>AND(BQ$509="",BQ$510="")</formula>
    </cfRule>
  </conditionalFormatting>
  <conditionalFormatting sqref="BR511:BR518">
    <cfRule type="expression" dxfId="9175" priority="11477">
      <formula>OR(BR$509&lt;&gt;"",BR$510&lt;&gt;"")</formula>
    </cfRule>
    <cfRule type="expression" dxfId="9174" priority="11478">
      <formula>AND(BR$509="",BR$510="")</formula>
    </cfRule>
  </conditionalFormatting>
  <conditionalFormatting sqref="BS511:BS518">
    <cfRule type="expression" dxfId="9173" priority="11473">
      <formula>OR(BS$509&lt;&gt;"",BS$510&lt;&gt;"")</formula>
    </cfRule>
    <cfRule type="expression" dxfId="9172" priority="11474">
      <formula>AND(BS$509="",BS$510="")</formula>
    </cfRule>
  </conditionalFormatting>
  <conditionalFormatting sqref="M523:M525">
    <cfRule type="expression" dxfId="9171" priority="11471">
      <formula>OR($M$521&lt;&gt;"",$M$522&lt;&gt;"")</formula>
    </cfRule>
    <cfRule type="expression" dxfId="9170" priority="11472">
      <formula>AND($M$521="",$M$522="")</formula>
    </cfRule>
  </conditionalFormatting>
  <conditionalFormatting sqref="N523:N525">
    <cfRule type="expression" dxfId="9169" priority="11469">
      <formula>OR(N$521&lt;&gt;"",N$522&lt;&gt;"")</formula>
    </cfRule>
    <cfRule type="expression" dxfId="9168" priority="11470">
      <formula>AND(N$521="",N$522="")</formula>
    </cfRule>
  </conditionalFormatting>
  <conditionalFormatting sqref="M521:M522">
    <cfRule type="expression" dxfId="9167" priority="11755">
      <formula>OR(M$521&lt;&gt;"",M$522&lt;&gt;"")</formula>
    </cfRule>
    <cfRule type="expression" dxfId="9166" priority="11756">
      <formula>AND(M$521="",M$522="")</formula>
    </cfRule>
  </conditionalFormatting>
  <conditionalFormatting sqref="N521:N522">
    <cfRule type="expression" dxfId="9165" priority="11753">
      <formula>OR(N$521&lt;&gt;"",N$522&lt;&gt;"")</formula>
    </cfRule>
    <cfRule type="expression" dxfId="9164" priority="11754">
      <formula>AND(N$521="",N$522="")</formula>
    </cfRule>
  </conditionalFormatting>
  <conditionalFormatting sqref="O473:O474">
    <cfRule type="expression" dxfId="9163" priority="11443">
      <formula>OR(O$473&lt;&gt;"",O$474&lt;&gt;"")</formula>
    </cfRule>
    <cfRule type="expression" dxfId="9162" priority="11444">
      <formula>AND(O$473="",O$474="")</formula>
    </cfRule>
  </conditionalFormatting>
  <conditionalFormatting sqref="P473:P474">
    <cfRule type="expression" dxfId="9161" priority="11441">
      <formula>OR(P$473&lt;&gt;"",P$474&lt;&gt;"")</formula>
    </cfRule>
    <cfRule type="expression" dxfId="9160" priority="11442">
      <formula>AND(P$473="",P$474="")</formula>
    </cfRule>
  </conditionalFormatting>
  <conditionalFormatting sqref="Q473:Q474">
    <cfRule type="expression" dxfId="9159" priority="11439">
      <formula>OR(Q$473&lt;&gt;"",Q$474&lt;&gt;"")</formula>
    </cfRule>
    <cfRule type="expression" dxfId="9158" priority="11440">
      <formula>AND(Q$473="",Q$474="")</formula>
    </cfRule>
  </conditionalFormatting>
  <conditionalFormatting sqref="R473:R474">
    <cfRule type="expression" dxfId="9157" priority="11437">
      <formula>OR(R$473&lt;&gt;"",R$474&lt;&gt;"")</formula>
    </cfRule>
    <cfRule type="expression" dxfId="9156" priority="11438">
      <formula>AND(R$473="",R$474="")</formula>
    </cfRule>
  </conditionalFormatting>
  <conditionalFormatting sqref="S473:S474">
    <cfRule type="expression" dxfId="9155" priority="11435">
      <formula>OR(S$473&lt;&gt;"",S$474&lt;&gt;"")</formula>
    </cfRule>
    <cfRule type="expression" dxfId="9154" priority="11436">
      <formula>AND(S$473="",S$474="")</formula>
    </cfRule>
  </conditionalFormatting>
  <conditionalFormatting sqref="T473:T474">
    <cfRule type="expression" dxfId="9153" priority="11433">
      <formula>OR(T$473&lt;&gt;"",T$474&lt;&gt;"")</formula>
    </cfRule>
    <cfRule type="expression" dxfId="9152" priority="11434">
      <formula>AND(T$473="",T$474="")</formula>
    </cfRule>
  </conditionalFormatting>
  <conditionalFormatting sqref="U473:U474">
    <cfRule type="expression" dxfId="9151" priority="11431">
      <formula>OR(U$473&lt;&gt;"",U$474&lt;&gt;"")</formula>
    </cfRule>
    <cfRule type="expression" dxfId="9150" priority="11432">
      <formula>AND(U$473="",U$474="")</formula>
    </cfRule>
  </conditionalFormatting>
  <conditionalFormatting sqref="V473:V474">
    <cfRule type="expression" dxfId="9149" priority="11429">
      <formula>OR(V$473&lt;&gt;"",V$474&lt;&gt;"")</formula>
    </cfRule>
    <cfRule type="expression" dxfId="9148" priority="11430">
      <formula>AND(V$473="",V$474="")</formula>
    </cfRule>
  </conditionalFormatting>
  <conditionalFormatting sqref="W473:W474">
    <cfRule type="expression" dxfId="9147" priority="11427">
      <formula>OR(W$473&lt;&gt;"",W$474&lt;&gt;"")</formula>
    </cfRule>
    <cfRule type="expression" dxfId="9146" priority="11428">
      <formula>AND(W$473="",W$474="")</formula>
    </cfRule>
  </conditionalFormatting>
  <conditionalFormatting sqref="X473:X474">
    <cfRule type="expression" dxfId="9145" priority="11425">
      <formula>OR(X$473&lt;&gt;"",X$474&lt;&gt;"")</formula>
    </cfRule>
    <cfRule type="expression" dxfId="9144" priority="11426">
      <formula>AND(X$473="",X$474="")</formula>
    </cfRule>
  </conditionalFormatting>
  <conditionalFormatting sqref="Y473:Y474">
    <cfRule type="expression" dxfId="9143" priority="11423">
      <formula>OR(Y$473&lt;&gt;"",Y$474&lt;&gt;"")</formula>
    </cfRule>
    <cfRule type="expression" dxfId="9142" priority="11424">
      <formula>AND(Y$473="",Y$474="")</formula>
    </cfRule>
  </conditionalFormatting>
  <conditionalFormatting sqref="Z473:Z474">
    <cfRule type="expression" dxfId="9141" priority="11421">
      <formula>OR(Z$473&lt;&gt;"",Z$474&lt;&gt;"")</formula>
    </cfRule>
    <cfRule type="expression" dxfId="9140" priority="11422">
      <formula>AND(Z$473="",Z$474="")</formula>
    </cfRule>
  </conditionalFormatting>
  <conditionalFormatting sqref="AA473:AA474">
    <cfRule type="expression" dxfId="9139" priority="11419">
      <formula>OR(AA$473&lt;&gt;"",AA$474&lt;&gt;"")</formula>
    </cfRule>
    <cfRule type="expression" dxfId="9138" priority="11420">
      <formula>AND(AA$473="",AA$474="")</formula>
    </cfRule>
  </conditionalFormatting>
  <conditionalFormatting sqref="AB473:AB474">
    <cfRule type="expression" dxfId="9137" priority="11417">
      <formula>OR(AB$473&lt;&gt;"",AB$474&lt;&gt;"")</formula>
    </cfRule>
    <cfRule type="expression" dxfId="9136" priority="11418">
      <formula>AND(AB$473="",AB$474="")</formula>
    </cfRule>
  </conditionalFormatting>
  <conditionalFormatting sqref="AC473:AC474">
    <cfRule type="expression" dxfId="9135" priority="11415">
      <formula>OR(AC$473&lt;&gt;"",AC$474&lt;&gt;"")</formula>
    </cfRule>
    <cfRule type="expression" dxfId="9134" priority="11416">
      <formula>AND(AC$473="",AC$474="")</formula>
    </cfRule>
  </conditionalFormatting>
  <conditionalFormatting sqref="AD473:AD474">
    <cfRule type="expression" dxfId="9133" priority="11413">
      <formula>OR(AD$473&lt;&gt;"",AD$474&lt;&gt;"")</formula>
    </cfRule>
    <cfRule type="expression" dxfId="9132" priority="11414">
      <formula>AND(AD$473="",AD$474="")</formula>
    </cfRule>
  </conditionalFormatting>
  <conditionalFormatting sqref="AE473:AE474">
    <cfRule type="expression" dxfId="9131" priority="11411">
      <formula>OR(AE$473&lt;&gt;"",AE$474&lt;&gt;"")</formula>
    </cfRule>
    <cfRule type="expression" dxfId="9130" priority="11412">
      <formula>AND(AE$473="",AE$474="")</formula>
    </cfRule>
  </conditionalFormatting>
  <conditionalFormatting sqref="AF473:AF474">
    <cfRule type="expression" dxfId="9129" priority="11409">
      <formula>OR(AF$473&lt;&gt;"",AF$474&lt;&gt;"")</formula>
    </cfRule>
    <cfRule type="expression" dxfId="9128" priority="11410">
      <formula>AND(AF$473="",AF$474="")</formula>
    </cfRule>
  </conditionalFormatting>
  <conditionalFormatting sqref="AG473:AG474">
    <cfRule type="expression" dxfId="9127" priority="11407">
      <formula>OR(AG$473&lt;&gt;"",AG$474&lt;&gt;"")</formula>
    </cfRule>
    <cfRule type="expression" dxfId="9126" priority="11408">
      <formula>AND(AG$473="",AG$474="")</formula>
    </cfRule>
  </conditionalFormatting>
  <conditionalFormatting sqref="AH473:AH474">
    <cfRule type="expression" dxfId="9125" priority="11405">
      <formula>OR(AH$473&lt;&gt;"",AH$474&lt;&gt;"")</formula>
    </cfRule>
    <cfRule type="expression" dxfId="9124" priority="11406">
      <formula>AND(AH$473="",AH$474="")</formula>
    </cfRule>
  </conditionalFormatting>
  <conditionalFormatting sqref="AI473:AI474">
    <cfRule type="expression" dxfId="9123" priority="11403">
      <formula>OR(AI$473&lt;&gt;"",AI$474&lt;&gt;"")</formula>
    </cfRule>
    <cfRule type="expression" dxfId="9122" priority="11404">
      <formula>AND(AI$473="",AI$474="")</formula>
    </cfRule>
  </conditionalFormatting>
  <conditionalFormatting sqref="AJ473:AJ474">
    <cfRule type="expression" dxfId="9121" priority="11401">
      <formula>OR(AJ$473&lt;&gt;"",AJ$474&lt;&gt;"")</formula>
    </cfRule>
    <cfRule type="expression" dxfId="9120" priority="11402">
      <formula>AND(AJ$473="",AJ$474="")</formula>
    </cfRule>
  </conditionalFormatting>
  <conditionalFormatting sqref="AK473:AK474">
    <cfRule type="expression" dxfId="9119" priority="11399">
      <formula>OR(AK$473&lt;&gt;"",AK$474&lt;&gt;"")</formula>
    </cfRule>
    <cfRule type="expression" dxfId="9118" priority="11400">
      <formula>AND(AK$473="",AK$474="")</formula>
    </cfRule>
  </conditionalFormatting>
  <conditionalFormatting sqref="AL473:AL474">
    <cfRule type="expression" dxfId="9117" priority="11397">
      <formula>OR(AL$473&lt;&gt;"",AL$474&lt;&gt;"")</formula>
    </cfRule>
    <cfRule type="expression" dxfId="9116" priority="11398">
      <formula>AND(AL$473="",AL$474="")</formula>
    </cfRule>
  </conditionalFormatting>
  <conditionalFormatting sqref="AM473:AM474">
    <cfRule type="expression" dxfId="9115" priority="11395">
      <formula>OR(AM$473&lt;&gt;"",AM$474&lt;&gt;"")</formula>
    </cfRule>
    <cfRule type="expression" dxfId="9114" priority="11396">
      <formula>AND(AM$473="",AM$474="")</formula>
    </cfRule>
  </conditionalFormatting>
  <conditionalFormatting sqref="AN473:AN474">
    <cfRule type="expression" dxfId="9113" priority="11393">
      <formula>OR(AN$473&lt;&gt;"",AN$474&lt;&gt;"")</formula>
    </cfRule>
    <cfRule type="expression" dxfId="9112" priority="11394">
      <formula>AND(AN$473="",AN$474="")</formula>
    </cfRule>
  </conditionalFormatting>
  <conditionalFormatting sqref="AO473:AO474">
    <cfRule type="expression" dxfId="9111" priority="11391">
      <formula>OR(AO$473&lt;&gt;"",AO$474&lt;&gt;"")</formula>
    </cfRule>
    <cfRule type="expression" dxfId="9110" priority="11392">
      <formula>AND(AO$473="",AO$474="")</formula>
    </cfRule>
  </conditionalFormatting>
  <conditionalFormatting sqref="AP473:AP474">
    <cfRule type="expression" dxfId="9109" priority="11389">
      <formula>OR(AP$473&lt;&gt;"",AP$474&lt;&gt;"")</formula>
    </cfRule>
    <cfRule type="expression" dxfId="9108" priority="11390">
      <formula>AND(AP$473="",AP$474="")</formula>
    </cfRule>
  </conditionalFormatting>
  <conditionalFormatting sqref="AQ473:AQ474">
    <cfRule type="expression" dxfId="9107" priority="11387">
      <formula>OR(AQ$473&lt;&gt;"",AQ$474&lt;&gt;"")</formula>
    </cfRule>
    <cfRule type="expression" dxfId="9106" priority="11388">
      <formula>AND(AQ$473="",AQ$474="")</formula>
    </cfRule>
  </conditionalFormatting>
  <conditionalFormatting sqref="AR473:AR474">
    <cfRule type="expression" dxfId="9105" priority="11385">
      <formula>OR(AR$473&lt;&gt;"",AR$474&lt;&gt;"")</formula>
    </cfRule>
    <cfRule type="expression" dxfId="9104" priority="11386">
      <formula>AND(AR$473="",AR$474="")</formula>
    </cfRule>
  </conditionalFormatting>
  <conditionalFormatting sqref="AS473:AS474">
    <cfRule type="expression" dxfId="9103" priority="11383">
      <formula>OR(AS$473&lt;&gt;"",AS$474&lt;&gt;"")</formula>
    </cfRule>
    <cfRule type="expression" dxfId="9102" priority="11384">
      <formula>AND(AS$473="",AS$474="")</formula>
    </cfRule>
  </conditionalFormatting>
  <conditionalFormatting sqref="AT473:AT474">
    <cfRule type="expression" dxfId="9101" priority="11381">
      <formula>OR(AT$473&lt;&gt;"",AT$474&lt;&gt;"")</formula>
    </cfRule>
    <cfRule type="expression" dxfId="9100" priority="11382">
      <formula>AND(AT$473="",AT$474="")</formula>
    </cfRule>
  </conditionalFormatting>
  <conditionalFormatting sqref="AU473:AU474">
    <cfRule type="expression" dxfId="9099" priority="11379">
      <formula>OR(AU$473&lt;&gt;"",AU$474&lt;&gt;"")</formula>
    </cfRule>
    <cfRule type="expression" dxfId="9098" priority="11380">
      <formula>AND(AU$473="",AU$474="")</formula>
    </cfRule>
  </conditionalFormatting>
  <conditionalFormatting sqref="AV473:AV474">
    <cfRule type="expression" dxfId="9097" priority="11377">
      <formula>OR(AV$473&lt;&gt;"",AV$474&lt;&gt;"")</formula>
    </cfRule>
    <cfRule type="expression" dxfId="9096" priority="11378">
      <formula>AND(AV$473="",AV$474="")</formula>
    </cfRule>
  </conditionalFormatting>
  <conditionalFormatting sqref="AW473:AW474">
    <cfRule type="expression" dxfId="9095" priority="11375">
      <formula>OR(AW$473&lt;&gt;"",AW$474&lt;&gt;"")</formula>
    </cfRule>
    <cfRule type="expression" dxfId="9094" priority="11376">
      <formula>AND(AW$473="",AW$474="")</formula>
    </cfRule>
  </conditionalFormatting>
  <conditionalFormatting sqref="AX473:AX474">
    <cfRule type="expression" dxfId="9093" priority="11373">
      <formula>OR(AX$473&lt;&gt;"",AX$474&lt;&gt;"")</formula>
    </cfRule>
    <cfRule type="expression" dxfId="9092" priority="11374">
      <formula>AND(AX$473="",AX$474="")</formula>
    </cfRule>
  </conditionalFormatting>
  <conditionalFormatting sqref="AY473:AY474">
    <cfRule type="expression" dxfId="9091" priority="11371">
      <formula>OR(AY$473&lt;&gt;"",AY$474&lt;&gt;"")</formula>
    </cfRule>
    <cfRule type="expression" dxfId="9090" priority="11372">
      <formula>AND(AY$473="",AY$474="")</formula>
    </cfRule>
  </conditionalFormatting>
  <conditionalFormatting sqref="AZ473:AZ474">
    <cfRule type="expression" dxfId="9089" priority="11369">
      <formula>OR(AZ$473&lt;&gt;"",AZ$474&lt;&gt;"")</formula>
    </cfRule>
    <cfRule type="expression" dxfId="9088" priority="11370">
      <formula>AND(AZ$473="",AZ$474="")</formula>
    </cfRule>
  </conditionalFormatting>
  <conditionalFormatting sqref="BA473:BA474">
    <cfRule type="expression" dxfId="9087" priority="11367">
      <formula>OR(BA$473&lt;&gt;"",BA$474&lt;&gt;"")</formula>
    </cfRule>
    <cfRule type="expression" dxfId="9086" priority="11368">
      <formula>AND(BA$473="",BA$474="")</formula>
    </cfRule>
  </conditionalFormatting>
  <conditionalFormatting sqref="BB473:BB474">
    <cfRule type="expression" dxfId="9085" priority="11365">
      <formula>OR(BB$473&lt;&gt;"",BB$474&lt;&gt;"")</formula>
    </cfRule>
    <cfRule type="expression" dxfId="9084" priority="11366">
      <formula>AND(BB$473="",BB$474="")</formula>
    </cfRule>
  </conditionalFormatting>
  <conditionalFormatting sqref="BC473:BC474">
    <cfRule type="expression" dxfId="9083" priority="11363">
      <formula>OR(BC$473&lt;&gt;"",BC$474&lt;&gt;"")</formula>
    </cfRule>
    <cfRule type="expression" dxfId="9082" priority="11364">
      <formula>AND(BC$473="",BC$474="")</formula>
    </cfRule>
  </conditionalFormatting>
  <conditionalFormatting sqref="BD473:BD474">
    <cfRule type="expression" dxfId="9081" priority="11361">
      <formula>OR(BD$473&lt;&gt;"",BD$474&lt;&gt;"")</formula>
    </cfRule>
    <cfRule type="expression" dxfId="9080" priority="11362">
      <formula>AND(BD$473="",BD$474="")</formula>
    </cfRule>
  </conditionalFormatting>
  <conditionalFormatting sqref="BE473:BE474">
    <cfRule type="expression" dxfId="9079" priority="11359">
      <formula>OR(BE$473&lt;&gt;"",BE$474&lt;&gt;"")</formula>
    </cfRule>
    <cfRule type="expression" dxfId="9078" priority="11360">
      <formula>AND(BE$473="",BE$474="")</formula>
    </cfRule>
  </conditionalFormatting>
  <conditionalFormatting sqref="BF473:BF474">
    <cfRule type="expression" dxfId="9077" priority="11357">
      <formula>OR(BF$473&lt;&gt;"",BF$474&lt;&gt;"")</formula>
    </cfRule>
    <cfRule type="expression" dxfId="9076" priority="11358">
      <formula>AND(BF$473="",BF$474="")</formula>
    </cfRule>
  </conditionalFormatting>
  <conditionalFormatting sqref="BG473:BG474">
    <cfRule type="expression" dxfId="9075" priority="11355">
      <formula>OR(BG$473&lt;&gt;"",BG$474&lt;&gt;"")</formula>
    </cfRule>
    <cfRule type="expression" dxfId="9074" priority="11356">
      <formula>AND(BG$473="",BG$474="")</formula>
    </cfRule>
  </conditionalFormatting>
  <conditionalFormatting sqref="BH473:BH474">
    <cfRule type="expression" dxfId="9073" priority="11353">
      <formula>OR(BH$473&lt;&gt;"",BH$474&lt;&gt;"")</formula>
    </cfRule>
    <cfRule type="expression" dxfId="9072" priority="11354">
      <formula>AND(BH$473="",BH$474="")</formula>
    </cfRule>
  </conditionalFormatting>
  <conditionalFormatting sqref="BI473:BI474">
    <cfRule type="expression" dxfId="9071" priority="11351">
      <formula>OR(BI$473&lt;&gt;"",BI$474&lt;&gt;"")</formula>
    </cfRule>
    <cfRule type="expression" dxfId="9070" priority="11352">
      <formula>AND(BI$473="",BI$474="")</formula>
    </cfRule>
  </conditionalFormatting>
  <conditionalFormatting sqref="BJ473:BJ474">
    <cfRule type="expression" dxfId="9069" priority="11349">
      <formula>OR(BJ$473&lt;&gt;"",BJ$474&lt;&gt;"")</formula>
    </cfRule>
    <cfRule type="expression" dxfId="9068" priority="11350">
      <formula>AND(BJ$473="",BJ$474="")</formula>
    </cfRule>
  </conditionalFormatting>
  <conditionalFormatting sqref="BK473:BK474">
    <cfRule type="expression" dxfId="9067" priority="11347">
      <formula>OR(BK$473&lt;&gt;"",BK$474&lt;&gt;"")</formula>
    </cfRule>
    <cfRule type="expression" dxfId="9066" priority="11348">
      <formula>AND(BK$473="",BK$474="")</formula>
    </cfRule>
  </conditionalFormatting>
  <conditionalFormatting sqref="BL473:BL474">
    <cfRule type="expression" dxfId="9065" priority="11345">
      <formula>OR(BL$473&lt;&gt;"",BL$474&lt;&gt;"")</formula>
    </cfRule>
    <cfRule type="expression" dxfId="9064" priority="11346">
      <formula>AND(BL$473="",BL$474="")</formula>
    </cfRule>
  </conditionalFormatting>
  <conditionalFormatting sqref="BM473:BM474">
    <cfRule type="expression" dxfId="9063" priority="11343">
      <formula>OR(BM$473&lt;&gt;"",BM$474&lt;&gt;"")</formula>
    </cfRule>
    <cfRule type="expression" dxfId="9062" priority="11344">
      <formula>AND(BM$473="",BM$474="")</formula>
    </cfRule>
  </conditionalFormatting>
  <conditionalFormatting sqref="BN473:BN474">
    <cfRule type="expression" dxfId="9061" priority="11341">
      <formula>OR(BN$473&lt;&gt;"",BN$474&lt;&gt;"")</formula>
    </cfRule>
    <cfRule type="expression" dxfId="9060" priority="11342">
      <formula>AND(BN$473="",BN$474="")</formula>
    </cfRule>
  </conditionalFormatting>
  <conditionalFormatting sqref="BO473:BO474">
    <cfRule type="expression" dxfId="9059" priority="11339">
      <formula>OR(BO$473&lt;&gt;"",BO$474&lt;&gt;"")</formula>
    </cfRule>
    <cfRule type="expression" dxfId="9058" priority="11340">
      <formula>AND(BO$473="",BO$474="")</formula>
    </cfRule>
  </conditionalFormatting>
  <conditionalFormatting sqref="BP473:BP474">
    <cfRule type="expression" dxfId="9057" priority="11337">
      <formula>OR(BP$473&lt;&gt;"",BP$474&lt;&gt;"")</formula>
    </cfRule>
    <cfRule type="expression" dxfId="9056" priority="11338">
      <formula>AND(BP$473="",BP$474="")</formula>
    </cfRule>
  </conditionalFormatting>
  <conditionalFormatting sqref="BQ473:BQ474">
    <cfRule type="expression" dxfId="9055" priority="11335">
      <formula>OR(BQ$473&lt;&gt;"",BQ$474&lt;&gt;"")</formula>
    </cfRule>
    <cfRule type="expression" dxfId="9054" priority="11336">
      <formula>AND(BQ$473="",BQ$474="")</formula>
    </cfRule>
  </conditionalFormatting>
  <conditionalFormatting sqref="BR473:BR474">
    <cfRule type="expression" dxfId="9053" priority="11333">
      <formula>OR(BR$473&lt;&gt;"",BR$474&lt;&gt;"")</formula>
    </cfRule>
    <cfRule type="expression" dxfId="9052" priority="11334">
      <formula>AND(BR$473="",BR$474="")</formula>
    </cfRule>
  </conditionalFormatting>
  <conditionalFormatting sqref="BS473:BS474">
    <cfRule type="expression" dxfId="9051" priority="11331">
      <formula>OR(BS$473&lt;&gt;"",BS$474&lt;&gt;"")</formula>
    </cfRule>
    <cfRule type="expression" dxfId="9050" priority="11332">
      <formula>AND(BS$473="",BS$474="")</formula>
    </cfRule>
  </conditionalFormatting>
  <conditionalFormatting sqref="O509:O510">
    <cfRule type="expression" dxfId="9049" priority="11329">
      <formula>OR(O$509&lt;&gt;"",O$510&lt;&gt;"")</formula>
    </cfRule>
    <cfRule type="expression" dxfId="9048" priority="11330">
      <formula>AND(O$509="",O$510="")</formula>
    </cfRule>
  </conditionalFormatting>
  <conditionalFormatting sqref="P509:P510">
    <cfRule type="expression" dxfId="9047" priority="11327">
      <formula>OR(P$509&lt;&gt;"",P$510&lt;&gt;"")</formula>
    </cfRule>
    <cfRule type="expression" dxfId="9046" priority="11328">
      <formula>AND(P$509="",P$510="")</formula>
    </cfRule>
  </conditionalFormatting>
  <conditionalFormatting sqref="Q509:Q510">
    <cfRule type="expression" dxfId="9045" priority="11325">
      <formula>OR(Q$509&lt;&gt;"",Q$510&lt;&gt;"")</formula>
    </cfRule>
    <cfRule type="expression" dxfId="9044" priority="11326">
      <formula>AND(Q$509="",Q$510="")</formula>
    </cfRule>
  </conditionalFormatting>
  <conditionalFormatting sqref="R509:R510">
    <cfRule type="expression" dxfId="9043" priority="11323">
      <formula>OR(R$509&lt;&gt;"",R$510&lt;&gt;"")</formula>
    </cfRule>
    <cfRule type="expression" dxfId="9042" priority="11324">
      <formula>AND(R$509="",R$510="")</formula>
    </cfRule>
  </conditionalFormatting>
  <conditionalFormatting sqref="S509:S510">
    <cfRule type="expression" dxfId="9041" priority="11321">
      <formula>OR(S$509&lt;&gt;"",S$510&lt;&gt;"")</formula>
    </cfRule>
    <cfRule type="expression" dxfId="9040" priority="11322">
      <formula>AND(S$509="",S$510="")</formula>
    </cfRule>
  </conditionalFormatting>
  <conditionalFormatting sqref="T509:T510">
    <cfRule type="expression" dxfId="9039" priority="11319">
      <formula>OR(T$509&lt;&gt;"",T$510&lt;&gt;"")</formula>
    </cfRule>
    <cfRule type="expression" dxfId="9038" priority="11320">
      <formula>AND(T$509="",T$510="")</formula>
    </cfRule>
  </conditionalFormatting>
  <conditionalFormatting sqref="U509:U510">
    <cfRule type="expression" dxfId="9037" priority="11317">
      <formula>OR(U$509&lt;&gt;"",U$510&lt;&gt;"")</formula>
    </cfRule>
    <cfRule type="expression" dxfId="9036" priority="11318">
      <formula>AND(U$509="",U$510="")</formula>
    </cfRule>
  </conditionalFormatting>
  <conditionalFormatting sqref="V509:V510">
    <cfRule type="expression" dxfId="9035" priority="11315">
      <formula>OR(V$509&lt;&gt;"",V$510&lt;&gt;"")</formula>
    </cfRule>
    <cfRule type="expression" dxfId="9034" priority="11316">
      <formula>AND(V$509="",V$510="")</formula>
    </cfRule>
  </conditionalFormatting>
  <conditionalFormatting sqref="W509:W510">
    <cfRule type="expression" dxfId="9033" priority="11313">
      <formula>OR(W$509&lt;&gt;"",W$510&lt;&gt;"")</formula>
    </cfRule>
    <cfRule type="expression" dxfId="9032" priority="11314">
      <formula>AND(W$509="",W$510="")</formula>
    </cfRule>
  </conditionalFormatting>
  <conditionalFormatting sqref="X509:X510">
    <cfRule type="expression" dxfId="9031" priority="11311">
      <formula>OR(X$509&lt;&gt;"",X$510&lt;&gt;"")</formula>
    </cfRule>
    <cfRule type="expression" dxfId="9030" priority="11312">
      <formula>AND(X$509="",X$510="")</formula>
    </cfRule>
  </conditionalFormatting>
  <conditionalFormatting sqref="Y509:Y510">
    <cfRule type="expression" dxfId="9029" priority="11309">
      <formula>OR(Y$509&lt;&gt;"",Y$510&lt;&gt;"")</formula>
    </cfRule>
    <cfRule type="expression" dxfId="9028" priority="11310">
      <formula>AND(Y$509="",Y$510="")</formula>
    </cfRule>
  </conditionalFormatting>
  <conditionalFormatting sqref="Z509:Z510">
    <cfRule type="expression" dxfId="9027" priority="11307">
      <formula>OR(Z$509&lt;&gt;"",Z$510&lt;&gt;"")</formula>
    </cfRule>
    <cfRule type="expression" dxfId="9026" priority="11308">
      <formula>AND(Z$509="",Z$510="")</formula>
    </cfRule>
  </conditionalFormatting>
  <conditionalFormatting sqref="AA509:AA510">
    <cfRule type="expression" dxfId="9025" priority="11305">
      <formula>OR(AA$509&lt;&gt;"",AA$510&lt;&gt;"")</formula>
    </cfRule>
    <cfRule type="expression" dxfId="9024" priority="11306">
      <formula>AND(AA$509="",AA$510="")</formula>
    </cfRule>
  </conditionalFormatting>
  <conditionalFormatting sqref="AB509:AB510">
    <cfRule type="expression" dxfId="9023" priority="11303">
      <formula>OR(AB$509&lt;&gt;"",AB$510&lt;&gt;"")</formula>
    </cfRule>
    <cfRule type="expression" dxfId="9022" priority="11304">
      <formula>AND(AB$509="",AB$510="")</formula>
    </cfRule>
  </conditionalFormatting>
  <conditionalFormatting sqref="AC509:AC510">
    <cfRule type="expression" dxfId="9021" priority="11301">
      <formula>OR(AC$509&lt;&gt;"",AC$510&lt;&gt;"")</formula>
    </cfRule>
    <cfRule type="expression" dxfId="9020" priority="11302">
      <formula>AND(AC$509="",AC$510="")</formula>
    </cfRule>
  </conditionalFormatting>
  <conditionalFormatting sqref="AD509:AD510">
    <cfRule type="expression" dxfId="9019" priority="11299">
      <formula>OR(AD$509&lt;&gt;"",AD$510&lt;&gt;"")</formula>
    </cfRule>
    <cfRule type="expression" dxfId="9018" priority="11300">
      <formula>AND(AD$509="",AD$510="")</formula>
    </cfRule>
  </conditionalFormatting>
  <conditionalFormatting sqref="AE509:AE510">
    <cfRule type="expression" dxfId="9017" priority="11297">
      <formula>OR(AE$509&lt;&gt;"",AE$510&lt;&gt;"")</formula>
    </cfRule>
    <cfRule type="expression" dxfId="9016" priority="11298">
      <formula>AND(AE$509="",AE$510="")</formula>
    </cfRule>
  </conditionalFormatting>
  <conditionalFormatting sqref="AF509:AF510">
    <cfRule type="expression" dxfId="9015" priority="11295">
      <formula>OR(AF$509&lt;&gt;"",AF$510&lt;&gt;"")</formula>
    </cfRule>
    <cfRule type="expression" dxfId="9014" priority="11296">
      <formula>AND(AF$509="",AF$510="")</formula>
    </cfRule>
  </conditionalFormatting>
  <conditionalFormatting sqref="AG509:AG510">
    <cfRule type="expression" dxfId="9013" priority="11293">
      <formula>OR(AG$509&lt;&gt;"",AG$510&lt;&gt;"")</formula>
    </cfRule>
    <cfRule type="expression" dxfId="9012" priority="11294">
      <formula>AND(AG$509="",AG$510="")</formula>
    </cfRule>
  </conditionalFormatting>
  <conditionalFormatting sqref="AH509:AH510">
    <cfRule type="expression" dxfId="9011" priority="11291">
      <formula>OR(AH$509&lt;&gt;"",AH$510&lt;&gt;"")</formula>
    </cfRule>
    <cfRule type="expression" dxfId="9010" priority="11292">
      <formula>AND(AH$509="",AH$510="")</formula>
    </cfRule>
  </conditionalFormatting>
  <conditionalFormatting sqref="AI509:AI510">
    <cfRule type="expression" dxfId="9009" priority="11289">
      <formula>OR(AI$509&lt;&gt;"",AI$510&lt;&gt;"")</formula>
    </cfRule>
    <cfRule type="expression" dxfId="9008" priority="11290">
      <formula>AND(AI$509="",AI$510="")</formula>
    </cfRule>
  </conditionalFormatting>
  <conditionalFormatting sqref="AJ509:AJ510">
    <cfRule type="expression" dxfId="9007" priority="11287">
      <formula>OR(AJ$509&lt;&gt;"",AJ$510&lt;&gt;"")</formula>
    </cfRule>
    <cfRule type="expression" dxfId="9006" priority="11288">
      <formula>AND(AJ$509="",AJ$510="")</formula>
    </cfRule>
  </conditionalFormatting>
  <conditionalFormatting sqref="AK509:AK510">
    <cfRule type="expression" dxfId="9005" priority="11285">
      <formula>OR(AK$509&lt;&gt;"",AK$510&lt;&gt;"")</formula>
    </cfRule>
    <cfRule type="expression" dxfId="9004" priority="11286">
      <formula>AND(AK$509="",AK$510="")</formula>
    </cfRule>
  </conditionalFormatting>
  <conditionalFormatting sqref="AL509:AL510">
    <cfRule type="expression" dxfId="9003" priority="11283">
      <formula>OR(AL$509&lt;&gt;"",AL$510&lt;&gt;"")</formula>
    </cfRule>
    <cfRule type="expression" dxfId="9002" priority="11284">
      <formula>AND(AL$509="",AL$510="")</formula>
    </cfRule>
  </conditionalFormatting>
  <conditionalFormatting sqref="AM509:AM510">
    <cfRule type="expression" dxfId="9001" priority="11281">
      <formula>OR(AM$509&lt;&gt;"",AM$510&lt;&gt;"")</formula>
    </cfRule>
    <cfRule type="expression" dxfId="9000" priority="11282">
      <formula>AND(AM$509="",AM$510="")</formula>
    </cfRule>
  </conditionalFormatting>
  <conditionalFormatting sqref="AN509:AN510">
    <cfRule type="expression" dxfId="8999" priority="11279">
      <formula>OR(AN$509&lt;&gt;"",AN$510&lt;&gt;"")</formula>
    </cfRule>
    <cfRule type="expression" dxfId="8998" priority="11280">
      <formula>AND(AN$509="",AN$510="")</formula>
    </cfRule>
  </conditionalFormatting>
  <conditionalFormatting sqref="AO509:AO510">
    <cfRule type="expression" dxfId="8997" priority="11277">
      <formula>OR(AO$509&lt;&gt;"",AO$510&lt;&gt;"")</formula>
    </cfRule>
    <cfRule type="expression" dxfId="8996" priority="11278">
      <formula>AND(AO$509="",AO$510="")</formula>
    </cfRule>
  </conditionalFormatting>
  <conditionalFormatting sqref="AP509:AP510">
    <cfRule type="expression" dxfId="8995" priority="11275">
      <formula>OR(AP$509&lt;&gt;"",AP$510&lt;&gt;"")</formula>
    </cfRule>
    <cfRule type="expression" dxfId="8994" priority="11276">
      <formula>AND(AP$509="",AP$510="")</formula>
    </cfRule>
  </conditionalFormatting>
  <conditionalFormatting sqref="AQ509:AQ510">
    <cfRule type="expression" dxfId="8993" priority="11273">
      <formula>OR(AQ$509&lt;&gt;"",AQ$510&lt;&gt;"")</formula>
    </cfRule>
    <cfRule type="expression" dxfId="8992" priority="11274">
      <formula>AND(AQ$509="",AQ$510="")</formula>
    </cfRule>
  </conditionalFormatting>
  <conditionalFormatting sqref="AR509:AR510">
    <cfRule type="expression" dxfId="8991" priority="11271">
      <formula>OR(AR$509&lt;&gt;"",AR$510&lt;&gt;"")</formula>
    </cfRule>
    <cfRule type="expression" dxfId="8990" priority="11272">
      <formula>AND(AR$509="",AR$510="")</formula>
    </cfRule>
  </conditionalFormatting>
  <conditionalFormatting sqref="AS509:AS510">
    <cfRule type="expression" dxfId="8989" priority="11269">
      <formula>OR(AS$509&lt;&gt;"",AS$510&lt;&gt;"")</formula>
    </cfRule>
    <cfRule type="expression" dxfId="8988" priority="11270">
      <formula>AND(AS$509="",AS$510="")</formula>
    </cfRule>
  </conditionalFormatting>
  <conditionalFormatting sqref="AT509:AT510">
    <cfRule type="expression" dxfId="8987" priority="11267">
      <formula>OR(AT$509&lt;&gt;"",AT$510&lt;&gt;"")</formula>
    </cfRule>
    <cfRule type="expression" dxfId="8986" priority="11268">
      <formula>AND(AT$509="",AT$510="")</formula>
    </cfRule>
  </conditionalFormatting>
  <conditionalFormatting sqref="AU509:AU510">
    <cfRule type="expression" dxfId="8985" priority="11265">
      <formula>OR(AU$509&lt;&gt;"",AU$510&lt;&gt;"")</formula>
    </cfRule>
    <cfRule type="expression" dxfId="8984" priority="11266">
      <formula>AND(AU$509="",AU$510="")</formula>
    </cfRule>
  </conditionalFormatting>
  <conditionalFormatting sqref="AV509:AV510">
    <cfRule type="expression" dxfId="8983" priority="11263">
      <formula>OR(AV$509&lt;&gt;"",AV$510&lt;&gt;"")</formula>
    </cfRule>
    <cfRule type="expression" dxfId="8982" priority="11264">
      <formula>AND(AV$509="",AV$510="")</formula>
    </cfRule>
  </conditionalFormatting>
  <conditionalFormatting sqref="AW509:AW510">
    <cfRule type="expression" dxfId="8981" priority="11261">
      <formula>OR(AW$509&lt;&gt;"",AW$510&lt;&gt;"")</formula>
    </cfRule>
    <cfRule type="expression" dxfId="8980" priority="11262">
      <formula>AND(AW$509="",AW$510="")</formula>
    </cfRule>
  </conditionalFormatting>
  <conditionalFormatting sqref="AX509:AX510">
    <cfRule type="expression" dxfId="8979" priority="11259">
      <formula>OR(AX$509&lt;&gt;"",AX$510&lt;&gt;"")</formula>
    </cfRule>
    <cfRule type="expression" dxfId="8978" priority="11260">
      <formula>AND(AX$509="",AX$510="")</formula>
    </cfRule>
  </conditionalFormatting>
  <conditionalFormatting sqref="AY509:AY510">
    <cfRule type="expression" dxfId="8977" priority="11257">
      <formula>OR(AY$509&lt;&gt;"",AY$510&lt;&gt;"")</formula>
    </cfRule>
    <cfRule type="expression" dxfId="8976" priority="11258">
      <formula>AND(AY$509="",AY$510="")</formula>
    </cfRule>
  </conditionalFormatting>
  <conditionalFormatting sqref="AZ509:AZ510">
    <cfRule type="expression" dxfId="8975" priority="11255">
      <formula>OR(AZ$509&lt;&gt;"",AZ$510&lt;&gt;"")</formula>
    </cfRule>
    <cfRule type="expression" dxfId="8974" priority="11256">
      <formula>AND(AZ$509="",AZ$510="")</formula>
    </cfRule>
  </conditionalFormatting>
  <conditionalFormatting sqref="BA509:BA510">
    <cfRule type="expression" dxfId="8973" priority="11253">
      <formula>OR(BA$509&lt;&gt;"",BA$510&lt;&gt;"")</formula>
    </cfRule>
    <cfRule type="expression" dxfId="8972" priority="11254">
      <formula>AND(BA$509="",BA$510="")</formula>
    </cfRule>
  </conditionalFormatting>
  <conditionalFormatting sqref="BB509:BB510">
    <cfRule type="expression" dxfId="8971" priority="11251">
      <formula>OR(BB$509&lt;&gt;"",BB$510&lt;&gt;"")</formula>
    </cfRule>
    <cfRule type="expression" dxfId="8970" priority="11252">
      <formula>AND(BB$509="",BB$510="")</formula>
    </cfRule>
  </conditionalFormatting>
  <conditionalFormatting sqref="BC509:BC510">
    <cfRule type="expression" dxfId="8969" priority="11249">
      <formula>OR(BC$509&lt;&gt;"",BC$510&lt;&gt;"")</formula>
    </cfRule>
    <cfRule type="expression" dxfId="8968" priority="11250">
      <formula>AND(BC$509="",BC$510="")</formula>
    </cfRule>
  </conditionalFormatting>
  <conditionalFormatting sqref="BD509:BD510">
    <cfRule type="expression" dxfId="8967" priority="11247">
      <formula>OR(BD$509&lt;&gt;"",BD$510&lt;&gt;"")</formula>
    </cfRule>
    <cfRule type="expression" dxfId="8966" priority="11248">
      <formula>AND(BD$509="",BD$510="")</formula>
    </cfRule>
  </conditionalFormatting>
  <conditionalFormatting sqref="BE509:BE510">
    <cfRule type="expression" dxfId="8965" priority="11245">
      <formula>OR(BE$509&lt;&gt;"",BE$510&lt;&gt;"")</formula>
    </cfRule>
    <cfRule type="expression" dxfId="8964" priority="11246">
      <formula>AND(BE$509="",BE$510="")</formula>
    </cfRule>
  </conditionalFormatting>
  <conditionalFormatting sqref="BF509:BF510">
    <cfRule type="expression" dxfId="8963" priority="11243">
      <formula>OR(BF$509&lt;&gt;"",BF$510&lt;&gt;"")</formula>
    </cfRule>
    <cfRule type="expression" dxfId="8962" priority="11244">
      <formula>AND(BF$509="",BF$510="")</formula>
    </cfRule>
  </conditionalFormatting>
  <conditionalFormatting sqref="BG509:BG510">
    <cfRule type="expression" dxfId="8961" priority="11241">
      <formula>OR(BG$509&lt;&gt;"",BG$510&lt;&gt;"")</formula>
    </cfRule>
    <cfRule type="expression" dxfId="8960" priority="11242">
      <formula>AND(BG$509="",BG$510="")</formula>
    </cfRule>
  </conditionalFormatting>
  <conditionalFormatting sqref="BH509:BH510">
    <cfRule type="expression" dxfId="8959" priority="11239">
      <formula>OR(BH$509&lt;&gt;"",BH$510&lt;&gt;"")</formula>
    </cfRule>
    <cfRule type="expression" dxfId="8958" priority="11240">
      <formula>AND(BH$509="",BH$510="")</formula>
    </cfRule>
  </conditionalFormatting>
  <conditionalFormatting sqref="BI509:BI510">
    <cfRule type="expression" dxfId="8957" priority="11237">
      <formula>OR(BI$509&lt;&gt;"",BI$510&lt;&gt;"")</formula>
    </cfRule>
    <cfRule type="expression" dxfId="8956" priority="11238">
      <formula>AND(BI$509="",BI$510="")</formula>
    </cfRule>
  </conditionalFormatting>
  <conditionalFormatting sqref="BJ509:BJ510">
    <cfRule type="expression" dxfId="8955" priority="11235">
      <formula>OR(BJ$509&lt;&gt;"",BJ$510&lt;&gt;"")</formula>
    </cfRule>
    <cfRule type="expression" dxfId="8954" priority="11236">
      <formula>AND(BJ$509="",BJ$510="")</formula>
    </cfRule>
  </conditionalFormatting>
  <conditionalFormatting sqref="BK509:BK510">
    <cfRule type="expression" dxfId="8953" priority="11233">
      <formula>OR(BK$509&lt;&gt;"",BK$510&lt;&gt;"")</formula>
    </cfRule>
    <cfRule type="expression" dxfId="8952" priority="11234">
      <formula>AND(BK$509="",BK$510="")</formula>
    </cfRule>
  </conditionalFormatting>
  <conditionalFormatting sqref="BL509:BL510">
    <cfRule type="expression" dxfId="8951" priority="11231">
      <formula>OR(BL$509&lt;&gt;"",BL$510&lt;&gt;"")</formula>
    </cfRule>
    <cfRule type="expression" dxfId="8950" priority="11232">
      <formula>AND(BL$509="",BL$510="")</formula>
    </cfRule>
  </conditionalFormatting>
  <conditionalFormatting sqref="BM509:BM510">
    <cfRule type="expression" dxfId="8949" priority="11229">
      <formula>OR(BM$509&lt;&gt;"",BM$510&lt;&gt;"")</formula>
    </cfRule>
    <cfRule type="expression" dxfId="8948" priority="11230">
      <formula>AND(BM$509="",BM$510="")</formula>
    </cfRule>
  </conditionalFormatting>
  <conditionalFormatting sqref="BN509:BN510">
    <cfRule type="expression" dxfId="8947" priority="11227">
      <formula>OR(BN$509&lt;&gt;"",BN$510&lt;&gt;"")</formula>
    </cfRule>
    <cfRule type="expression" dxfId="8946" priority="11228">
      <formula>AND(BN$509="",BN$510="")</formula>
    </cfRule>
  </conditionalFormatting>
  <conditionalFormatting sqref="BO509:BO510">
    <cfRule type="expression" dxfId="8945" priority="11225">
      <formula>OR(BO$509&lt;&gt;"",BO$510&lt;&gt;"")</formula>
    </cfRule>
    <cfRule type="expression" dxfId="8944" priority="11226">
      <formula>AND(BO$509="",BO$510="")</formula>
    </cfRule>
  </conditionalFormatting>
  <conditionalFormatting sqref="BP509:BP510">
    <cfRule type="expression" dxfId="8943" priority="11223">
      <formula>OR(BP$509&lt;&gt;"",BP$510&lt;&gt;"")</formula>
    </cfRule>
    <cfRule type="expression" dxfId="8942" priority="11224">
      <formula>AND(BP$509="",BP$510="")</formula>
    </cfRule>
  </conditionalFormatting>
  <conditionalFormatting sqref="BQ509:BQ510">
    <cfRule type="expression" dxfId="8941" priority="11221">
      <formula>OR(BQ$509&lt;&gt;"",BQ$510&lt;&gt;"")</formula>
    </cfRule>
    <cfRule type="expression" dxfId="8940" priority="11222">
      <formula>AND(BQ$509="",BQ$510="")</formula>
    </cfRule>
  </conditionalFormatting>
  <conditionalFormatting sqref="BR509:BR510">
    <cfRule type="expression" dxfId="8939" priority="11219">
      <formula>OR(BR$509&lt;&gt;"",BR$510&lt;&gt;"")</formula>
    </cfRule>
    <cfRule type="expression" dxfId="8938" priority="11220">
      <formula>AND(BR$509="",BR$510="")</formula>
    </cfRule>
  </conditionalFormatting>
  <conditionalFormatting sqref="BS509:BS510">
    <cfRule type="expression" dxfId="8937" priority="11217">
      <formula>OR(BS$509&lt;&gt;"",BS$510&lt;&gt;"")</formula>
    </cfRule>
    <cfRule type="expression" dxfId="8936" priority="11218">
      <formula>AND(BS$509="",BS$510="")</formula>
    </cfRule>
  </conditionalFormatting>
  <conditionalFormatting sqref="O523:O525">
    <cfRule type="expression" dxfId="8935" priority="11207">
      <formula>OR(O$521&lt;&gt;"",O$522&lt;&gt;"")</formula>
    </cfRule>
    <cfRule type="expression" dxfId="8934" priority="11208">
      <formula>AND(O$521="",O$522="")</formula>
    </cfRule>
  </conditionalFormatting>
  <conditionalFormatting sqref="O521:O522">
    <cfRule type="expression" dxfId="8933" priority="11209">
      <formula>OR(O$521&lt;&gt;"",O$522&lt;&gt;"")</formula>
    </cfRule>
    <cfRule type="expression" dxfId="8932" priority="11210">
      <formula>AND(O$521="",O$522="")</formula>
    </cfRule>
  </conditionalFormatting>
  <conditionalFormatting sqref="P523:P525">
    <cfRule type="expression" dxfId="8931" priority="11203">
      <formula>OR(P$521&lt;&gt;"",P$522&lt;&gt;"")</formula>
    </cfRule>
    <cfRule type="expression" dxfId="8930" priority="11204">
      <formula>AND(P$521="",P$522="")</formula>
    </cfRule>
  </conditionalFormatting>
  <conditionalFormatting sqref="P521:P522">
    <cfRule type="expression" dxfId="8929" priority="11205">
      <formula>OR(P$521&lt;&gt;"",P$522&lt;&gt;"")</formula>
    </cfRule>
    <cfRule type="expression" dxfId="8928" priority="11206">
      <formula>AND(P$521="",P$522="")</formula>
    </cfRule>
  </conditionalFormatting>
  <conditionalFormatting sqref="Q523:Q525">
    <cfRule type="expression" dxfId="8927" priority="11199">
      <formula>OR(Q$521&lt;&gt;"",Q$522&lt;&gt;"")</formula>
    </cfRule>
    <cfRule type="expression" dxfId="8926" priority="11200">
      <formula>AND(Q$521="",Q$522="")</formula>
    </cfRule>
  </conditionalFormatting>
  <conditionalFormatting sqref="Q521:Q522">
    <cfRule type="expression" dxfId="8925" priority="11201">
      <formula>OR(Q$521&lt;&gt;"",Q$522&lt;&gt;"")</formula>
    </cfRule>
    <cfRule type="expression" dxfId="8924" priority="11202">
      <formula>AND(Q$521="",Q$522="")</formula>
    </cfRule>
  </conditionalFormatting>
  <conditionalFormatting sqref="R523:R525">
    <cfRule type="expression" dxfId="8923" priority="11195">
      <formula>OR(R$521&lt;&gt;"",R$522&lt;&gt;"")</formula>
    </cfRule>
    <cfRule type="expression" dxfId="8922" priority="11196">
      <formula>AND(R$521="",R$522="")</formula>
    </cfRule>
  </conditionalFormatting>
  <conditionalFormatting sqref="R521:R522">
    <cfRule type="expression" dxfId="8921" priority="11197">
      <formula>OR(R$521&lt;&gt;"",R$522&lt;&gt;"")</formula>
    </cfRule>
    <cfRule type="expression" dxfId="8920" priority="11198">
      <formula>AND(R$521="",R$522="")</formula>
    </cfRule>
  </conditionalFormatting>
  <conditionalFormatting sqref="S523:S525">
    <cfRule type="expression" dxfId="8919" priority="11191">
      <formula>OR(S$521&lt;&gt;"",S$522&lt;&gt;"")</formula>
    </cfRule>
    <cfRule type="expression" dxfId="8918" priority="11192">
      <formula>AND(S$521="",S$522="")</formula>
    </cfRule>
  </conditionalFormatting>
  <conditionalFormatting sqref="S521:S522">
    <cfRule type="expression" dxfId="8917" priority="11193">
      <formula>OR(S$521&lt;&gt;"",S$522&lt;&gt;"")</formula>
    </cfRule>
    <cfRule type="expression" dxfId="8916" priority="11194">
      <formula>AND(S$521="",S$522="")</formula>
    </cfRule>
  </conditionalFormatting>
  <conditionalFormatting sqref="T523:T525">
    <cfRule type="expression" dxfId="8915" priority="11187">
      <formula>OR(T$521&lt;&gt;"",T$522&lt;&gt;"")</formula>
    </cfRule>
    <cfRule type="expression" dxfId="8914" priority="11188">
      <formula>AND(T$521="",T$522="")</formula>
    </cfRule>
  </conditionalFormatting>
  <conditionalFormatting sqref="T521:T522">
    <cfRule type="expression" dxfId="8913" priority="11189">
      <formula>OR(T$521&lt;&gt;"",T$522&lt;&gt;"")</formula>
    </cfRule>
    <cfRule type="expression" dxfId="8912" priority="11190">
      <formula>AND(T$521="",T$522="")</formula>
    </cfRule>
  </conditionalFormatting>
  <conditionalFormatting sqref="U523:U525">
    <cfRule type="expression" dxfId="8911" priority="11183">
      <formula>OR(U$521&lt;&gt;"",U$522&lt;&gt;"")</formula>
    </cfRule>
    <cfRule type="expression" dxfId="8910" priority="11184">
      <formula>AND(U$521="",U$522="")</formula>
    </cfRule>
  </conditionalFormatting>
  <conditionalFormatting sqref="U521:U522">
    <cfRule type="expression" dxfId="8909" priority="11185">
      <formula>OR(U$521&lt;&gt;"",U$522&lt;&gt;"")</formula>
    </cfRule>
    <cfRule type="expression" dxfId="8908" priority="11186">
      <formula>AND(U$521="",U$522="")</formula>
    </cfRule>
  </conditionalFormatting>
  <conditionalFormatting sqref="V523:V525">
    <cfRule type="expression" dxfId="8907" priority="11179">
      <formula>OR(V$521&lt;&gt;"",V$522&lt;&gt;"")</formula>
    </cfRule>
    <cfRule type="expression" dxfId="8906" priority="11180">
      <formula>AND(V$521="",V$522="")</formula>
    </cfRule>
  </conditionalFormatting>
  <conditionalFormatting sqref="V521:V522">
    <cfRule type="expression" dxfId="8905" priority="11181">
      <formula>OR(V$521&lt;&gt;"",V$522&lt;&gt;"")</formula>
    </cfRule>
    <cfRule type="expression" dxfId="8904" priority="11182">
      <formula>AND(V$521="",V$522="")</formula>
    </cfRule>
  </conditionalFormatting>
  <conditionalFormatting sqref="W523:W525">
    <cfRule type="expression" dxfId="8903" priority="11175">
      <formula>OR(W$521&lt;&gt;"",W$522&lt;&gt;"")</formula>
    </cfRule>
    <cfRule type="expression" dxfId="8902" priority="11176">
      <formula>AND(W$521="",W$522="")</formula>
    </cfRule>
  </conditionalFormatting>
  <conditionalFormatting sqref="W521:W522">
    <cfRule type="expression" dxfId="8901" priority="11177">
      <formula>OR(W$521&lt;&gt;"",W$522&lt;&gt;"")</formula>
    </cfRule>
    <cfRule type="expression" dxfId="8900" priority="11178">
      <formula>AND(W$521="",W$522="")</formula>
    </cfRule>
  </conditionalFormatting>
  <conditionalFormatting sqref="X523:X525">
    <cfRule type="expression" dxfId="8899" priority="11171">
      <formula>OR(X$521&lt;&gt;"",X$522&lt;&gt;"")</formula>
    </cfRule>
    <cfRule type="expression" dxfId="8898" priority="11172">
      <formula>AND(X$521="",X$522="")</formula>
    </cfRule>
  </conditionalFormatting>
  <conditionalFormatting sqref="X521:X522">
    <cfRule type="expression" dxfId="8897" priority="11173">
      <formula>OR(X$521&lt;&gt;"",X$522&lt;&gt;"")</formula>
    </cfRule>
    <cfRule type="expression" dxfId="8896" priority="11174">
      <formula>AND(X$521="",X$522="")</formula>
    </cfRule>
  </conditionalFormatting>
  <conditionalFormatting sqref="Y523:Y525">
    <cfRule type="expression" dxfId="8895" priority="11167">
      <formula>OR(Y$521&lt;&gt;"",Y$522&lt;&gt;"")</formula>
    </cfRule>
    <cfRule type="expression" dxfId="8894" priority="11168">
      <formula>AND(Y$521="",Y$522="")</formula>
    </cfRule>
  </conditionalFormatting>
  <conditionalFormatting sqref="Y521:Y522">
    <cfRule type="expression" dxfId="8893" priority="11169">
      <formula>OR(Y$521&lt;&gt;"",Y$522&lt;&gt;"")</formula>
    </cfRule>
    <cfRule type="expression" dxfId="8892" priority="11170">
      <formula>AND(Y$521="",Y$522="")</formula>
    </cfRule>
  </conditionalFormatting>
  <conditionalFormatting sqref="Z523:Z525">
    <cfRule type="expression" dxfId="8891" priority="11163">
      <formula>OR(Z$521&lt;&gt;"",Z$522&lt;&gt;"")</formula>
    </cfRule>
    <cfRule type="expression" dxfId="8890" priority="11164">
      <formula>AND(Z$521="",Z$522="")</formula>
    </cfRule>
  </conditionalFormatting>
  <conditionalFormatting sqref="Z521:Z522">
    <cfRule type="expression" dxfId="8889" priority="11165">
      <formula>OR(Z$521&lt;&gt;"",Z$522&lt;&gt;"")</formula>
    </cfRule>
    <cfRule type="expression" dxfId="8888" priority="11166">
      <formula>AND(Z$521="",Z$522="")</formula>
    </cfRule>
  </conditionalFormatting>
  <conditionalFormatting sqref="AA523:AA525">
    <cfRule type="expression" dxfId="8887" priority="11159">
      <formula>OR(AA$521&lt;&gt;"",AA$522&lt;&gt;"")</formula>
    </cfRule>
    <cfRule type="expression" dxfId="8886" priority="11160">
      <formula>AND(AA$521="",AA$522="")</formula>
    </cfRule>
  </conditionalFormatting>
  <conditionalFormatting sqref="AA521:AA522">
    <cfRule type="expression" dxfId="8885" priority="11161">
      <formula>OR(AA$521&lt;&gt;"",AA$522&lt;&gt;"")</formula>
    </cfRule>
    <cfRule type="expression" dxfId="8884" priority="11162">
      <formula>AND(AA$521="",AA$522="")</formula>
    </cfRule>
  </conditionalFormatting>
  <conditionalFormatting sqref="AB523:AB525">
    <cfRule type="expression" dxfId="8883" priority="11155">
      <formula>OR(AB$521&lt;&gt;"",AB$522&lt;&gt;"")</formula>
    </cfRule>
    <cfRule type="expression" dxfId="8882" priority="11156">
      <formula>AND(AB$521="",AB$522="")</formula>
    </cfRule>
  </conditionalFormatting>
  <conditionalFormatting sqref="AB521:AB522">
    <cfRule type="expression" dxfId="8881" priority="11157">
      <formula>OR(AB$521&lt;&gt;"",AB$522&lt;&gt;"")</formula>
    </cfRule>
    <cfRule type="expression" dxfId="8880" priority="11158">
      <formula>AND(AB$521="",AB$522="")</formula>
    </cfRule>
  </conditionalFormatting>
  <conditionalFormatting sqref="AC523:AC525">
    <cfRule type="expression" dxfId="8879" priority="11151">
      <formula>OR(AC$521&lt;&gt;"",AC$522&lt;&gt;"")</formula>
    </cfRule>
    <cfRule type="expression" dxfId="8878" priority="11152">
      <formula>AND(AC$521="",AC$522="")</formula>
    </cfRule>
  </conditionalFormatting>
  <conditionalFormatting sqref="AC521:AC522">
    <cfRule type="expression" dxfId="8877" priority="11153">
      <formula>OR(AC$521&lt;&gt;"",AC$522&lt;&gt;"")</formula>
    </cfRule>
    <cfRule type="expression" dxfId="8876" priority="11154">
      <formula>AND(AC$521="",AC$522="")</formula>
    </cfRule>
  </conditionalFormatting>
  <conditionalFormatting sqref="AD523:AD525">
    <cfRule type="expression" dxfId="8875" priority="11147">
      <formula>OR(AD$521&lt;&gt;"",AD$522&lt;&gt;"")</formula>
    </cfRule>
    <cfRule type="expression" dxfId="8874" priority="11148">
      <formula>AND(AD$521="",AD$522="")</formula>
    </cfRule>
  </conditionalFormatting>
  <conditionalFormatting sqref="AD521:AD522">
    <cfRule type="expression" dxfId="8873" priority="11149">
      <formula>OR(AD$521&lt;&gt;"",AD$522&lt;&gt;"")</formula>
    </cfRule>
    <cfRule type="expression" dxfId="8872" priority="11150">
      <formula>AND(AD$521="",AD$522="")</formula>
    </cfRule>
  </conditionalFormatting>
  <conditionalFormatting sqref="AE523:AE525">
    <cfRule type="expression" dxfId="8871" priority="11143">
      <formula>OR(AE$521&lt;&gt;"",AE$522&lt;&gt;"")</formula>
    </cfRule>
    <cfRule type="expression" dxfId="8870" priority="11144">
      <formula>AND(AE$521="",AE$522="")</formula>
    </cfRule>
  </conditionalFormatting>
  <conditionalFormatting sqref="AE521:AE522">
    <cfRule type="expression" dxfId="8869" priority="11145">
      <formula>OR(AE$521&lt;&gt;"",AE$522&lt;&gt;"")</formula>
    </cfRule>
    <cfRule type="expression" dxfId="8868" priority="11146">
      <formula>AND(AE$521="",AE$522="")</formula>
    </cfRule>
  </conditionalFormatting>
  <conditionalFormatting sqref="AF523:AF525">
    <cfRule type="expression" dxfId="8867" priority="11139">
      <formula>OR(AF$521&lt;&gt;"",AF$522&lt;&gt;"")</formula>
    </cfRule>
    <cfRule type="expression" dxfId="8866" priority="11140">
      <formula>AND(AF$521="",AF$522="")</formula>
    </cfRule>
  </conditionalFormatting>
  <conditionalFormatting sqref="AF521:AF522">
    <cfRule type="expression" dxfId="8865" priority="11141">
      <formula>OR(AF$521&lt;&gt;"",AF$522&lt;&gt;"")</formula>
    </cfRule>
    <cfRule type="expression" dxfId="8864" priority="11142">
      <formula>AND(AF$521="",AF$522="")</formula>
    </cfRule>
  </conditionalFormatting>
  <conditionalFormatting sqref="AG523:AG525">
    <cfRule type="expression" dxfId="8863" priority="11135">
      <formula>OR(AG$521&lt;&gt;"",AG$522&lt;&gt;"")</formula>
    </cfRule>
    <cfRule type="expression" dxfId="8862" priority="11136">
      <formula>AND(AG$521="",AG$522="")</formula>
    </cfRule>
  </conditionalFormatting>
  <conditionalFormatting sqref="AG521:AG522">
    <cfRule type="expression" dxfId="8861" priority="11137">
      <formula>OR(AG$521&lt;&gt;"",AG$522&lt;&gt;"")</formula>
    </cfRule>
    <cfRule type="expression" dxfId="8860" priority="11138">
      <formula>AND(AG$521="",AG$522="")</formula>
    </cfRule>
  </conditionalFormatting>
  <conditionalFormatting sqref="AH523:AH525">
    <cfRule type="expression" dxfId="8859" priority="11131">
      <formula>OR(AH$521&lt;&gt;"",AH$522&lt;&gt;"")</formula>
    </cfRule>
    <cfRule type="expression" dxfId="8858" priority="11132">
      <formula>AND(AH$521="",AH$522="")</formula>
    </cfRule>
  </conditionalFormatting>
  <conditionalFormatting sqref="AH521:AH522">
    <cfRule type="expression" dxfId="8857" priority="11133">
      <formula>OR(AH$521&lt;&gt;"",AH$522&lt;&gt;"")</formula>
    </cfRule>
    <cfRule type="expression" dxfId="8856" priority="11134">
      <formula>AND(AH$521="",AH$522="")</formula>
    </cfRule>
  </conditionalFormatting>
  <conditionalFormatting sqref="AI523:AI525">
    <cfRule type="expression" dxfId="8855" priority="11127">
      <formula>OR(AI$521&lt;&gt;"",AI$522&lt;&gt;"")</formula>
    </cfRule>
    <cfRule type="expression" dxfId="8854" priority="11128">
      <formula>AND(AI$521="",AI$522="")</formula>
    </cfRule>
  </conditionalFormatting>
  <conditionalFormatting sqref="AI521:AI522">
    <cfRule type="expression" dxfId="8853" priority="11129">
      <formula>OR(AI$521&lt;&gt;"",AI$522&lt;&gt;"")</formula>
    </cfRule>
    <cfRule type="expression" dxfId="8852" priority="11130">
      <formula>AND(AI$521="",AI$522="")</formula>
    </cfRule>
  </conditionalFormatting>
  <conditionalFormatting sqref="AJ523:AJ525">
    <cfRule type="expression" dxfId="8851" priority="11123">
      <formula>OR(AJ$521&lt;&gt;"",AJ$522&lt;&gt;"")</formula>
    </cfRule>
    <cfRule type="expression" dxfId="8850" priority="11124">
      <formula>AND(AJ$521="",AJ$522="")</formula>
    </cfRule>
  </conditionalFormatting>
  <conditionalFormatting sqref="AJ521:AJ522">
    <cfRule type="expression" dxfId="8849" priority="11125">
      <formula>OR(AJ$521&lt;&gt;"",AJ$522&lt;&gt;"")</formula>
    </cfRule>
    <cfRule type="expression" dxfId="8848" priority="11126">
      <formula>AND(AJ$521="",AJ$522="")</formula>
    </cfRule>
  </conditionalFormatting>
  <conditionalFormatting sqref="AK523:AK525">
    <cfRule type="expression" dxfId="8847" priority="11119">
      <formula>OR(AK$521&lt;&gt;"",AK$522&lt;&gt;"")</formula>
    </cfRule>
    <cfRule type="expression" dxfId="8846" priority="11120">
      <formula>AND(AK$521="",AK$522="")</formula>
    </cfRule>
  </conditionalFormatting>
  <conditionalFormatting sqref="AK521:AK522">
    <cfRule type="expression" dxfId="8845" priority="11121">
      <formula>OR(AK$521&lt;&gt;"",AK$522&lt;&gt;"")</formula>
    </cfRule>
    <cfRule type="expression" dxfId="8844" priority="11122">
      <formula>AND(AK$521="",AK$522="")</formula>
    </cfRule>
  </conditionalFormatting>
  <conditionalFormatting sqref="AL523:AL525">
    <cfRule type="expression" dxfId="8843" priority="11115">
      <formula>OR(AL$521&lt;&gt;"",AL$522&lt;&gt;"")</formula>
    </cfRule>
    <cfRule type="expression" dxfId="8842" priority="11116">
      <formula>AND(AL$521="",AL$522="")</formula>
    </cfRule>
  </conditionalFormatting>
  <conditionalFormatting sqref="AL521:AL522">
    <cfRule type="expression" dxfId="8841" priority="11117">
      <formula>OR(AL$521&lt;&gt;"",AL$522&lt;&gt;"")</formula>
    </cfRule>
    <cfRule type="expression" dxfId="8840" priority="11118">
      <formula>AND(AL$521="",AL$522="")</formula>
    </cfRule>
  </conditionalFormatting>
  <conditionalFormatting sqref="AM523:AM525">
    <cfRule type="expression" dxfId="8839" priority="11111">
      <formula>OR(AM$521&lt;&gt;"",AM$522&lt;&gt;"")</formula>
    </cfRule>
    <cfRule type="expression" dxfId="8838" priority="11112">
      <formula>AND(AM$521="",AM$522="")</formula>
    </cfRule>
  </conditionalFormatting>
  <conditionalFormatting sqref="AM521:AM522">
    <cfRule type="expression" dxfId="8837" priority="11113">
      <formula>OR(AM$521&lt;&gt;"",AM$522&lt;&gt;"")</formula>
    </cfRule>
    <cfRule type="expression" dxfId="8836" priority="11114">
      <formula>AND(AM$521="",AM$522="")</formula>
    </cfRule>
  </conditionalFormatting>
  <conditionalFormatting sqref="AN523:AN525">
    <cfRule type="expression" dxfId="8835" priority="11107">
      <formula>OR(AN$521&lt;&gt;"",AN$522&lt;&gt;"")</formula>
    </cfRule>
    <cfRule type="expression" dxfId="8834" priority="11108">
      <formula>AND(AN$521="",AN$522="")</formula>
    </cfRule>
  </conditionalFormatting>
  <conditionalFormatting sqref="AN521:AN522">
    <cfRule type="expression" dxfId="8833" priority="11109">
      <formula>OR(AN$521&lt;&gt;"",AN$522&lt;&gt;"")</formula>
    </cfRule>
    <cfRule type="expression" dxfId="8832" priority="11110">
      <formula>AND(AN$521="",AN$522="")</formula>
    </cfRule>
  </conditionalFormatting>
  <conditionalFormatting sqref="AO523:AO525">
    <cfRule type="expression" dxfId="8831" priority="11103">
      <formula>OR(AO$521&lt;&gt;"",AO$522&lt;&gt;"")</formula>
    </cfRule>
    <cfRule type="expression" dxfId="8830" priority="11104">
      <formula>AND(AO$521="",AO$522="")</formula>
    </cfRule>
  </conditionalFormatting>
  <conditionalFormatting sqref="AO521:AO522">
    <cfRule type="expression" dxfId="8829" priority="11105">
      <formula>OR(AO$521&lt;&gt;"",AO$522&lt;&gt;"")</formula>
    </cfRule>
    <cfRule type="expression" dxfId="8828" priority="11106">
      <formula>AND(AO$521="",AO$522="")</formula>
    </cfRule>
  </conditionalFormatting>
  <conditionalFormatting sqref="AP523:AP525">
    <cfRule type="expression" dxfId="8827" priority="11099">
      <formula>OR(AP$521&lt;&gt;"",AP$522&lt;&gt;"")</formula>
    </cfRule>
    <cfRule type="expression" dxfId="8826" priority="11100">
      <formula>AND(AP$521="",AP$522="")</formula>
    </cfRule>
  </conditionalFormatting>
  <conditionalFormatting sqref="AP521:AP522">
    <cfRule type="expression" dxfId="8825" priority="11101">
      <formula>OR(AP$521&lt;&gt;"",AP$522&lt;&gt;"")</formula>
    </cfRule>
    <cfRule type="expression" dxfId="8824" priority="11102">
      <formula>AND(AP$521="",AP$522="")</formula>
    </cfRule>
  </conditionalFormatting>
  <conditionalFormatting sqref="AQ523:AQ525">
    <cfRule type="expression" dxfId="8823" priority="11095">
      <formula>OR(AQ$521&lt;&gt;"",AQ$522&lt;&gt;"")</formula>
    </cfRule>
    <cfRule type="expression" dxfId="8822" priority="11096">
      <formula>AND(AQ$521="",AQ$522="")</formula>
    </cfRule>
  </conditionalFormatting>
  <conditionalFormatting sqref="AQ521:AQ522">
    <cfRule type="expression" dxfId="8821" priority="11097">
      <formula>OR(AQ$521&lt;&gt;"",AQ$522&lt;&gt;"")</formula>
    </cfRule>
    <cfRule type="expression" dxfId="8820" priority="11098">
      <formula>AND(AQ$521="",AQ$522="")</formula>
    </cfRule>
  </conditionalFormatting>
  <conditionalFormatting sqref="AR523:AR525">
    <cfRule type="expression" dxfId="8819" priority="11091">
      <formula>OR(AR$521&lt;&gt;"",AR$522&lt;&gt;"")</formula>
    </cfRule>
    <cfRule type="expression" dxfId="8818" priority="11092">
      <formula>AND(AR$521="",AR$522="")</formula>
    </cfRule>
  </conditionalFormatting>
  <conditionalFormatting sqref="AR521:AR522">
    <cfRule type="expression" dxfId="8817" priority="11093">
      <formula>OR(AR$521&lt;&gt;"",AR$522&lt;&gt;"")</formula>
    </cfRule>
    <cfRule type="expression" dxfId="8816" priority="11094">
      <formula>AND(AR$521="",AR$522="")</formula>
    </cfRule>
  </conditionalFormatting>
  <conditionalFormatting sqref="AS523:AS525">
    <cfRule type="expression" dxfId="8815" priority="11087">
      <formula>OR(AS$521&lt;&gt;"",AS$522&lt;&gt;"")</formula>
    </cfRule>
    <cfRule type="expression" dxfId="8814" priority="11088">
      <formula>AND(AS$521="",AS$522="")</formula>
    </cfRule>
  </conditionalFormatting>
  <conditionalFormatting sqref="AS521:AS522">
    <cfRule type="expression" dxfId="8813" priority="11089">
      <formula>OR(AS$521&lt;&gt;"",AS$522&lt;&gt;"")</formula>
    </cfRule>
    <cfRule type="expression" dxfId="8812" priority="11090">
      <formula>AND(AS$521="",AS$522="")</formula>
    </cfRule>
  </conditionalFormatting>
  <conditionalFormatting sqref="AT523:AT525">
    <cfRule type="expression" dxfId="8811" priority="11083">
      <formula>OR(AT$521&lt;&gt;"",AT$522&lt;&gt;"")</formula>
    </cfRule>
    <cfRule type="expression" dxfId="8810" priority="11084">
      <formula>AND(AT$521="",AT$522="")</formula>
    </cfRule>
  </conditionalFormatting>
  <conditionalFormatting sqref="AT521:AT522">
    <cfRule type="expression" dxfId="8809" priority="11085">
      <formula>OR(AT$521&lt;&gt;"",AT$522&lt;&gt;"")</formula>
    </cfRule>
    <cfRule type="expression" dxfId="8808" priority="11086">
      <formula>AND(AT$521="",AT$522="")</formula>
    </cfRule>
  </conditionalFormatting>
  <conditionalFormatting sqref="AU523:AU525">
    <cfRule type="expression" dxfId="8807" priority="11079">
      <formula>OR(AU$521&lt;&gt;"",AU$522&lt;&gt;"")</formula>
    </cfRule>
    <cfRule type="expression" dxfId="8806" priority="11080">
      <formula>AND(AU$521="",AU$522="")</formula>
    </cfRule>
  </conditionalFormatting>
  <conditionalFormatting sqref="AU521:AU522">
    <cfRule type="expression" dxfId="8805" priority="11081">
      <formula>OR(AU$521&lt;&gt;"",AU$522&lt;&gt;"")</formula>
    </cfRule>
    <cfRule type="expression" dxfId="8804" priority="11082">
      <formula>AND(AU$521="",AU$522="")</formula>
    </cfRule>
  </conditionalFormatting>
  <conditionalFormatting sqref="AV523:AV525">
    <cfRule type="expression" dxfId="8803" priority="11075">
      <formula>OR(AV$521&lt;&gt;"",AV$522&lt;&gt;"")</formula>
    </cfRule>
    <cfRule type="expression" dxfId="8802" priority="11076">
      <formula>AND(AV$521="",AV$522="")</formula>
    </cfRule>
  </conditionalFormatting>
  <conditionalFormatting sqref="AV521:AV522">
    <cfRule type="expression" dxfId="8801" priority="11077">
      <formula>OR(AV$521&lt;&gt;"",AV$522&lt;&gt;"")</formula>
    </cfRule>
    <cfRule type="expression" dxfId="8800" priority="11078">
      <formula>AND(AV$521="",AV$522="")</formula>
    </cfRule>
  </conditionalFormatting>
  <conditionalFormatting sqref="AW523:AW525">
    <cfRule type="expression" dxfId="8799" priority="11071">
      <formula>OR(AW$521&lt;&gt;"",AW$522&lt;&gt;"")</formula>
    </cfRule>
    <cfRule type="expression" dxfId="8798" priority="11072">
      <formula>AND(AW$521="",AW$522="")</formula>
    </cfRule>
  </conditionalFormatting>
  <conditionalFormatting sqref="AW521:AW522">
    <cfRule type="expression" dxfId="8797" priority="11073">
      <formula>OR(AW$521&lt;&gt;"",AW$522&lt;&gt;"")</formula>
    </cfRule>
    <cfRule type="expression" dxfId="8796" priority="11074">
      <formula>AND(AW$521="",AW$522="")</formula>
    </cfRule>
  </conditionalFormatting>
  <conditionalFormatting sqref="AX523:AX525">
    <cfRule type="expression" dxfId="8795" priority="11067">
      <formula>OR(AX$521&lt;&gt;"",AX$522&lt;&gt;"")</formula>
    </cfRule>
    <cfRule type="expression" dxfId="8794" priority="11068">
      <formula>AND(AX$521="",AX$522="")</formula>
    </cfRule>
  </conditionalFormatting>
  <conditionalFormatting sqref="AX521:AX522">
    <cfRule type="expression" dxfId="8793" priority="11069">
      <formula>OR(AX$521&lt;&gt;"",AX$522&lt;&gt;"")</formula>
    </cfRule>
    <cfRule type="expression" dxfId="8792" priority="11070">
      <formula>AND(AX$521="",AX$522="")</formula>
    </cfRule>
  </conditionalFormatting>
  <conditionalFormatting sqref="AY523:AY525">
    <cfRule type="expression" dxfId="8791" priority="11063">
      <formula>OR(AY$521&lt;&gt;"",AY$522&lt;&gt;"")</formula>
    </cfRule>
    <cfRule type="expression" dxfId="8790" priority="11064">
      <formula>AND(AY$521="",AY$522="")</formula>
    </cfRule>
  </conditionalFormatting>
  <conditionalFormatting sqref="AY521:AY522">
    <cfRule type="expression" dxfId="8789" priority="11065">
      <formula>OR(AY$521&lt;&gt;"",AY$522&lt;&gt;"")</formula>
    </cfRule>
    <cfRule type="expression" dxfId="8788" priority="11066">
      <formula>AND(AY$521="",AY$522="")</formula>
    </cfRule>
  </conditionalFormatting>
  <conditionalFormatting sqref="AZ523:AZ525">
    <cfRule type="expression" dxfId="8787" priority="11059">
      <formula>OR(AZ$521&lt;&gt;"",AZ$522&lt;&gt;"")</formula>
    </cfRule>
    <cfRule type="expression" dxfId="8786" priority="11060">
      <formula>AND(AZ$521="",AZ$522="")</formula>
    </cfRule>
  </conditionalFormatting>
  <conditionalFormatting sqref="AZ521:AZ522">
    <cfRule type="expression" dxfId="8785" priority="11061">
      <formula>OR(AZ$521&lt;&gt;"",AZ$522&lt;&gt;"")</formula>
    </cfRule>
    <cfRule type="expression" dxfId="8784" priority="11062">
      <formula>AND(AZ$521="",AZ$522="")</formula>
    </cfRule>
  </conditionalFormatting>
  <conditionalFormatting sqref="BA523:BA525">
    <cfRule type="expression" dxfId="8783" priority="11055">
      <formula>OR(BA$521&lt;&gt;"",BA$522&lt;&gt;"")</formula>
    </cfRule>
    <cfRule type="expression" dxfId="8782" priority="11056">
      <formula>AND(BA$521="",BA$522="")</formula>
    </cfRule>
  </conditionalFormatting>
  <conditionalFormatting sqref="BA521:BA522">
    <cfRule type="expression" dxfId="8781" priority="11057">
      <formula>OR(BA$521&lt;&gt;"",BA$522&lt;&gt;"")</formula>
    </cfRule>
    <cfRule type="expression" dxfId="8780" priority="11058">
      <formula>AND(BA$521="",BA$522="")</formula>
    </cfRule>
  </conditionalFormatting>
  <conditionalFormatting sqref="BB523:BB525">
    <cfRule type="expression" dxfId="8779" priority="11051">
      <formula>OR(BB$521&lt;&gt;"",BB$522&lt;&gt;"")</formula>
    </cfRule>
    <cfRule type="expression" dxfId="8778" priority="11052">
      <formula>AND(BB$521="",BB$522="")</formula>
    </cfRule>
  </conditionalFormatting>
  <conditionalFormatting sqref="BB521:BB522">
    <cfRule type="expression" dxfId="8777" priority="11053">
      <formula>OR(BB$521&lt;&gt;"",BB$522&lt;&gt;"")</formula>
    </cfRule>
    <cfRule type="expression" dxfId="8776" priority="11054">
      <formula>AND(BB$521="",BB$522="")</formula>
    </cfRule>
  </conditionalFormatting>
  <conditionalFormatting sqref="BC523:BC525">
    <cfRule type="expression" dxfId="8775" priority="11047">
      <formula>OR(BC$521&lt;&gt;"",BC$522&lt;&gt;"")</formula>
    </cfRule>
    <cfRule type="expression" dxfId="8774" priority="11048">
      <formula>AND(BC$521="",BC$522="")</formula>
    </cfRule>
  </conditionalFormatting>
  <conditionalFormatting sqref="BC521:BC522">
    <cfRule type="expression" dxfId="8773" priority="11049">
      <formula>OR(BC$521&lt;&gt;"",BC$522&lt;&gt;"")</formula>
    </cfRule>
    <cfRule type="expression" dxfId="8772" priority="11050">
      <formula>AND(BC$521="",BC$522="")</formula>
    </cfRule>
  </conditionalFormatting>
  <conditionalFormatting sqref="BD523:BD525">
    <cfRule type="expression" dxfId="8771" priority="11043">
      <formula>OR(BD$521&lt;&gt;"",BD$522&lt;&gt;"")</formula>
    </cfRule>
    <cfRule type="expression" dxfId="8770" priority="11044">
      <formula>AND(BD$521="",BD$522="")</formula>
    </cfRule>
  </conditionalFormatting>
  <conditionalFormatting sqref="BD521:BD522">
    <cfRule type="expression" dxfId="8769" priority="11045">
      <formula>OR(BD$521&lt;&gt;"",BD$522&lt;&gt;"")</formula>
    </cfRule>
    <cfRule type="expression" dxfId="8768" priority="11046">
      <formula>AND(BD$521="",BD$522="")</formula>
    </cfRule>
  </conditionalFormatting>
  <conditionalFormatting sqref="BE523:BE525">
    <cfRule type="expression" dxfId="8767" priority="11039">
      <formula>OR(BE$521&lt;&gt;"",BE$522&lt;&gt;"")</formula>
    </cfRule>
    <cfRule type="expression" dxfId="8766" priority="11040">
      <formula>AND(BE$521="",BE$522="")</formula>
    </cfRule>
  </conditionalFormatting>
  <conditionalFormatting sqref="BE521:BE522">
    <cfRule type="expression" dxfId="8765" priority="11041">
      <formula>OR(BE$521&lt;&gt;"",BE$522&lt;&gt;"")</formula>
    </cfRule>
    <cfRule type="expression" dxfId="8764" priority="11042">
      <formula>AND(BE$521="",BE$522="")</formula>
    </cfRule>
  </conditionalFormatting>
  <conditionalFormatting sqref="BF523:BF525">
    <cfRule type="expression" dxfId="8763" priority="11035">
      <formula>OR(BF$521&lt;&gt;"",BF$522&lt;&gt;"")</formula>
    </cfRule>
    <cfRule type="expression" dxfId="8762" priority="11036">
      <formula>AND(BF$521="",BF$522="")</formula>
    </cfRule>
  </conditionalFormatting>
  <conditionalFormatting sqref="BF521:BF522">
    <cfRule type="expression" dxfId="8761" priority="11037">
      <formula>OR(BF$521&lt;&gt;"",BF$522&lt;&gt;"")</formula>
    </cfRule>
    <cfRule type="expression" dxfId="8760" priority="11038">
      <formula>AND(BF$521="",BF$522="")</formula>
    </cfRule>
  </conditionalFormatting>
  <conditionalFormatting sqref="BG523:BG525">
    <cfRule type="expression" dxfId="8759" priority="11031">
      <formula>OR(BG$521&lt;&gt;"",BG$522&lt;&gt;"")</formula>
    </cfRule>
    <cfRule type="expression" dxfId="8758" priority="11032">
      <formula>AND(BG$521="",BG$522="")</formula>
    </cfRule>
  </conditionalFormatting>
  <conditionalFormatting sqref="BG521:BG522">
    <cfRule type="expression" dxfId="8757" priority="11033">
      <formula>OR(BG$521&lt;&gt;"",BG$522&lt;&gt;"")</formula>
    </cfRule>
    <cfRule type="expression" dxfId="8756" priority="11034">
      <formula>AND(BG$521="",BG$522="")</formula>
    </cfRule>
  </conditionalFormatting>
  <conditionalFormatting sqref="BH523:BH525">
    <cfRule type="expression" dxfId="8755" priority="11027">
      <formula>OR(BH$521&lt;&gt;"",BH$522&lt;&gt;"")</formula>
    </cfRule>
    <cfRule type="expression" dxfId="8754" priority="11028">
      <formula>AND(BH$521="",BH$522="")</formula>
    </cfRule>
  </conditionalFormatting>
  <conditionalFormatting sqref="BH521:BH522">
    <cfRule type="expression" dxfId="8753" priority="11029">
      <formula>OR(BH$521&lt;&gt;"",BH$522&lt;&gt;"")</formula>
    </cfRule>
    <cfRule type="expression" dxfId="8752" priority="11030">
      <formula>AND(BH$521="",BH$522="")</formula>
    </cfRule>
  </conditionalFormatting>
  <conditionalFormatting sqref="BI523:BI525">
    <cfRule type="expression" dxfId="8751" priority="11023">
      <formula>OR(BI$521&lt;&gt;"",BI$522&lt;&gt;"")</formula>
    </cfRule>
    <cfRule type="expression" dxfId="8750" priority="11024">
      <formula>AND(BI$521="",BI$522="")</formula>
    </cfRule>
  </conditionalFormatting>
  <conditionalFormatting sqref="BI521:BI522">
    <cfRule type="expression" dxfId="8749" priority="11025">
      <formula>OR(BI$521&lt;&gt;"",BI$522&lt;&gt;"")</formula>
    </cfRule>
    <cfRule type="expression" dxfId="8748" priority="11026">
      <formula>AND(BI$521="",BI$522="")</formula>
    </cfRule>
  </conditionalFormatting>
  <conditionalFormatting sqref="BJ523:BJ525">
    <cfRule type="expression" dxfId="8747" priority="11019">
      <formula>OR(BJ$521&lt;&gt;"",BJ$522&lt;&gt;"")</formula>
    </cfRule>
    <cfRule type="expression" dxfId="8746" priority="11020">
      <formula>AND(BJ$521="",BJ$522="")</formula>
    </cfRule>
  </conditionalFormatting>
  <conditionalFormatting sqref="BJ521:BJ522">
    <cfRule type="expression" dxfId="8745" priority="11021">
      <formula>OR(BJ$521&lt;&gt;"",BJ$522&lt;&gt;"")</formula>
    </cfRule>
    <cfRule type="expression" dxfId="8744" priority="11022">
      <formula>AND(BJ$521="",BJ$522="")</formula>
    </cfRule>
  </conditionalFormatting>
  <conditionalFormatting sqref="BK523:BK525">
    <cfRule type="expression" dxfId="8743" priority="11015">
      <formula>OR(BK$521&lt;&gt;"",BK$522&lt;&gt;"")</formula>
    </cfRule>
    <cfRule type="expression" dxfId="8742" priority="11016">
      <formula>AND(BK$521="",BK$522="")</formula>
    </cfRule>
  </conditionalFormatting>
  <conditionalFormatting sqref="BK521:BK522">
    <cfRule type="expression" dxfId="8741" priority="11017">
      <formula>OR(BK$521&lt;&gt;"",BK$522&lt;&gt;"")</formula>
    </cfRule>
    <cfRule type="expression" dxfId="8740" priority="11018">
      <formula>AND(BK$521="",BK$522="")</formula>
    </cfRule>
  </conditionalFormatting>
  <conditionalFormatting sqref="BL523:BL525">
    <cfRule type="expression" dxfId="8739" priority="11011">
      <formula>OR(BL$521&lt;&gt;"",BL$522&lt;&gt;"")</formula>
    </cfRule>
    <cfRule type="expression" dxfId="8738" priority="11012">
      <formula>AND(BL$521="",BL$522="")</formula>
    </cfRule>
  </conditionalFormatting>
  <conditionalFormatting sqref="BL521:BL522">
    <cfRule type="expression" dxfId="8737" priority="11013">
      <formula>OR(BL$521&lt;&gt;"",BL$522&lt;&gt;"")</formula>
    </cfRule>
    <cfRule type="expression" dxfId="8736" priority="11014">
      <formula>AND(BL$521="",BL$522="")</formula>
    </cfRule>
  </conditionalFormatting>
  <conditionalFormatting sqref="BM523:BM525">
    <cfRule type="expression" dxfId="8735" priority="11007">
      <formula>OR(BM$521&lt;&gt;"",BM$522&lt;&gt;"")</formula>
    </cfRule>
    <cfRule type="expression" dxfId="8734" priority="11008">
      <formula>AND(BM$521="",BM$522="")</formula>
    </cfRule>
  </conditionalFormatting>
  <conditionalFormatting sqref="BM521:BM522">
    <cfRule type="expression" dxfId="8733" priority="11009">
      <formula>OR(BM$521&lt;&gt;"",BM$522&lt;&gt;"")</formula>
    </cfRule>
    <cfRule type="expression" dxfId="8732" priority="11010">
      <formula>AND(BM$521="",BM$522="")</formula>
    </cfRule>
  </conditionalFormatting>
  <conditionalFormatting sqref="BN523:BN525">
    <cfRule type="expression" dxfId="8731" priority="11003">
      <formula>OR(BN$521&lt;&gt;"",BN$522&lt;&gt;"")</formula>
    </cfRule>
    <cfRule type="expression" dxfId="8730" priority="11004">
      <formula>AND(BN$521="",BN$522="")</formula>
    </cfRule>
  </conditionalFormatting>
  <conditionalFormatting sqref="BN521:BN522">
    <cfRule type="expression" dxfId="8729" priority="11005">
      <formula>OR(BN$521&lt;&gt;"",BN$522&lt;&gt;"")</formula>
    </cfRule>
    <cfRule type="expression" dxfId="8728" priority="11006">
      <formula>AND(BN$521="",BN$522="")</formula>
    </cfRule>
  </conditionalFormatting>
  <conditionalFormatting sqref="BO523:BO525">
    <cfRule type="expression" dxfId="8727" priority="10999">
      <formula>OR(BO$521&lt;&gt;"",BO$522&lt;&gt;"")</formula>
    </cfRule>
    <cfRule type="expression" dxfId="8726" priority="11000">
      <formula>AND(BO$521="",BO$522="")</formula>
    </cfRule>
  </conditionalFormatting>
  <conditionalFormatting sqref="BO521:BO522">
    <cfRule type="expression" dxfId="8725" priority="11001">
      <formula>OR(BO$521&lt;&gt;"",BO$522&lt;&gt;"")</formula>
    </cfRule>
    <cfRule type="expression" dxfId="8724" priority="11002">
      <formula>AND(BO$521="",BO$522="")</formula>
    </cfRule>
  </conditionalFormatting>
  <conditionalFormatting sqref="BP523:BP525">
    <cfRule type="expression" dxfId="8723" priority="10995">
      <formula>OR(BP$521&lt;&gt;"",BP$522&lt;&gt;"")</formula>
    </cfRule>
    <cfRule type="expression" dxfId="8722" priority="10996">
      <formula>AND(BP$521="",BP$522="")</formula>
    </cfRule>
  </conditionalFormatting>
  <conditionalFormatting sqref="BP521:BP522">
    <cfRule type="expression" dxfId="8721" priority="10997">
      <formula>OR(BP$521&lt;&gt;"",BP$522&lt;&gt;"")</formula>
    </cfRule>
    <cfRule type="expression" dxfId="8720" priority="10998">
      <formula>AND(BP$521="",BP$522="")</formula>
    </cfRule>
  </conditionalFormatting>
  <conditionalFormatting sqref="BQ523:BQ525">
    <cfRule type="expression" dxfId="8719" priority="10991">
      <formula>OR(BQ$521&lt;&gt;"",BQ$522&lt;&gt;"")</formula>
    </cfRule>
    <cfRule type="expression" dxfId="8718" priority="10992">
      <formula>AND(BQ$521="",BQ$522="")</formula>
    </cfRule>
  </conditionalFormatting>
  <conditionalFormatting sqref="BQ521:BQ522">
    <cfRule type="expression" dxfId="8717" priority="10993">
      <formula>OR(BQ$521&lt;&gt;"",BQ$522&lt;&gt;"")</formula>
    </cfRule>
    <cfRule type="expression" dxfId="8716" priority="10994">
      <formula>AND(BQ$521="",BQ$522="")</formula>
    </cfRule>
  </conditionalFormatting>
  <conditionalFormatting sqref="BR523:BR525">
    <cfRule type="expression" dxfId="8715" priority="10987">
      <formula>OR(BR$521&lt;&gt;"",BR$522&lt;&gt;"")</formula>
    </cfRule>
    <cfRule type="expression" dxfId="8714" priority="10988">
      <formula>AND(BR$521="",BR$522="")</formula>
    </cfRule>
  </conditionalFormatting>
  <conditionalFormatting sqref="BR521:BR522">
    <cfRule type="expression" dxfId="8713" priority="10989">
      <formula>OR(BR$521&lt;&gt;"",BR$522&lt;&gt;"")</formula>
    </cfRule>
    <cfRule type="expression" dxfId="8712" priority="10990">
      <formula>AND(BR$521="",BR$522="")</formula>
    </cfRule>
  </conditionalFormatting>
  <conditionalFormatting sqref="BS523:BS525">
    <cfRule type="expression" dxfId="8711" priority="10983">
      <formula>OR(BS$521&lt;&gt;"",BS$522&lt;&gt;"")</formula>
    </cfRule>
    <cfRule type="expression" dxfId="8710" priority="10984">
      <formula>AND(BS$521="",BS$522="")</formula>
    </cfRule>
  </conditionalFormatting>
  <conditionalFormatting sqref="BS521:BS522">
    <cfRule type="expression" dxfId="8709" priority="10985">
      <formula>OR(BS$521&lt;&gt;"",BS$522&lt;&gt;"")</formula>
    </cfRule>
    <cfRule type="expression" dxfId="8708" priority="10986">
      <formula>AND(BS$521="",BS$522="")</formula>
    </cfRule>
  </conditionalFormatting>
  <conditionalFormatting sqref="M528:M529">
    <cfRule type="expression" dxfId="8707" priority="10981">
      <formula>OR(M$528&lt;&gt;"",M$529&lt;&gt;"")</formula>
    </cfRule>
    <cfRule type="expression" dxfId="8706" priority="10982">
      <formula>AND(M$528="",M$529="")</formula>
    </cfRule>
  </conditionalFormatting>
  <conditionalFormatting sqref="N528:N529">
    <cfRule type="expression" dxfId="8705" priority="10979">
      <formula>OR(N$528&lt;&gt;"",N$529&lt;&gt;"")</formula>
    </cfRule>
    <cfRule type="expression" dxfId="8704" priority="10980">
      <formula>AND(N$528="",N$529="")</formula>
    </cfRule>
  </conditionalFormatting>
  <conditionalFormatting sqref="M530">
    <cfRule type="expression" dxfId="8703" priority="10977">
      <formula>OR($M$528&lt;&gt;"",$M$529&lt;&gt;"")</formula>
    </cfRule>
    <cfRule type="expression" dxfId="8702" priority="10978">
      <formula>AND($M$528="",$M$529="")</formula>
    </cfRule>
  </conditionalFormatting>
  <conditionalFormatting sqref="N530">
    <cfRule type="expression" dxfId="8701" priority="10975">
      <formula>OR(N$528&lt;&gt;"",N$529&lt;&gt;"")</formula>
    </cfRule>
    <cfRule type="expression" dxfId="8700" priority="10976">
      <formula>AND(N$528="",N$529="")</formula>
    </cfRule>
  </conditionalFormatting>
  <conditionalFormatting sqref="O528:O529">
    <cfRule type="expression" dxfId="8699" priority="10973">
      <formula>OR(O$528&lt;&gt;"",O$529&lt;&gt;"")</formula>
    </cfRule>
    <cfRule type="expression" dxfId="8698" priority="10974">
      <formula>AND(O$528="",O$529="")</formula>
    </cfRule>
  </conditionalFormatting>
  <conditionalFormatting sqref="O530">
    <cfRule type="expression" dxfId="8697" priority="10971">
      <formula>OR(O$528&lt;&gt;"",O$529&lt;&gt;"")</formula>
    </cfRule>
    <cfRule type="expression" dxfId="8696" priority="10972">
      <formula>AND(O$528="",O$529="")</formula>
    </cfRule>
  </conditionalFormatting>
  <conditionalFormatting sqref="P528:P529">
    <cfRule type="expression" dxfId="8695" priority="10969">
      <formula>OR(P$528&lt;&gt;"",P$529&lt;&gt;"")</formula>
    </cfRule>
    <cfRule type="expression" dxfId="8694" priority="10970">
      <formula>AND(P$528="",P$529="")</formula>
    </cfRule>
  </conditionalFormatting>
  <conditionalFormatting sqref="P530">
    <cfRule type="expression" dxfId="8693" priority="10967">
      <formula>OR(P$528&lt;&gt;"",P$529&lt;&gt;"")</formula>
    </cfRule>
    <cfRule type="expression" dxfId="8692" priority="10968">
      <formula>AND(P$528="",P$529="")</formula>
    </cfRule>
  </conditionalFormatting>
  <conditionalFormatting sqref="Q528:Q529">
    <cfRule type="expression" dxfId="8691" priority="10965">
      <formula>OR(Q$528&lt;&gt;"",Q$529&lt;&gt;"")</formula>
    </cfRule>
    <cfRule type="expression" dxfId="8690" priority="10966">
      <formula>AND(Q$528="",Q$529="")</formula>
    </cfRule>
  </conditionalFormatting>
  <conditionalFormatting sqref="Q530">
    <cfRule type="expression" dxfId="8689" priority="10963">
      <formula>OR(Q$528&lt;&gt;"",Q$529&lt;&gt;"")</formula>
    </cfRule>
    <cfRule type="expression" dxfId="8688" priority="10964">
      <formula>AND(Q$528="",Q$529="")</formula>
    </cfRule>
  </conditionalFormatting>
  <conditionalFormatting sqref="R528:R529">
    <cfRule type="expression" dxfId="8687" priority="10961">
      <formula>OR(R$528&lt;&gt;"",R$529&lt;&gt;"")</formula>
    </cfRule>
    <cfRule type="expression" dxfId="8686" priority="10962">
      <formula>AND(R$528="",R$529="")</formula>
    </cfRule>
  </conditionalFormatting>
  <conditionalFormatting sqref="R530">
    <cfRule type="expression" dxfId="8685" priority="10959">
      <formula>OR(R$528&lt;&gt;"",R$529&lt;&gt;"")</formula>
    </cfRule>
    <cfRule type="expression" dxfId="8684" priority="10960">
      <formula>AND(R$528="",R$529="")</formula>
    </cfRule>
  </conditionalFormatting>
  <conditionalFormatting sqref="S528:S529">
    <cfRule type="expression" dxfId="8683" priority="10957">
      <formula>OR(S$528&lt;&gt;"",S$529&lt;&gt;"")</formula>
    </cfRule>
    <cfRule type="expression" dxfId="8682" priority="10958">
      <formula>AND(S$528="",S$529="")</formula>
    </cfRule>
  </conditionalFormatting>
  <conditionalFormatting sqref="S530">
    <cfRule type="expression" dxfId="8681" priority="10955">
      <formula>OR(S$528&lt;&gt;"",S$529&lt;&gt;"")</formula>
    </cfRule>
    <cfRule type="expression" dxfId="8680" priority="10956">
      <formula>AND(S$528="",S$529="")</formula>
    </cfRule>
  </conditionalFormatting>
  <conditionalFormatting sqref="T528:T529">
    <cfRule type="expression" dxfId="8679" priority="10953">
      <formula>OR(T$528&lt;&gt;"",T$529&lt;&gt;"")</formula>
    </cfRule>
    <cfRule type="expression" dxfId="8678" priority="10954">
      <formula>AND(T$528="",T$529="")</formula>
    </cfRule>
  </conditionalFormatting>
  <conditionalFormatting sqref="T530">
    <cfRule type="expression" dxfId="8677" priority="10951">
      <formula>OR(T$528&lt;&gt;"",T$529&lt;&gt;"")</formula>
    </cfRule>
    <cfRule type="expression" dxfId="8676" priority="10952">
      <formula>AND(T$528="",T$529="")</formula>
    </cfRule>
  </conditionalFormatting>
  <conditionalFormatting sqref="U528:U529">
    <cfRule type="expression" dxfId="8675" priority="10949">
      <formula>OR(U$528&lt;&gt;"",U$529&lt;&gt;"")</formula>
    </cfRule>
    <cfRule type="expression" dxfId="8674" priority="10950">
      <formula>AND(U$528="",U$529="")</formula>
    </cfRule>
  </conditionalFormatting>
  <conditionalFormatting sqref="U530">
    <cfRule type="expression" dxfId="8673" priority="10947">
      <formula>OR(U$528&lt;&gt;"",U$529&lt;&gt;"")</formula>
    </cfRule>
    <cfRule type="expression" dxfId="8672" priority="10948">
      <formula>AND(U$528="",U$529="")</formula>
    </cfRule>
  </conditionalFormatting>
  <conditionalFormatting sqref="V528:V529">
    <cfRule type="expression" dxfId="8671" priority="10945">
      <formula>OR(V$528&lt;&gt;"",V$529&lt;&gt;"")</formula>
    </cfRule>
    <cfRule type="expression" dxfId="8670" priority="10946">
      <formula>AND(V$528="",V$529="")</formula>
    </cfRule>
  </conditionalFormatting>
  <conditionalFormatting sqref="V530">
    <cfRule type="expression" dxfId="8669" priority="10943">
      <formula>OR(V$528&lt;&gt;"",V$529&lt;&gt;"")</formula>
    </cfRule>
    <cfRule type="expression" dxfId="8668" priority="10944">
      <formula>AND(V$528="",V$529="")</formula>
    </cfRule>
  </conditionalFormatting>
  <conditionalFormatting sqref="W528:W529">
    <cfRule type="expression" dxfId="8667" priority="10941">
      <formula>OR(W$528&lt;&gt;"",W$529&lt;&gt;"")</formula>
    </cfRule>
    <cfRule type="expression" dxfId="8666" priority="10942">
      <formula>AND(W$528="",W$529="")</formula>
    </cfRule>
  </conditionalFormatting>
  <conditionalFormatting sqref="W530">
    <cfRule type="expression" dxfId="8665" priority="10939">
      <formula>OR(W$528&lt;&gt;"",W$529&lt;&gt;"")</formula>
    </cfRule>
    <cfRule type="expression" dxfId="8664" priority="10940">
      <formula>AND(W$528="",W$529="")</formula>
    </cfRule>
  </conditionalFormatting>
  <conditionalFormatting sqref="X528:X529">
    <cfRule type="expression" dxfId="8663" priority="10937">
      <formula>OR(X$528&lt;&gt;"",X$529&lt;&gt;"")</formula>
    </cfRule>
    <cfRule type="expression" dxfId="8662" priority="10938">
      <formula>AND(X$528="",X$529="")</formula>
    </cfRule>
  </conditionalFormatting>
  <conditionalFormatting sqref="X530">
    <cfRule type="expression" dxfId="8661" priority="10935">
      <formula>OR(X$528&lt;&gt;"",X$529&lt;&gt;"")</formula>
    </cfRule>
    <cfRule type="expression" dxfId="8660" priority="10936">
      <formula>AND(X$528="",X$529="")</formula>
    </cfRule>
  </conditionalFormatting>
  <conditionalFormatting sqref="Y528:Y529">
    <cfRule type="expression" dxfId="8659" priority="10933">
      <formula>OR(Y$528&lt;&gt;"",Y$529&lt;&gt;"")</formula>
    </cfRule>
    <cfRule type="expression" dxfId="8658" priority="10934">
      <formula>AND(Y$528="",Y$529="")</formula>
    </cfRule>
  </conditionalFormatting>
  <conditionalFormatting sqref="Y530">
    <cfRule type="expression" dxfId="8657" priority="10931">
      <formula>OR(Y$528&lt;&gt;"",Y$529&lt;&gt;"")</formula>
    </cfRule>
    <cfRule type="expression" dxfId="8656" priority="10932">
      <formula>AND(Y$528="",Y$529="")</formula>
    </cfRule>
  </conditionalFormatting>
  <conditionalFormatting sqref="Z528:Z529">
    <cfRule type="expression" dxfId="8655" priority="10929">
      <formula>OR(Z$528&lt;&gt;"",Z$529&lt;&gt;"")</formula>
    </cfRule>
    <cfRule type="expression" dxfId="8654" priority="10930">
      <formula>AND(Z$528="",Z$529="")</formula>
    </cfRule>
  </conditionalFormatting>
  <conditionalFormatting sqref="Z530">
    <cfRule type="expression" dxfId="8653" priority="10927">
      <formula>OR(Z$528&lt;&gt;"",Z$529&lt;&gt;"")</formula>
    </cfRule>
    <cfRule type="expression" dxfId="8652" priority="10928">
      <formula>AND(Z$528="",Z$529="")</formula>
    </cfRule>
  </conditionalFormatting>
  <conditionalFormatting sqref="AA528:AA529">
    <cfRule type="expression" dxfId="8651" priority="10925">
      <formula>OR(AA$528&lt;&gt;"",AA$529&lt;&gt;"")</formula>
    </cfRule>
    <cfRule type="expression" dxfId="8650" priority="10926">
      <formula>AND(AA$528="",AA$529="")</formula>
    </cfRule>
  </conditionalFormatting>
  <conditionalFormatting sqref="AA530">
    <cfRule type="expression" dxfId="8649" priority="10923">
      <formula>OR(AA$528&lt;&gt;"",AA$529&lt;&gt;"")</formula>
    </cfRule>
    <cfRule type="expression" dxfId="8648" priority="10924">
      <formula>AND(AA$528="",AA$529="")</formula>
    </cfRule>
  </conditionalFormatting>
  <conditionalFormatting sqref="AB528:AB529">
    <cfRule type="expression" dxfId="8647" priority="10921">
      <formula>OR(AB$528&lt;&gt;"",AB$529&lt;&gt;"")</formula>
    </cfRule>
    <cfRule type="expression" dxfId="8646" priority="10922">
      <formula>AND(AB$528="",AB$529="")</formula>
    </cfRule>
  </conditionalFormatting>
  <conditionalFormatting sqref="AB530">
    <cfRule type="expression" dxfId="8645" priority="10919">
      <formula>OR(AB$528&lt;&gt;"",AB$529&lt;&gt;"")</formula>
    </cfRule>
    <cfRule type="expression" dxfId="8644" priority="10920">
      <formula>AND(AB$528="",AB$529="")</formula>
    </cfRule>
  </conditionalFormatting>
  <conditionalFormatting sqref="AC528:AC529">
    <cfRule type="expression" dxfId="8643" priority="10917">
      <formula>OR(AC$528&lt;&gt;"",AC$529&lt;&gt;"")</formula>
    </cfRule>
    <cfRule type="expression" dxfId="8642" priority="10918">
      <formula>AND(AC$528="",AC$529="")</formula>
    </cfRule>
  </conditionalFormatting>
  <conditionalFormatting sqref="AC530">
    <cfRule type="expression" dxfId="8641" priority="10915">
      <formula>OR(AC$528&lt;&gt;"",AC$529&lt;&gt;"")</formula>
    </cfRule>
    <cfRule type="expression" dxfId="8640" priority="10916">
      <formula>AND(AC$528="",AC$529="")</formula>
    </cfRule>
  </conditionalFormatting>
  <conditionalFormatting sqref="AD528:AD529">
    <cfRule type="expression" dxfId="8639" priority="10913">
      <formula>OR(AD$528&lt;&gt;"",AD$529&lt;&gt;"")</formula>
    </cfRule>
    <cfRule type="expression" dxfId="8638" priority="10914">
      <formula>AND(AD$528="",AD$529="")</formula>
    </cfRule>
  </conditionalFormatting>
  <conditionalFormatting sqref="AD530">
    <cfRule type="expression" dxfId="8637" priority="10911">
      <formula>OR(AD$528&lt;&gt;"",AD$529&lt;&gt;"")</formula>
    </cfRule>
    <cfRule type="expression" dxfId="8636" priority="10912">
      <formula>AND(AD$528="",AD$529="")</formula>
    </cfRule>
  </conditionalFormatting>
  <conditionalFormatting sqref="AE528:AE529">
    <cfRule type="expression" dxfId="8635" priority="10909">
      <formula>OR(AE$528&lt;&gt;"",AE$529&lt;&gt;"")</formula>
    </cfRule>
    <cfRule type="expression" dxfId="8634" priority="10910">
      <formula>AND(AE$528="",AE$529="")</formula>
    </cfRule>
  </conditionalFormatting>
  <conditionalFormatting sqref="AE530">
    <cfRule type="expression" dxfId="8633" priority="10907">
      <formula>OR(AE$528&lt;&gt;"",AE$529&lt;&gt;"")</formula>
    </cfRule>
    <cfRule type="expression" dxfId="8632" priority="10908">
      <formula>AND(AE$528="",AE$529="")</formula>
    </cfRule>
  </conditionalFormatting>
  <conditionalFormatting sqref="AF528:AF529">
    <cfRule type="expression" dxfId="8631" priority="10905">
      <formula>OR(AF$528&lt;&gt;"",AF$529&lt;&gt;"")</formula>
    </cfRule>
    <cfRule type="expression" dxfId="8630" priority="10906">
      <formula>AND(AF$528="",AF$529="")</formula>
    </cfRule>
  </conditionalFormatting>
  <conditionalFormatting sqref="AF530">
    <cfRule type="expression" dxfId="8629" priority="10903">
      <formula>OR(AF$528&lt;&gt;"",AF$529&lt;&gt;"")</formula>
    </cfRule>
    <cfRule type="expression" dxfId="8628" priority="10904">
      <formula>AND(AF$528="",AF$529="")</formula>
    </cfRule>
  </conditionalFormatting>
  <conditionalFormatting sqref="AG528:AG529">
    <cfRule type="expression" dxfId="8627" priority="10901">
      <formula>OR(AG$528&lt;&gt;"",AG$529&lt;&gt;"")</formula>
    </cfRule>
    <cfRule type="expression" dxfId="8626" priority="10902">
      <formula>AND(AG$528="",AG$529="")</formula>
    </cfRule>
  </conditionalFormatting>
  <conditionalFormatting sqref="AG530">
    <cfRule type="expression" dxfId="8625" priority="10899">
      <formula>OR(AG$528&lt;&gt;"",AG$529&lt;&gt;"")</formula>
    </cfRule>
    <cfRule type="expression" dxfId="8624" priority="10900">
      <formula>AND(AG$528="",AG$529="")</formula>
    </cfRule>
  </conditionalFormatting>
  <conditionalFormatting sqref="AH528:AH529">
    <cfRule type="expression" dxfId="8623" priority="10897">
      <formula>OR(AH$528&lt;&gt;"",AH$529&lt;&gt;"")</formula>
    </cfRule>
    <cfRule type="expression" dxfId="8622" priority="10898">
      <formula>AND(AH$528="",AH$529="")</formula>
    </cfRule>
  </conditionalFormatting>
  <conditionalFormatting sqref="AH530">
    <cfRule type="expression" dxfId="8621" priority="10895">
      <formula>OR(AH$528&lt;&gt;"",AH$529&lt;&gt;"")</formula>
    </cfRule>
    <cfRule type="expression" dxfId="8620" priority="10896">
      <formula>AND(AH$528="",AH$529="")</formula>
    </cfRule>
  </conditionalFormatting>
  <conditionalFormatting sqref="AI528:AI529">
    <cfRule type="expression" dxfId="8619" priority="10893">
      <formula>OR(AI$528&lt;&gt;"",AI$529&lt;&gt;"")</formula>
    </cfRule>
    <cfRule type="expression" dxfId="8618" priority="10894">
      <formula>AND(AI$528="",AI$529="")</formula>
    </cfRule>
  </conditionalFormatting>
  <conditionalFormatting sqref="AI530">
    <cfRule type="expression" dxfId="8617" priority="10891">
      <formula>OR(AI$528&lt;&gt;"",AI$529&lt;&gt;"")</formula>
    </cfRule>
    <cfRule type="expression" dxfId="8616" priority="10892">
      <formula>AND(AI$528="",AI$529="")</formula>
    </cfRule>
  </conditionalFormatting>
  <conditionalFormatting sqref="AJ528:AJ529">
    <cfRule type="expression" dxfId="8615" priority="10889">
      <formula>OR(AJ$528&lt;&gt;"",AJ$529&lt;&gt;"")</formula>
    </cfRule>
    <cfRule type="expression" dxfId="8614" priority="10890">
      <formula>AND(AJ$528="",AJ$529="")</formula>
    </cfRule>
  </conditionalFormatting>
  <conditionalFormatting sqref="AJ530">
    <cfRule type="expression" dxfId="8613" priority="10887">
      <formula>OR(AJ$528&lt;&gt;"",AJ$529&lt;&gt;"")</formula>
    </cfRule>
    <cfRule type="expression" dxfId="8612" priority="10888">
      <formula>AND(AJ$528="",AJ$529="")</formula>
    </cfRule>
  </conditionalFormatting>
  <conditionalFormatting sqref="AK528:AK529">
    <cfRule type="expression" dxfId="8611" priority="10885">
      <formula>OR(AK$528&lt;&gt;"",AK$529&lt;&gt;"")</formula>
    </cfRule>
    <cfRule type="expression" dxfId="8610" priority="10886">
      <formula>AND(AK$528="",AK$529="")</formula>
    </cfRule>
  </conditionalFormatting>
  <conditionalFormatting sqref="AK530">
    <cfRule type="expression" dxfId="8609" priority="10883">
      <formula>OR(AK$528&lt;&gt;"",AK$529&lt;&gt;"")</formula>
    </cfRule>
    <cfRule type="expression" dxfId="8608" priority="10884">
      <formula>AND(AK$528="",AK$529="")</formula>
    </cfRule>
  </conditionalFormatting>
  <conditionalFormatting sqref="AL528:AL529">
    <cfRule type="expression" dxfId="8607" priority="10881">
      <formula>OR(AL$528&lt;&gt;"",AL$529&lt;&gt;"")</formula>
    </cfRule>
    <cfRule type="expression" dxfId="8606" priority="10882">
      <formula>AND(AL$528="",AL$529="")</formula>
    </cfRule>
  </conditionalFormatting>
  <conditionalFormatting sqref="AL530">
    <cfRule type="expression" dxfId="8605" priority="10879">
      <formula>OR(AL$528&lt;&gt;"",AL$529&lt;&gt;"")</formula>
    </cfRule>
    <cfRule type="expression" dxfId="8604" priority="10880">
      <formula>AND(AL$528="",AL$529="")</formula>
    </cfRule>
  </conditionalFormatting>
  <conditionalFormatting sqref="AM528:AM529">
    <cfRule type="expression" dxfId="8603" priority="10877">
      <formula>OR(AM$528&lt;&gt;"",AM$529&lt;&gt;"")</formula>
    </cfRule>
    <cfRule type="expression" dxfId="8602" priority="10878">
      <formula>AND(AM$528="",AM$529="")</formula>
    </cfRule>
  </conditionalFormatting>
  <conditionalFormatting sqref="AM530">
    <cfRule type="expression" dxfId="8601" priority="10875">
      <formula>OR(AM$528&lt;&gt;"",AM$529&lt;&gt;"")</formula>
    </cfRule>
    <cfRule type="expression" dxfId="8600" priority="10876">
      <formula>AND(AM$528="",AM$529="")</formula>
    </cfRule>
  </conditionalFormatting>
  <conditionalFormatting sqref="AN528:AN529">
    <cfRule type="expression" dxfId="8599" priority="10873">
      <formula>OR(AN$528&lt;&gt;"",AN$529&lt;&gt;"")</formula>
    </cfRule>
    <cfRule type="expression" dxfId="8598" priority="10874">
      <formula>AND(AN$528="",AN$529="")</formula>
    </cfRule>
  </conditionalFormatting>
  <conditionalFormatting sqref="AN530">
    <cfRule type="expression" dxfId="8597" priority="10871">
      <formula>OR(AN$528&lt;&gt;"",AN$529&lt;&gt;"")</formula>
    </cfRule>
    <cfRule type="expression" dxfId="8596" priority="10872">
      <formula>AND(AN$528="",AN$529="")</formula>
    </cfRule>
  </conditionalFormatting>
  <conditionalFormatting sqref="AO528:AO529">
    <cfRule type="expression" dxfId="8595" priority="10869">
      <formula>OR(AO$528&lt;&gt;"",AO$529&lt;&gt;"")</formula>
    </cfRule>
    <cfRule type="expression" dxfId="8594" priority="10870">
      <formula>AND(AO$528="",AO$529="")</formula>
    </cfRule>
  </conditionalFormatting>
  <conditionalFormatting sqref="AO530">
    <cfRule type="expression" dxfId="8593" priority="10867">
      <formula>OR(AO$528&lt;&gt;"",AO$529&lt;&gt;"")</formula>
    </cfRule>
    <cfRule type="expression" dxfId="8592" priority="10868">
      <formula>AND(AO$528="",AO$529="")</formula>
    </cfRule>
  </conditionalFormatting>
  <conditionalFormatting sqref="AP528:AP529">
    <cfRule type="expression" dxfId="8591" priority="10865">
      <formula>OR(AP$528&lt;&gt;"",AP$529&lt;&gt;"")</formula>
    </cfRule>
    <cfRule type="expression" dxfId="8590" priority="10866">
      <formula>AND(AP$528="",AP$529="")</formula>
    </cfRule>
  </conditionalFormatting>
  <conditionalFormatting sqref="AP530">
    <cfRule type="expression" dxfId="8589" priority="10863">
      <formula>OR(AP$528&lt;&gt;"",AP$529&lt;&gt;"")</formula>
    </cfRule>
    <cfRule type="expression" dxfId="8588" priority="10864">
      <formula>AND(AP$528="",AP$529="")</formula>
    </cfRule>
  </conditionalFormatting>
  <conditionalFormatting sqref="AQ528:AQ529">
    <cfRule type="expression" dxfId="8587" priority="10861">
      <formula>OR(AQ$528&lt;&gt;"",AQ$529&lt;&gt;"")</formula>
    </cfRule>
    <cfRule type="expression" dxfId="8586" priority="10862">
      <formula>AND(AQ$528="",AQ$529="")</formula>
    </cfRule>
  </conditionalFormatting>
  <conditionalFormatting sqref="AQ530">
    <cfRule type="expression" dxfId="8585" priority="10859">
      <formula>OR(AQ$528&lt;&gt;"",AQ$529&lt;&gt;"")</formula>
    </cfRule>
    <cfRule type="expression" dxfId="8584" priority="10860">
      <formula>AND(AQ$528="",AQ$529="")</formula>
    </cfRule>
  </conditionalFormatting>
  <conditionalFormatting sqref="AR528:AR529">
    <cfRule type="expression" dxfId="8583" priority="10857">
      <formula>OR(AR$528&lt;&gt;"",AR$529&lt;&gt;"")</formula>
    </cfRule>
    <cfRule type="expression" dxfId="8582" priority="10858">
      <formula>AND(AR$528="",AR$529="")</formula>
    </cfRule>
  </conditionalFormatting>
  <conditionalFormatting sqref="AR530">
    <cfRule type="expression" dxfId="8581" priority="10855">
      <formula>OR(AR$528&lt;&gt;"",AR$529&lt;&gt;"")</formula>
    </cfRule>
    <cfRule type="expression" dxfId="8580" priority="10856">
      <formula>AND(AR$528="",AR$529="")</formula>
    </cfRule>
  </conditionalFormatting>
  <conditionalFormatting sqref="AS528:AS529">
    <cfRule type="expression" dxfId="8579" priority="10853">
      <formula>OR(AS$528&lt;&gt;"",AS$529&lt;&gt;"")</formula>
    </cfRule>
    <cfRule type="expression" dxfId="8578" priority="10854">
      <formula>AND(AS$528="",AS$529="")</formula>
    </cfRule>
  </conditionalFormatting>
  <conditionalFormatting sqref="AS530">
    <cfRule type="expression" dxfId="8577" priority="10851">
      <formula>OR(AS$528&lt;&gt;"",AS$529&lt;&gt;"")</formula>
    </cfRule>
    <cfRule type="expression" dxfId="8576" priority="10852">
      <formula>AND(AS$528="",AS$529="")</formula>
    </cfRule>
  </conditionalFormatting>
  <conditionalFormatting sqref="AT528:AT529">
    <cfRule type="expression" dxfId="8575" priority="10849">
      <formula>OR(AT$528&lt;&gt;"",AT$529&lt;&gt;"")</formula>
    </cfRule>
    <cfRule type="expression" dxfId="8574" priority="10850">
      <formula>AND(AT$528="",AT$529="")</formula>
    </cfRule>
  </conditionalFormatting>
  <conditionalFormatting sqref="AT530">
    <cfRule type="expression" dxfId="8573" priority="10847">
      <formula>OR(AT$528&lt;&gt;"",AT$529&lt;&gt;"")</formula>
    </cfRule>
    <cfRule type="expression" dxfId="8572" priority="10848">
      <formula>AND(AT$528="",AT$529="")</formula>
    </cfRule>
  </conditionalFormatting>
  <conditionalFormatting sqref="AU528:AU529">
    <cfRule type="expression" dxfId="8571" priority="10845">
      <formula>OR(AU$528&lt;&gt;"",AU$529&lt;&gt;"")</formula>
    </cfRule>
    <cfRule type="expression" dxfId="8570" priority="10846">
      <formula>AND(AU$528="",AU$529="")</formula>
    </cfRule>
  </conditionalFormatting>
  <conditionalFormatting sqref="AU530">
    <cfRule type="expression" dxfId="8569" priority="10843">
      <formula>OR(AU$528&lt;&gt;"",AU$529&lt;&gt;"")</formula>
    </cfRule>
    <cfRule type="expression" dxfId="8568" priority="10844">
      <formula>AND(AU$528="",AU$529="")</formula>
    </cfRule>
  </conditionalFormatting>
  <conditionalFormatting sqref="AV528:AV529">
    <cfRule type="expression" dxfId="8567" priority="10841">
      <formula>OR(AV$528&lt;&gt;"",AV$529&lt;&gt;"")</formula>
    </cfRule>
    <cfRule type="expression" dxfId="8566" priority="10842">
      <formula>AND(AV$528="",AV$529="")</formula>
    </cfRule>
  </conditionalFormatting>
  <conditionalFormatting sqref="AV530">
    <cfRule type="expression" dxfId="8565" priority="10839">
      <formula>OR(AV$528&lt;&gt;"",AV$529&lt;&gt;"")</formula>
    </cfRule>
    <cfRule type="expression" dxfId="8564" priority="10840">
      <formula>AND(AV$528="",AV$529="")</formula>
    </cfRule>
  </conditionalFormatting>
  <conditionalFormatting sqref="AW528:AW529">
    <cfRule type="expression" dxfId="8563" priority="10837">
      <formula>OR(AW$528&lt;&gt;"",AW$529&lt;&gt;"")</formula>
    </cfRule>
    <cfRule type="expression" dxfId="8562" priority="10838">
      <formula>AND(AW$528="",AW$529="")</formula>
    </cfRule>
  </conditionalFormatting>
  <conditionalFormatting sqref="AW530">
    <cfRule type="expression" dxfId="8561" priority="10835">
      <formula>OR(AW$528&lt;&gt;"",AW$529&lt;&gt;"")</formula>
    </cfRule>
    <cfRule type="expression" dxfId="8560" priority="10836">
      <formula>AND(AW$528="",AW$529="")</formula>
    </cfRule>
  </conditionalFormatting>
  <conditionalFormatting sqref="AX528:AX529">
    <cfRule type="expression" dxfId="8559" priority="10833">
      <formula>OR(AX$528&lt;&gt;"",AX$529&lt;&gt;"")</formula>
    </cfRule>
    <cfRule type="expression" dxfId="8558" priority="10834">
      <formula>AND(AX$528="",AX$529="")</formula>
    </cfRule>
  </conditionalFormatting>
  <conditionalFormatting sqref="AX530">
    <cfRule type="expression" dxfId="8557" priority="10831">
      <formula>OR(AX$528&lt;&gt;"",AX$529&lt;&gt;"")</formula>
    </cfRule>
    <cfRule type="expression" dxfId="8556" priority="10832">
      <formula>AND(AX$528="",AX$529="")</formula>
    </cfRule>
  </conditionalFormatting>
  <conditionalFormatting sqref="AY528:AY529">
    <cfRule type="expression" dxfId="8555" priority="10829">
      <formula>OR(AY$528&lt;&gt;"",AY$529&lt;&gt;"")</formula>
    </cfRule>
    <cfRule type="expression" dxfId="8554" priority="10830">
      <formula>AND(AY$528="",AY$529="")</formula>
    </cfRule>
  </conditionalFormatting>
  <conditionalFormatting sqref="AY530">
    <cfRule type="expression" dxfId="8553" priority="10827">
      <formula>OR(AY$528&lt;&gt;"",AY$529&lt;&gt;"")</formula>
    </cfRule>
    <cfRule type="expression" dxfId="8552" priority="10828">
      <formula>AND(AY$528="",AY$529="")</formula>
    </cfRule>
  </conditionalFormatting>
  <conditionalFormatting sqref="AZ528:AZ529">
    <cfRule type="expression" dxfId="8551" priority="10825">
      <formula>OR(AZ$528&lt;&gt;"",AZ$529&lt;&gt;"")</formula>
    </cfRule>
    <cfRule type="expression" dxfId="8550" priority="10826">
      <formula>AND(AZ$528="",AZ$529="")</formula>
    </cfRule>
  </conditionalFormatting>
  <conditionalFormatting sqref="AZ530">
    <cfRule type="expression" dxfId="8549" priority="10823">
      <formula>OR(AZ$528&lt;&gt;"",AZ$529&lt;&gt;"")</formula>
    </cfRule>
    <cfRule type="expression" dxfId="8548" priority="10824">
      <formula>AND(AZ$528="",AZ$529="")</formula>
    </cfRule>
  </conditionalFormatting>
  <conditionalFormatting sqref="BA528:BA529">
    <cfRule type="expression" dxfId="8547" priority="10821">
      <formula>OR(BA$528&lt;&gt;"",BA$529&lt;&gt;"")</formula>
    </cfRule>
    <cfRule type="expression" dxfId="8546" priority="10822">
      <formula>AND(BA$528="",BA$529="")</formula>
    </cfRule>
  </conditionalFormatting>
  <conditionalFormatting sqref="BA530">
    <cfRule type="expression" dxfId="8545" priority="10819">
      <formula>OR(BA$528&lt;&gt;"",BA$529&lt;&gt;"")</formula>
    </cfRule>
    <cfRule type="expression" dxfId="8544" priority="10820">
      <formula>AND(BA$528="",BA$529="")</formula>
    </cfRule>
  </conditionalFormatting>
  <conditionalFormatting sqref="BB528:BB529">
    <cfRule type="expression" dxfId="8543" priority="10817">
      <formula>OR(BB$528&lt;&gt;"",BB$529&lt;&gt;"")</formula>
    </cfRule>
    <cfRule type="expression" dxfId="8542" priority="10818">
      <formula>AND(BB$528="",BB$529="")</formula>
    </cfRule>
  </conditionalFormatting>
  <conditionalFormatting sqref="BB530">
    <cfRule type="expression" dxfId="8541" priority="10815">
      <formula>OR(BB$528&lt;&gt;"",BB$529&lt;&gt;"")</formula>
    </cfRule>
    <cfRule type="expression" dxfId="8540" priority="10816">
      <formula>AND(BB$528="",BB$529="")</formula>
    </cfRule>
  </conditionalFormatting>
  <conditionalFormatting sqref="BC528:BC529">
    <cfRule type="expression" dxfId="8539" priority="10813">
      <formula>OR(BC$528&lt;&gt;"",BC$529&lt;&gt;"")</formula>
    </cfRule>
    <cfRule type="expression" dxfId="8538" priority="10814">
      <formula>AND(BC$528="",BC$529="")</formula>
    </cfRule>
  </conditionalFormatting>
  <conditionalFormatting sqref="BC530">
    <cfRule type="expression" dxfId="8537" priority="10811">
      <formula>OR(BC$528&lt;&gt;"",BC$529&lt;&gt;"")</formula>
    </cfRule>
    <cfRule type="expression" dxfId="8536" priority="10812">
      <formula>AND(BC$528="",BC$529="")</formula>
    </cfRule>
  </conditionalFormatting>
  <conditionalFormatting sqref="BD528:BD529">
    <cfRule type="expression" dxfId="8535" priority="10809">
      <formula>OR(BD$528&lt;&gt;"",BD$529&lt;&gt;"")</formula>
    </cfRule>
    <cfRule type="expression" dxfId="8534" priority="10810">
      <formula>AND(BD$528="",BD$529="")</formula>
    </cfRule>
  </conditionalFormatting>
  <conditionalFormatting sqref="BD530">
    <cfRule type="expression" dxfId="8533" priority="10807">
      <formula>OR(BD$528&lt;&gt;"",BD$529&lt;&gt;"")</formula>
    </cfRule>
    <cfRule type="expression" dxfId="8532" priority="10808">
      <formula>AND(BD$528="",BD$529="")</formula>
    </cfRule>
  </conditionalFormatting>
  <conditionalFormatting sqref="BE528:BE529">
    <cfRule type="expression" dxfId="8531" priority="10805">
      <formula>OR(BE$528&lt;&gt;"",BE$529&lt;&gt;"")</formula>
    </cfRule>
    <cfRule type="expression" dxfId="8530" priority="10806">
      <formula>AND(BE$528="",BE$529="")</formula>
    </cfRule>
  </conditionalFormatting>
  <conditionalFormatting sqref="BE530">
    <cfRule type="expression" dxfId="8529" priority="10803">
      <formula>OR(BE$528&lt;&gt;"",BE$529&lt;&gt;"")</formula>
    </cfRule>
    <cfRule type="expression" dxfId="8528" priority="10804">
      <formula>AND(BE$528="",BE$529="")</formula>
    </cfRule>
  </conditionalFormatting>
  <conditionalFormatting sqref="BF528:BF529">
    <cfRule type="expression" dxfId="8527" priority="10801">
      <formula>OR(BF$528&lt;&gt;"",BF$529&lt;&gt;"")</formula>
    </cfRule>
    <cfRule type="expression" dxfId="8526" priority="10802">
      <formula>AND(BF$528="",BF$529="")</formula>
    </cfRule>
  </conditionalFormatting>
  <conditionalFormatting sqref="BF530">
    <cfRule type="expression" dxfId="8525" priority="10799">
      <formula>OR(BF$528&lt;&gt;"",BF$529&lt;&gt;"")</formula>
    </cfRule>
    <cfRule type="expression" dxfId="8524" priority="10800">
      <formula>AND(BF$528="",BF$529="")</formula>
    </cfRule>
  </conditionalFormatting>
  <conditionalFormatting sqref="BG528:BG529">
    <cfRule type="expression" dxfId="8523" priority="10797">
      <formula>OR(BG$528&lt;&gt;"",BG$529&lt;&gt;"")</formula>
    </cfRule>
    <cfRule type="expression" dxfId="8522" priority="10798">
      <formula>AND(BG$528="",BG$529="")</formula>
    </cfRule>
  </conditionalFormatting>
  <conditionalFormatting sqref="BG530">
    <cfRule type="expression" dxfId="8521" priority="10795">
      <formula>OR(BG$528&lt;&gt;"",BG$529&lt;&gt;"")</formula>
    </cfRule>
    <cfRule type="expression" dxfId="8520" priority="10796">
      <formula>AND(BG$528="",BG$529="")</formula>
    </cfRule>
  </conditionalFormatting>
  <conditionalFormatting sqref="BH528:BH529">
    <cfRule type="expression" dxfId="8519" priority="10793">
      <formula>OR(BH$528&lt;&gt;"",BH$529&lt;&gt;"")</formula>
    </cfRule>
    <cfRule type="expression" dxfId="8518" priority="10794">
      <formula>AND(BH$528="",BH$529="")</formula>
    </cfRule>
  </conditionalFormatting>
  <conditionalFormatting sqref="BH530">
    <cfRule type="expression" dxfId="8517" priority="10791">
      <formula>OR(BH$528&lt;&gt;"",BH$529&lt;&gt;"")</formula>
    </cfRule>
    <cfRule type="expression" dxfId="8516" priority="10792">
      <formula>AND(BH$528="",BH$529="")</formula>
    </cfRule>
  </conditionalFormatting>
  <conditionalFormatting sqref="BI528:BI529">
    <cfRule type="expression" dxfId="8515" priority="10789">
      <formula>OR(BI$528&lt;&gt;"",BI$529&lt;&gt;"")</formula>
    </cfRule>
    <cfRule type="expression" dxfId="8514" priority="10790">
      <formula>AND(BI$528="",BI$529="")</formula>
    </cfRule>
  </conditionalFormatting>
  <conditionalFormatting sqref="BI530">
    <cfRule type="expression" dxfId="8513" priority="10787">
      <formula>OR(BI$528&lt;&gt;"",BI$529&lt;&gt;"")</formula>
    </cfRule>
    <cfRule type="expression" dxfId="8512" priority="10788">
      <formula>AND(BI$528="",BI$529="")</formula>
    </cfRule>
  </conditionalFormatting>
  <conditionalFormatting sqref="BJ528:BJ529">
    <cfRule type="expression" dxfId="8511" priority="10785">
      <formula>OR(BJ$528&lt;&gt;"",BJ$529&lt;&gt;"")</formula>
    </cfRule>
    <cfRule type="expression" dxfId="8510" priority="10786">
      <formula>AND(BJ$528="",BJ$529="")</formula>
    </cfRule>
  </conditionalFormatting>
  <conditionalFormatting sqref="BJ530">
    <cfRule type="expression" dxfId="8509" priority="10783">
      <formula>OR(BJ$528&lt;&gt;"",BJ$529&lt;&gt;"")</formula>
    </cfRule>
    <cfRule type="expression" dxfId="8508" priority="10784">
      <formula>AND(BJ$528="",BJ$529="")</formula>
    </cfRule>
  </conditionalFormatting>
  <conditionalFormatting sqref="BK528:BK529">
    <cfRule type="expression" dxfId="8507" priority="10781">
      <formula>OR(BK$528&lt;&gt;"",BK$529&lt;&gt;"")</formula>
    </cfRule>
    <cfRule type="expression" dxfId="8506" priority="10782">
      <formula>AND(BK$528="",BK$529="")</formula>
    </cfRule>
  </conditionalFormatting>
  <conditionalFormatting sqref="BK530">
    <cfRule type="expression" dxfId="8505" priority="10779">
      <formula>OR(BK$528&lt;&gt;"",BK$529&lt;&gt;"")</formula>
    </cfRule>
    <cfRule type="expression" dxfId="8504" priority="10780">
      <formula>AND(BK$528="",BK$529="")</formula>
    </cfRule>
  </conditionalFormatting>
  <conditionalFormatting sqref="BL528:BL529">
    <cfRule type="expression" dxfId="8503" priority="10777">
      <formula>OR(BL$528&lt;&gt;"",BL$529&lt;&gt;"")</formula>
    </cfRule>
    <cfRule type="expression" dxfId="8502" priority="10778">
      <formula>AND(BL$528="",BL$529="")</formula>
    </cfRule>
  </conditionalFormatting>
  <conditionalFormatting sqref="BL530">
    <cfRule type="expression" dxfId="8501" priority="10775">
      <formula>OR(BL$528&lt;&gt;"",BL$529&lt;&gt;"")</formula>
    </cfRule>
    <cfRule type="expression" dxfId="8500" priority="10776">
      <formula>AND(BL$528="",BL$529="")</formula>
    </cfRule>
  </conditionalFormatting>
  <conditionalFormatting sqref="BM528:BM529">
    <cfRule type="expression" dxfId="8499" priority="10773">
      <formula>OR(BM$528&lt;&gt;"",BM$529&lt;&gt;"")</formula>
    </cfRule>
    <cfRule type="expression" dxfId="8498" priority="10774">
      <formula>AND(BM$528="",BM$529="")</formula>
    </cfRule>
  </conditionalFormatting>
  <conditionalFormatting sqref="BM530">
    <cfRule type="expression" dxfId="8497" priority="10771">
      <formula>OR(BM$528&lt;&gt;"",BM$529&lt;&gt;"")</formula>
    </cfRule>
    <cfRule type="expression" dxfId="8496" priority="10772">
      <formula>AND(BM$528="",BM$529="")</formula>
    </cfRule>
  </conditionalFormatting>
  <conditionalFormatting sqref="BN528:BN529">
    <cfRule type="expression" dxfId="8495" priority="10769">
      <formula>OR(BN$528&lt;&gt;"",BN$529&lt;&gt;"")</formula>
    </cfRule>
    <cfRule type="expression" dxfId="8494" priority="10770">
      <formula>AND(BN$528="",BN$529="")</formula>
    </cfRule>
  </conditionalFormatting>
  <conditionalFormatting sqref="BN530">
    <cfRule type="expression" dxfId="8493" priority="10767">
      <formula>OR(BN$528&lt;&gt;"",BN$529&lt;&gt;"")</formula>
    </cfRule>
    <cfRule type="expression" dxfId="8492" priority="10768">
      <formula>AND(BN$528="",BN$529="")</formula>
    </cfRule>
  </conditionalFormatting>
  <conditionalFormatting sqref="BO528:BO529">
    <cfRule type="expression" dxfId="8491" priority="10765">
      <formula>OR(BO$528&lt;&gt;"",BO$529&lt;&gt;"")</formula>
    </cfRule>
    <cfRule type="expression" dxfId="8490" priority="10766">
      <formula>AND(BO$528="",BO$529="")</formula>
    </cfRule>
  </conditionalFormatting>
  <conditionalFormatting sqref="BO530">
    <cfRule type="expression" dxfId="8489" priority="10763">
      <formula>OR(BO$528&lt;&gt;"",BO$529&lt;&gt;"")</formula>
    </cfRule>
    <cfRule type="expression" dxfId="8488" priority="10764">
      <formula>AND(BO$528="",BO$529="")</formula>
    </cfRule>
  </conditionalFormatting>
  <conditionalFormatting sqref="BP528:BP529">
    <cfRule type="expression" dxfId="8487" priority="10761">
      <formula>OR(BP$528&lt;&gt;"",BP$529&lt;&gt;"")</formula>
    </cfRule>
    <cfRule type="expression" dxfId="8486" priority="10762">
      <formula>AND(BP$528="",BP$529="")</formula>
    </cfRule>
  </conditionalFormatting>
  <conditionalFormatting sqref="BP530">
    <cfRule type="expression" dxfId="8485" priority="10759">
      <formula>OR(BP$528&lt;&gt;"",BP$529&lt;&gt;"")</formula>
    </cfRule>
    <cfRule type="expression" dxfId="8484" priority="10760">
      <formula>AND(BP$528="",BP$529="")</formula>
    </cfRule>
  </conditionalFormatting>
  <conditionalFormatting sqref="BQ528:BQ529">
    <cfRule type="expression" dxfId="8483" priority="10757">
      <formula>OR(BQ$528&lt;&gt;"",BQ$529&lt;&gt;"")</formula>
    </cfRule>
    <cfRule type="expression" dxfId="8482" priority="10758">
      <formula>AND(BQ$528="",BQ$529="")</formula>
    </cfRule>
  </conditionalFormatting>
  <conditionalFormatting sqref="BQ530">
    <cfRule type="expression" dxfId="8481" priority="10755">
      <formula>OR(BQ$528&lt;&gt;"",BQ$529&lt;&gt;"")</formula>
    </cfRule>
    <cfRule type="expression" dxfId="8480" priority="10756">
      <formula>AND(BQ$528="",BQ$529="")</formula>
    </cfRule>
  </conditionalFormatting>
  <conditionalFormatting sqref="BR528:BR529">
    <cfRule type="expression" dxfId="8479" priority="10753">
      <formula>OR(BR$528&lt;&gt;"",BR$529&lt;&gt;"")</formula>
    </cfRule>
    <cfRule type="expression" dxfId="8478" priority="10754">
      <formula>AND(BR$528="",BR$529="")</formula>
    </cfRule>
  </conditionalFormatting>
  <conditionalFormatting sqref="BR530">
    <cfRule type="expression" dxfId="8477" priority="10751">
      <formula>OR(BR$528&lt;&gt;"",BR$529&lt;&gt;"")</formula>
    </cfRule>
    <cfRule type="expression" dxfId="8476" priority="10752">
      <formula>AND(BR$528="",BR$529="")</formula>
    </cfRule>
  </conditionalFormatting>
  <conditionalFormatting sqref="BS528:BS529">
    <cfRule type="expression" dxfId="8475" priority="10749">
      <formula>OR(BS$528&lt;&gt;"",BS$529&lt;&gt;"")</formula>
    </cfRule>
    <cfRule type="expression" dxfId="8474" priority="10750">
      <formula>AND(BS$528="",BS$529="")</formula>
    </cfRule>
  </conditionalFormatting>
  <conditionalFormatting sqref="BS530">
    <cfRule type="expression" dxfId="8473" priority="10747">
      <formula>OR(BS$528&lt;&gt;"",BS$529&lt;&gt;"")</formula>
    </cfRule>
    <cfRule type="expression" dxfId="8472" priority="10748">
      <formula>AND(BS$528="",BS$529="")</formula>
    </cfRule>
  </conditionalFormatting>
  <conditionalFormatting sqref="M533:M534">
    <cfRule type="expression" dxfId="8471" priority="10745">
      <formula>OR(M$533&lt;&gt;"",M$534&lt;&gt;"")</formula>
    </cfRule>
    <cfRule type="expression" dxfId="8470" priority="10746">
      <formula>AND(M$533="",M$534="")</formula>
    </cfRule>
  </conditionalFormatting>
  <conditionalFormatting sqref="N533:N534">
    <cfRule type="expression" dxfId="8469" priority="10743">
      <formula>OR(N$533&lt;&gt;"",N$534&lt;&gt;"")</formula>
    </cfRule>
    <cfRule type="expression" dxfId="8468" priority="10744">
      <formula>AND(N$533="",N$534="")</formula>
    </cfRule>
  </conditionalFormatting>
  <conditionalFormatting sqref="M535">
    <cfRule type="expression" dxfId="8467" priority="10741">
      <formula>OR($M$533&lt;&gt;"",$M$534&lt;&gt;"")</formula>
    </cfRule>
    <cfRule type="expression" dxfId="8466" priority="10742">
      <formula>AND($M$533="",$M$534="")</formula>
    </cfRule>
  </conditionalFormatting>
  <conditionalFormatting sqref="N535">
    <cfRule type="expression" dxfId="8465" priority="10739">
      <formula>OR(N$533&lt;&gt;"",N$534&lt;&gt;"")</formula>
    </cfRule>
    <cfRule type="expression" dxfId="8464" priority="10740">
      <formula>AND(N$533="",N$534="")</formula>
    </cfRule>
  </conditionalFormatting>
  <conditionalFormatting sqref="O533:O534">
    <cfRule type="expression" dxfId="8463" priority="10705">
      <formula>OR(O$533&lt;&gt;"",O$534&lt;&gt;"")</formula>
    </cfRule>
    <cfRule type="expression" dxfId="8462" priority="10706">
      <formula>AND(O$533="",O$534="")</formula>
    </cfRule>
  </conditionalFormatting>
  <conditionalFormatting sqref="O535">
    <cfRule type="expression" dxfId="8461" priority="10703">
      <formula>OR(O$533&lt;&gt;"",O$534&lt;&gt;"")</formula>
    </cfRule>
    <cfRule type="expression" dxfId="8460" priority="10704">
      <formula>AND(O$533="",O$534="")</formula>
    </cfRule>
  </conditionalFormatting>
  <conditionalFormatting sqref="P533:P534">
    <cfRule type="expression" dxfId="8459" priority="10701">
      <formula>OR(P$533&lt;&gt;"",P$534&lt;&gt;"")</formula>
    </cfRule>
    <cfRule type="expression" dxfId="8458" priority="10702">
      <formula>AND(P$533="",P$534="")</formula>
    </cfRule>
  </conditionalFormatting>
  <conditionalFormatting sqref="P535">
    <cfRule type="expression" dxfId="8457" priority="10699">
      <formula>OR(P$533&lt;&gt;"",P$534&lt;&gt;"")</formula>
    </cfRule>
    <cfRule type="expression" dxfId="8456" priority="10700">
      <formula>AND(P$533="",P$534="")</formula>
    </cfRule>
  </conditionalFormatting>
  <conditionalFormatting sqref="Q533:Q534">
    <cfRule type="expression" dxfId="8455" priority="10697">
      <formula>OR(Q$533&lt;&gt;"",Q$534&lt;&gt;"")</formula>
    </cfRule>
    <cfRule type="expression" dxfId="8454" priority="10698">
      <formula>AND(Q$533="",Q$534="")</formula>
    </cfRule>
  </conditionalFormatting>
  <conditionalFormatting sqref="Q535">
    <cfRule type="expression" dxfId="8453" priority="10695">
      <formula>OR(Q$533&lt;&gt;"",Q$534&lt;&gt;"")</formula>
    </cfRule>
    <cfRule type="expression" dxfId="8452" priority="10696">
      <formula>AND(Q$533="",Q$534="")</formula>
    </cfRule>
  </conditionalFormatting>
  <conditionalFormatting sqref="R533:R534">
    <cfRule type="expression" dxfId="8451" priority="10693">
      <formula>OR(R$533&lt;&gt;"",R$534&lt;&gt;"")</formula>
    </cfRule>
    <cfRule type="expression" dxfId="8450" priority="10694">
      <formula>AND(R$533="",R$534="")</formula>
    </cfRule>
  </conditionalFormatting>
  <conditionalFormatting sqref="R535">
    <cfRule type="expression" dxfId="8449" priority="10691">
      <formula>OR(R$533&lt;&gt;"",R$534&lt;&gt;"")</formula>
    </cfRule>
    <cfRule type="expression" dxfId="8448" priority="10692">
      <formula>AND(R$533="",R$534="")</formula>
    </cfRule>
  </conditionalFormatting>
  <conditionalFormatting sqref="S533:S534">
    <cfRule type="expression" dxfId="8447" priority="10689">
      <formula>OR(S$533&lt;&gt;"",S$534&lt;&gt;"")</formula>
    </cfRule>
    <cfRule type="expression" dxfId="8446" priority="10690">
      <formula>AND(S$533="",S$534="")</formula>
    </cfRule>
  </conditionalFormatting>
  <conditionalFormatting sqref="S535">
    <cfRule type="expression" dxfId="8445" priority="10687">
      <formula>OR(S$533&lt;&gt;"",S$534&lt;&gt;"")</formula>
    </cfRule>
    <cfRule type="expression" dxfId="8444" priority="10688">
      <formula>AND(S$533="",S$534="")</formula>
    </cfRule>
  </conditionalFormatting>
  <conditionalFormatting sqref="T533:T534">
    <cfRule type="expression" dxfId="8443" priority="10685">
      <formula>OR(T$533&lt;&gt;"",T$534&lt;&gt;"")</formula>
    </cfRule>
    <cfRule type="expression" dxfId="8442" priority="10686">
      <formula>AND(T$533="",T$534="")</formula>
    </cfRule>
  </conditionalFormatting>
  <conditionalFormatting sqref="T535">
    <cfRule type="expression" dxfId="8441" priority="10683">
      <formula>OR(T$533&lt;&gt;"",T$534&lt;&gt;"")</formula>
    </cfRule>
    <cfRule type="expression" dxfId="8440" priority="10684">
      <formula>AND(T$533="",T$534="")</formula>
    </cfRule>
  </conditionalFormatting>
  <conditionalFormatting sqref="U533:U534">
    <cfRule type="expression" dxfId="8439" priority="10681">
      <formula>OR(U$533&lt;&gt;"",U$534&lt;&gt;"")</formula>
    </cfRule>
    <cfRule type="expression" dxfId="8438" priority="10682">
      <formula>AND(U$533="",U$534="")</formula>
    </cfRule>
  </conditionalFormatting>
  <conditionalFormatting sqref="U535">
    <cfRule type="expression" dxfId="8437" priority="10679">
      <formula>OR(U$533&lt;&gt;"",U$534&lt;&gt;"")</formula>
    </cfRule>
    <cfRule type="expression" dxfId="8436" priority="10680">
      <formula>AND(U$533="",U$534="")</formula>
    </cfRule>
  </conditionalFormatting>
  <conditionalFormatting sqref="V533:V534">
    <cfRule type="expression" dxfId="8435" priority="10677">
      <formula>OR(V$533&lt;&gt;"",V$534&lt;&gt;"")</formula>
    </cfRule>
    <cfRule type="expression" dxfId="8434" priority="10678">
      <formula>AND(V$533="",V$534="")</formula>
    </cfRule>
  </conditionalFormatting>
  <conditionalFormatting sqref="V535">
    <cfRule type="expression" dxfId="8433" priority="10675">
      <formula>OR(V$533&lt;&gt;"",V$534&lt;&gt;"")</formula>
    </cfRule>
    <cfRule type="expression" dxfId="8432" priority="10676">
      <formula>AND(V$533="",V$534="")</formula>
    </cfRule>
  </conditionalFormatting>
  <conditionalFormatting sqref="W533:W534">
    <cfRule type="expression" dxfId="8431" priority="10673">
      <formula>OR(W$533&lt;&gt;"",W$534&lt;&gt;"")</formula>
    </cfRule>
    <cfRule type="expression" dxfId="8430" priority="10674">
      <formula>AND(W$533="",W$534="")</formula>
    </cfRule>
  </conditionalFormatting>
  <conditionalFormatting sqref="W535">
    <cfRule type="expression" dxfId="8429" priority="10671">
      <formula>OR(W$533&lt;&gt;"",W$534&lt;&gt;"")</formula>
    </cfRule>
    <cfRule type="expression" dxfId="8428" priority="10672">
      <formula>AND(W$533="",W$534="")</formula>
    </cfRule>
  </conditionalFormatting>
  <conditionalFormatting sqref="X533:X534">
    <cfRule type="expression" dxfId="8427" priority="10669">
      <formula>OR(X$533&lt;&gt;"",X$534&lt;&gt;"")</formula>
    </cfRule>
    <cfRule type="expression" dxfId="8426" priority="10670">
      <formula>AND(X$533="",X$534="")</formula>
    </cfRule>
  </conditionalFormatting>
  <conditionalFormatting sqref="X535">
    <cfRule type="expression" dxfId="8425" priority="10667">
      <formula>OR(X$533&lt;&gt;"",X$534&lt;&gt;"")</formula>
    </cfRule>
    <cfRule type="expression" dxfId="8424" priority="10668">
      <formula>AND(X$533="",X$534="")</formula>
    </cfRule>
  </conditionalFormatting>
  <conditionalFormatting sqref="Y533:Y534">
    <cfRule type="expression" dxfId="8423" priority="10665">
      <formula>OR(Y$533&lt;&gt;"",Y$534&lt;&gt;"")</formula>
    </cfRule>
    <cfRule type="expression" dxfId="8422" priority="10666">
      <formula>AND(Y$533="",Y$534="")</formula>
    </cfRule>
  </conditionalFormatting>
  <conditionalFormatting sqref="Y535">
    <cfRule type="expression" dxfId="8421" priority="10663">
      <formula>OR(Y$533&lt;&gt;"",Y$534&lt;&gt;"")</formula>
    </cfRule>
    <cfRule type="expression" dxfId="8420" priority="10664">
      <formula>AND(Y$533="",Y$534="")</formula>
    </cfRule>
  </conditionalFormatting>
  <conditionalFormatting sqref="Z533:Z534">
    <cfRule type="expression" dxfId="8419" priority="10661">
      <formula>OR(Z$533&lt;&gt;"",Z$534&lt;&gt;"")</formula>
    </cfRule>
    <cfRule type="expression" dxfId="8418" priority="10662">
      <formula>AND(Z$533="",Z$534="")</formula>
    </cfRule>
  </conditionalFormatting>
  <conditionalFormatting sqref="Z535">
    <cfRule type="expression" dxfId="8417" priority="10659">
      <formula>OR(Z$533&lt;&gt;"",Z$534&lt;&gt;"")</formula>
    </cfRule>
    <cfRule type="expression" dxfId="8416" priority="10660">
      <formula>AND(Z$533="",Z$534="")</formula>
    </cfRule>
  </conditionalFormatting>
  <conditionalFormatting sqref="AA533:AA534">
    <cfRule type="expression" dxfId="8415" priority="10657">
      <formula>OR(AA$533&lt;&gt;"",AA$534&lt;&gt;"")</formula>
    </cfRule>
    <cfRule type="expression" dxfId="8414" priority="10658">
      <formula>AND(AA$533="",AA$534="")</formula>
    </cfRule>
  </conditionalFormatting>
  <conditionalFormatting sqref="AA535">
    <cfRule type="expression" dxfId="8413" priority="10655">
      <formula>OR(AA$533&lt;&gt;"",AA$534&lt;&gt;"")</formula>
    </cfRule>
    <cfRule type="expression" dxfId="8412" priority="10656">
      <formula>AND(AA$533="",AA$534="")</formula>
    </cfRule>
  </conditionalFormatting>
  <conditionalFormatting sqref="AB533:AB534">
    <cfRule type="expression" dxfId="8411" priority="10653">
      <formula>OR(AB$533&lt;&gt;"",AB$534&lt;&gt;"")</formula>
    </cfRule>
    <cfRule type="expression" dxfId="8410" priority="10654">
      <formula>AND(AB$533="",AB$534="")</formula>
    </cfRule>
  </conditionalFormatting>
  <conditionalFormatting sqref="AB535">
    <cfRule type="expression" dxfId="8409" priority="10651">
      <formula>OR(AB$533&lt;&gt;"",AB$534&lt;&gt;"")</formula>
    </cfRule>
    <cfRule type="expression" dxfId="8408" priority="10652">
      <formula>AND(AB$533="",AB$534="")</formula>
    </cfRule>
  </conditionalFormatting>
  <conditionalFormatting sqref="AC533:AC534">
    <cfRule type="expression" dxfId="8407" priority="10649">
      <formula>OR(AC$533&lt;&gt;"",AC$534&lt;&gt;"")</formula>
    </cfRule>
    <cfRule type="expression" dxfId="8406" priority="10650">
      <formula>AND(AC$533="",AC$534="")</formula>
    </cfRule>
  </conditionalFormatting>
  <conditionalFormatting sqref="AC535">
    <cfRule type="expression" dxfId="8405" priority="10647">
      <formula>OR(AC$533&lt;&gt;"",AC$534&lt;&gt;"")</formula>
    </cfRule>
    <cfRule type="expression" dxfId="8404" priority="10648">
      <formula>AND(AC$533="",AC$534="")</formula>
    </cfRule>
  </conditionalFormatting>
  <conditionalFormatting sqref="AD533:AD534">
    <cfRule type="expression" dxfId="8403" priority="10645">
      <formula>OR(AD$533&lt;&gt;"",AD$534&lt;&gt;"")</formula>
    </cfRule>
    <cfRule type="expression" dxfId="8402" priority="10646">
      <formula>AND(AD$533="",AD$534="")</formula>
    </cfRule>
  </conditionalFormatting>
  <conditionalFormatting sqref="AD535">
    <cfRule type="expression" dxfId="8401" priority="10643">
      <formula>OR(AD$533&lt;&gt;"",AD$534&lt;&gt;"")</formula>
    </cfRule>
    <cfRule type="expression" dxfId="8400" priority="10644">
      <formula>AND(AD$533="",AD$534="")</formula>
    </cfRule>
  </conditionalFormatting>
  <conditionalFormatting sqref="AE533:AE534">
    <cfRule type="expression" dxfId="8399" priority="10641">
      <formula>OR(AE$533&lt;&gt;"",AE$534&lt;&gt;"")</formula>
    </cfRule>
    <cfRule type="expression" dxfId="8398" priority="10642">
      <formula>AND(AE$533="",AE$534="")</formula>
    </cfRule>
  </conditionalFormatting>
  <conditionalFormatting sqref="AE535">
    <cfRule type="expression" dxfId="8397" priority="10639">
      <formula>OR(AE$533&lt;&gt;"",AE$534&lt;&gt;"")</formula>
    </cfRule>
    <cfRule type="expression" dxfId="8396" priority="10640">
      <formula>AND(AE$533="",AE$534="")</formula>
    </cfRule>
  </conditionalFormatting>
  <conditionalFormatting sqref="AF533:AF534">
    <cfRule type="expression" dxfId="8395" priority="10637">
      <formula>OR(AF$533&lt;&gt;"",AF$534&lt;&gt;"")</formula>
    </cfRule>
    <cfRule type="expression" dxfId="8394" priority="10638">
      <formula>AND(AF$533="",AF$534="")</formula>
    </cfRule>
  </conditionalFormatting>
  <conditionalFormatting sqref="AF535">
    <cfRule type="expression" dxfId="8393" priority="10635">
      <formula>OR(AF$533&lt;&gt;"",AF$534&lt;&gt;"")</formula>
    </cfRule>
    <cfRule type="expression" dxfId="8392" priority="10636">
      <formula>AND(AF$533="",AF$534="")</formula>
    </cfRule>
  </conditionalFormatting>
  <conditionalFormatting sqref="AG533:AG534">
    <cfRule type="expression" dxfId="8391" priority="10633">
      <formula>OR(AG$533&lt;&gt;"",AG$534&lt;&gt;"")</formula>
    </cfRule>
    <cfRule type="expression" dxfId="8390" priority="10634">
      <formula>AND(AG$533="",AG$534="")</formula>
    </cfRule>
  </conditionalFormatting>
  <conditionalFormatting sqref="AG535">
    <cfRule type="expression" dxfId="8389" priority="10631">
      <formula>OR(AG$533&lt;&gt;"",AG$534&lt;&gt;"")</formula>
    </cfRule>
    <cfRule type="expression" dxfId="8388" priority="10632">
      <formula>AND(AG$533="",AG$534="")</formula>
    </cfRule>
  </conditionalFormatting>
  <conditionalFormatting sqref="AH533:AH534">
    <cfRule type="expression" dxfId="8387" priority="10629">
      <formula>OR(AH$533&lt;&gt;"",AH$534&lt;&gt;"")</formula>
    </cfRule>
    <cfRule type="expression" dxfId="8386" priority="10630">
      <formula>AND(AH$533="",AH$534="")</formula>
    </cfRule>
  </conditionalFormatting>
  <conditionalFormatting sqref="AH535">
    <cfRule type="expression" dxfId="8385" priority="10627">
      <formula>OR(AH$533&lt;&gt;"",AH$534&lt;&gt;"")</formula>
    </cfRule>
    <cfRule type="expression" dxfId="8384" priority="10628">
      <formula>AND(AH$533="",AH$534="")</formula>
    </cfRule>
  </conditionalFormatting>
  <conditionalFormatting sqref="AI533:AI534">
    <cfRule type="expression" dxfId="8383" priority="10625">
      <formula>OR(AI$533&lt;&gt;"",AI$534&lt;&gt;"")</formula>
    </cfRule>
    <cfRule type="expression" dxfId="8382" priority="10626">
      <formula>AND(AI$533="",AI$534="")</formula>
    </cfRule>
  </conditionalFormatting>
  <conditionalFormatting sqref="AI535">
    <cfRule type="expression" dxfId="8381" priority="10623">
      <formula>OR(AI$533&lt;&gt;"",AI$534&lt;&gt;"")</formula>
    </cfRule>
    <cfRule type="expression" dxfId="8380" priority="10624">
      <formula>AND(AI$533="",AI$534="")</formula>
    </cfRule>
  </conditionalFormatting>
  <conditionalFormatting sqref="AJ533:AJ534">
    <cfRule type="expression" dxfId="8379" priority="10621">
      <formula>OR(AJ$533&lt;&gt;"",AJ$534&lt;&gt;"")</formula>
    </cfRule>
    <cfRule type="expression" dxfId="8378" priority="10622">
      <formula>AND(AJ$533="",AJ$534="")</formula>
    </cfRule>
  </conditionalFormatting>
  <conditionalFormatting sqref="AJ535">
    <cfRule type="expression" dxfId="8377" priority="10619">
      <formula>OR(AJ$533&lt;&gt;"",AJ$534&lt;&gt;"")</formula>
    </cfRule>
    <cfRule type="expression" dxfId="8376" priority="10620">
      <formula>AND(AJ$533="",AJ$534="")</formula>
    </cfRule>
  </conditionalFormatting>
  <conditionalFormatting sqref="AK533:AK534">
    <cfRule type="expression" dxfId="8375" priority="10617">
      <formula>OR(AK$533&lt;&gt;"",AK$534&lt;&gt;"")</formula>
    </cfRule>
    <cfRule type="expression" dxfId="8374" priority="10618">
      <formula>AND(AK$533="",AK$534="")</formula>
    </cfRule>
  </conditionalFormatting>
  <conditionalFormatting sqref="AK535">
    <cfRule type="expression" dxfId="8373" priority="10615">
      <formula>OR(AK$533&lt;&gt;"",AK$534&lt;&gt;"")</formula>
    </cfRule>
    <cfRule type="expression" dxfId="8372" priority="10616">
      <formula>AND(AK$533="",AK$534="")</formula>
    </cfRule>
  </conditionalFormatting>
  <conditionalFormatting sqref="AL533:AL534">
    <cfRule type="expression" dxfId="8371" priority="10613">
      <formula>OR(AL$533&lt;&gt;"",AL$534&lt;&gt;"")</formula>
    </cfRule>
    <cfRule type="expression" dxfId="8370" priority="10614">
      <formula>AND(AL$533="",AL$534="")</formula>
    </cfRule>
  </conditionalFormatting>
  <conditionalFormatting sqref="AL535">
    <cfRule type="expression" dxfId="8369" priority="10611">
      <formula>OR(AL$533&lt;&gt;"",AL$534&lt;&gt;"")</formula>
    </cfRule>
    <cfRule type="expression" dxfId="8368" priority="10612">
      <formula>AND(AL$533="",AL$534="")</formula>
    </cfRule>
  </conditionalFormatting>
  <conditionalFormatting sqref="AM533:AM534">
    <cfRule type="expression" dxfId="8367" priority="10609">
      <formula>OR(AM$533&lt;&gt;"",AM$534&lt;&gt;"")</formula>
    </cfRule>
    <cfRule type="expression" dxfId="8366" priority="10610">
      <formula>AND(AM$533="",AM$534="")</formula>
    </cfRule>
  </conditionalFormatting>
  <conditionalFormatting sqref="AM535">
    <cfRule type="expression" dxfId="8365" priority="10607">
      <formula>OR(AM$533&lt;&gt;"",AM$534&lt;&gt;"")</formula>
    </cfRule>
    <cfRule type="expression" dxfId="8364" priority="10608">
      <formula>AND(AM$533="",AM$534="")</formula>
    </cfRule>
  </conditionalFormatting>
  <conditionalFormatting sqref="AN533:AN534">
    <cfRule type="expression" dxfId="8363" priority="10605">
      <formula>OR(AN$533&lt;&gt;"",AN$534&lt;&gt;"")</formula>
    </cfRule>
    <cfRule type="expression" dxfId="8362" priority="10606">
      <formula>AND(AN$533="",AN$534="")</formula>
    </cfRule>
  </conditionalFormatting>
  <conditionalFormatting sqref="AN535">
    <cfRule type="expression" dxfId="8361" priority="10603">
      <formula>OR(AN$533&lt;&gt;"",AN$534&lt;&gt;"")</formula>
    </cfRule>
    <cfRule type="expression" dxfId="8360" priority="10604">
      <formula>AND(AN$533="",AN$534="")</formula>
    </cfRule>
  </conditionalFormatting>
  <conditionalFormatting sqref="AO533:AO534">
    <cfRule type="expression" dxfId="8359" priority="10601">
      <formula>OR(AO$533&lt;&gt;"",AO$534&lt;&gt;"")</formula>
    </cfRule>
    <cfRule type="expression" dxfId="8358" priority="10602">
      <formula>AND(AO$533="",AO$534="")</formula>
    </cfRule>
  </conditionalFormatting>
  <conditionalFormatting sqref="AO535">
    <cfRule type="expression" dxfId="8357" priority="10599">
      <formula>OR(AO$533&lt;&gt;"",AO$534&lt;&gt;"")</formula>
    </cfRule>
    <cfRule type="expression" dxfId="8356" priority="10600">
      <formula>AND(AO$533="",AO$534="")</formula>
    </cfRule>
  </conditionalFormatting>
  <conditionalFormatting sqref="AP533:AP534">
    <cfRule type="expression" dxfId="8355" priority="10597">
      <formula>OR(AP$533&lt;&gt;"",AP$534&lt;&gt;"")</formula>
    </cfRule>
    <cfRule type="expression" dxfId="8354" priority="10598">
      <formula>AND(AP$533="",AP$534="")</formula>
    </cfRule>
  </conditionalFormatting>
  <conditionalFormatting sqref="AP535">
    <cfRule type="expression" dxfId="8353" priority="10595">
      <formula>OR(AP$533&lt;&gt;"",AP$534&lt;&gt;"")</formula>
    </cfRule>
    <cfRule type="expression" dxfId="8352" priority="10596">
      <formula>AND(AP$533="",AP$534="")</formula>
    </cfRule>
  </conditionalFormatting>
  <conditionalFormatting sqref="AQ533:AQ534">
    <cfRule type="expression" dxfId="8351" priority="10593">
      <formula>OR(AQ$533&lt;&gt;"",AQ$534&lt;&gt;"")</formula>
    </cfRule>
    <cfRule type="expression" dxfId="8350" priority="10594">
      <formula>AND(AQ$533="",AQ$534="")</formula>
    </cfRule>
  </conditionalFormatting>
  <conditionalFormatting sqref="AQ535">
    <cfRule type="expression" dxfId="8349" priority="10591">
      <formula>OR(AQ$533&lt;&gt;"",AQ$534&lt;&gt;"")</formula>
    </cfRule>
    <cfRule type="expression" dxfId="8348" priority="10592">
      <formula>AND(AQ$533="",AQ$534="")</formula>
    </cfRule>
  </conditionalFormatting>
  <conditionalFormatting sqref="AR533:AR534">
    <cfRule type="expression" dxfId="8347" priority="10589">
      <formula>OR(AR$533&lt;&gt;"",AR$534&lt;&gt;"")</formula>
    </cfRule>
    <cfRule type="expression" dxfId="8346" priority="10590">
      <formula>AND(AR$533="",AR$534="")</formula>
    </cfRule>
  </conditionalFormatting>
  <conditionalFormatting sqref="AR535">
    <cfRule type="expression" dxfId="8345" priority="10587">
      <formula>OR(AR$533&lt;&gt;"",AR$534&lt;&gt;"")</formula>
    </cfRule>
    <cfRule type="expression" dxfId="8344" priority="10588">
      <formula>AND(AR$533="",AR$534="")</formula>
    </cfRule>
  </conditionalFormatting>
  <conditionalFormatting sqref="AS533:AS534">
    <cfRule type="expression" dxfId="8343" priority="10585">
      <formula>OR(AS$533&lt;&gt;"",AS$534&lt;&gt;"")</formula>
    </cfRule>
    <cfRule type="expression" dxfId="8342" priority="10586">
      <formula>AND(AS$533="",AS$534="")</formula>
    </cfRule>
  </conditionalFormatting>
  <conditionalFormatting sqref="AS535">
    <cfRule type="expression" dxfId="8341" priority="10583">
      <formula>OR(AS$533&lt;&gt;"",AS$534&lt;&gt;"")</formula>
    </cfRule>
    <cfRule type="expression" dxfId="8340" priority="10584">
      <formula>AND(AS$533="",AS$534="")</formula>
    </cfRule>
  </conditionalFormatting>
  <conditionalFormatting sqref="AT533:AT534">
    <cfRule type="expression" dxfId="8339" priority="10581">
      <formula>OR(AT$533&lt;&gt;"",AT$534&lt;&gt;"")</formula>
    </cfRule>
    <cfRule type="expression" dxfId="8338" priority="10582">
      <formula>AND(AT$533="",AT$534="")</formula>
    </cfRule>
  </conditionalFormatting>
  <conditionalFormatting sqref="AT535">
    <cfRule type="expression" dxfId="8337" priority="10579">
      <formula>OR(AT$533&lt;&gt;"",AT$534&lt;&gt;"")</formula>
    </cfRule>
    <cfRule type="expression" dxfId="8336" priority="10580">
      <formula>AND(AT$533="",AT$534="")</formula>
    </cfRule>
  </conditionalFormatting>
  <conditionalFormatting sqref="AU533:AU534">
    <cfRule type="expression" dxfId="8335" priority="10577">
      <formula>OR(AU$533&lt;&gt;"",AU$534&lt;&gt;"")</formula>
    </cfRule>
    <cfRule type="expression" dxfId="8334" priority="10578">
      <formula>AND(AU$533="",AU$534="")</formula>
    </cfRule>
  </conditionalFormatting>
  <conditionalFormatting sqref="AU535">
    <cfRule type="expression" dxfId="8333" priority="10575">
      <formula>OR(AU$533&lt;&gt;"",AU$534&lt;&gt;"")</formula>
    </cfRule>
    <cfRule type="expression" dxfId="8332" priority="10576">
      <formula>AND(AU$533="",AU$534="")</formula>
    </cfRule>
  </conditionalFormatting>
  <conditionalFormatting sqref="AV533:AV534">
    <cfRule type="expression" dxfId="8331" priority="10573">
      <formula>OR(AV$533&lt;&gt;"",AV$534&lt;&gt;"")</formula>
    </cfRule>
    <cfRule type="expression" dxfId="8330" priority="10574">
      <formula>AND(AV$533="",AV$534="")</formula>
    </cfRule>
  </conditionalFormatting>
  <conditionalFormatting sqref="AV535">
    <cfRule type="expression" dxfId="8329" priority="10571">
      <formula>OR(AV$533&lt;&gt;"",AV$534&lt;&gt;"")</formula>
    </cfRule>
    <cfRule type="expression" dxfId="8328" priority="10572">
      <formula>AND(AV$533="",AV$534="")</formula>
    </cfRule>
  </conditionalFormatting>
  <conditionalFormatting sqref="AW533:AW534">
    <cfRule type="expression" dxfId="8327" priority="10569">
      <formula>OR(AW$533&lt;&gt;"",AW$534&lt;&gt;"")</formula>
    </cfRule>
    <cfRule type="expression" dxfId="8326" priority="10570">
      <formula>AND(AW$533="",AW$534="")</formula>
    </cfRule>
  </conditionalFormatting>
  <conditionalFormatting sqref="AW535">
    <cfRule type="expression" dxfId="8325" priority="10567">
      <formula>OR(AW$533&lt;&gt;"",AW$534&lt;&gt;"")</formula>
    </cfRule>
    <cfRule type="expression" dxfId="8324" priority="10568">
      <formula>AND(AW$533="",AW$534="")</formula>
    </cfRule>
  </conditionalFormatting>
  <conditionalFormatting sqref="AX533:AX534">
    <cfRule type="expression" dxfId="8323" priority="10565">
      <formula>OR(AX$533&lt;&gt;"",AX$534&lt;&gt;"")</formula>
    </cfRule>
    <cfRule type="expression" dxfId="8322" priority="10566">
      <formula>AND(AX$533="",AX$534="")</formula>
    </cfRule>
  </conditionalFormatting>
  <conditionalFormatting sqref="AX535">
    <cfRule type="expression" dxfId="8321" priority="10563">
      <formula>OR(AX$533&lt;&gt;"",AX$534&lt;&gt;"")</formula>
    </cfRule>
    <cfRule type="expression" dxfId="8320" priority="10564">
      <formula>AND(AX$533="",AX$534="")</formula>
    </cfRule>
  </conditionalFormatting>
  <conditionalFormatting sqref="AY533:AY534">
    <cfRule type="expression" dxfId="8319" priority="10561">
      <formula>OR(AY$533&lt;&gt;"",AY$534&lt;&gt;"")</formula>
    </cfRule>
    <cfRule type="expression" dxfId="8318" priority="10562">
      <formula>AND(AY$533="",AY$534="")</formula>
    </cfRule>
  </conditionalFormatting>
  <conditionalFormatting sqref="AY535">
    <cfRule type="expression" dxfId="8317" priority="10559">
      <formula>OR(AY$533&lt;&gt;"",AY$534&lt;&gt;"")</formula>
    </cfRule>
    <cfRule type="expression" dxfId="8316" priority="10560">
      <formula>AND(AY$533="",AY$534="")</formula>
    </cfRule>
  </conditionalFormatting>
  <conditionalFormatting sqref="AZ533:AZ534">
    <cfRule type="expression" dxfId="8315" priority="10557">
      <formula>OR(AZ$533&lt;&gt;"",AZ$534&lt;&gt;"")</formula>
    </cfRule>
    <cfRule type="expression" dxfId="8314" priority="10558">
      <formula>AND(AZ$533="",AZ$534="")</formula>
    </cfRule>
  </conditionalFormatting>
  <conditionalFormatting sqref="AZ535">
    <cfRule type="expression" dxfId="8313" priority="10555">
      <formula>OR(AZ$533&lt;&gt;"",AZ$534&lt;&gt;"")</formula>
    </cfRule>
    <cfRule type="expression" dxfId="8312" priority="10556">
      <formula>AND(AZ$533="",AZ$534="")</formula>
    </cfRule>
  </conditionalFormatting>
  <conditionalFormatting sqref="BA533:BA534">
    <cfRule type="expression" dxfId="8311" priority="10553">
      <formula>OR(BA$533&lt;&gt;"",BA$534&lt;&gt;"")</formula>
    </cfRule>
    <cfRule type="expression" dxfId="8310" priority="10554">
      <formula>AND(BA$533="",BA$534="")</formula>
    </cfRule>
  </conditionalFormatting>
  <conditionalFormatting sqref="BA535">
    <cfRule type="expression" dxfId="8309" priority="10551">
      <formula>OR(BA$533&lt;&gt;"",BA$534&lt;&gt;"")</formula>
    </cfRule>
    <cfRule type="expression" dxfId="8308" priority="10552">
      <formula>AND(BA$533="",BA$534="")</formula>
    </cfRule>
  </conditionalFormatting>
  <conditionalFormatting sqref="BB533:BB534">
    <cfRule type="expression" dxfId="8307" priority="10549">
      <formula>OR(BB$533&lt;&gt;"",BB$534&lt;&gt;"")</formula>
    </cfRule>
    <cfRule type="expression" dxfId="8306" priority="10550">
      <formula>AND(BB$533="",BB$534="")</formula>
    </cfRule>
  </conditionalFormatting>
  <conditionalFormatting sqref="BB535">
    <cfRule type="expression" dxfId="8305" priority="10547">
      <formula>OR(BB$533&lt;&gt;"",BB$534&lt;&gt;"")</formula>
    </cfRule>
    <cfRule type="expression" dxfId="8304" priority="10548">
      <formula>AND(BB$533="",BB$534="")</formula>
    </cfRule>
  </conditionalFormatting>
  <conditionalFormatting sqref="BC533:BC534">
    <cfRule type="expression" dxfId="8303" priority="10545">
      <formula>OR(BC$533&lt;&gt;"",BC$534&lt;&gt;"")</formula>
    </cfRule>
    <cfRule type="expression" dxfId="8302" priority="10546">
      <formula>AND(BC$533="",BC$534="")</formula>
    </cfRule>
  </conditionalFormatting>
  <conditionalFormatting sqref="BC535">
    <cfRule type="expression" dxfId="8301" priority="10543">
      <formula>OR(BC$533&lt;&gt;"",BC$534&lt;&gt;"")</formula>
    </cfRule>
    <cfRule type="expression" dxfId="8300" priority="10544">
      <formula>AND(BC$533="",BC$534="")</formula>
    </cfRule>
  </conditionalFormatting>
  <conditionalFormatting sqref="BD533:BD534">
    <cfRule type="expression" dxfId="8299" priority="10541">
      <formula>OR(BD$533&lt;&gt;"",BD$534&lt;&gt;"")</formula>
    </cfRule>
    <cfRule type="expression" dxfId="8298" priority="10542">
      <formula>AND(BD$533="",BD$534="")</formula>
    </cfRule>
  </conditionalFormatting>
  <conditionalFormatting sqref="BD535">
    <cfRule type="expression" dxfId="8297" priority="10539">
      <formula>OR(BD$533&lt;&gt;"",BD$534&lt;&gt;"")</formula>
    </cfRule>
    <cfRule type="expression" dxfId="8296" priority="10540">
      <formula>AND(BD$533="",BD$534="")</formula>
    </cfRule>
  </conditionalFormatting>
  <conditionalFormatting sqref="BE533:BE534">
    <cfRule type="expression" dxfId="8295" priority="10537">
      <formula>OR(BE$533&lt;&gt;"",BE$534&lt;&gt;"")</formula>
    </cfRule>
    <cfRule type="expression" dxfId="8294" priority="10538">
      <formula>AND(BE$533="",BE$534="")</formula>
    </cfRule>
  </conditionalFormatting>
  <conditionalFormatting sqref="BE535">
    <cfRule type="expression" dxfId="8293" priority="10535">
      <formula>OR(BE$533&lt;&gt;"",BE$534&lt;&gt;"")</formula>
    </cfRule>
    <cfRule type="expression" dxfId="8292" priority="10536">
      <formula>AND(BE$533="",BE$534="")</formula>
    </cfRule>
  </conditionalFormatting>
  <conditionalFormatting sqref="BF533:BF534">
    <cfRule type="expression" dxfId="8291" priority="10533">
      <formula>OR(BF$533&lt;&gt;"",BF$534&lt;&gt;"")</formula>
    </cfRule>
    <cfRule type="expression" dxfId="8290" priority="10534">
      <formula>AND(BF$533="",BF$534="")</formula>
    </cfRule>
  </conditionalFormatting>
  <conditionalFormatting sqref="BF535">
    <cfRule type="expression" dxfId="8289" priority="10531">
      <formula>OR(BF$533&lt;&gt;"",BF$534&lt;&gt;"")</formula>
    </cfRule>
    <cfRule type="expression" dxfId="8288" priority="10532">
      <formula>AND(BF$533="",BF$534="")</formula>
    </cfRule>
  </conditionalFormatting>
  <conditionalFormatting sqref="BG533:BG534">
    <cfRule type="expression" dxfId="8287" priority="10529">
      <formula>OR(BG$533&lt;&gt;"",BG$534&lt;&gt;"")</formula>
    </cfRule>
    <cfRule type="expression" dxfId="8286" priority="10530">
      <formula>AND(BG$533="",BG$534="")</formula>
    </cfRule>
  </conditionalFormatting>
  <conditionalFormatting sqref="BG535">
    <cfRule type="expression" dxfId="8285" priority="10527">
      <formula>OR(BG$533&lt;&gt;"",BG$534&lt;&gt;"")</formula>
    </cfRule>
    <cfRule type="expression" dxfId="8284" priority="10528">
      <formula>AND(BG$533="",BG$534="")</formula>
    </cfRule>
  </conditionalFormatting>
  <conditionalFormatting sqref="BH533:BH534">
    <cfRule type="expression" dxfId="8283" priority="10525">
      <formula>OR(BH$533&lt;&gt;"",BH$534&lt;&gt;"")</formula>
    </cfRule>
    <cfRule type="expression" dxfId="8282" priority="10526">
      <formula>AND(BH$533="",BH$534="")</formula>
    </cfRule>
  </conditionalFormatting>
  <conditionalFormatting sqref="BH535">
    <cfRule type="expression" dxfId="8281" priority="10523">
      <formula>OR(BH$533&lt;&gt;"",BH$534&lt;&gt;"")</formula>
    </cfRule>
    <cfRule type="expression" dxfId="8280" priority="10524">
      <formula>AND(BH$533="",BH$534="")</formula>
    </cfRule>
  </conditionalFormatting>
  <conditionalFormatting sqref="BI533:BI534">
    <cfRule type="expression" dxfId="8279" priority="10521">
      <formula>OR(BI$533&lt;&gt;"",BI$534&lt;&gt;"")</formula>
    </cfRule>
    <cfRule type="expression" dxfId="8278" priority="10522">
      <formula>AND(BI$533="",BI$534="")</formula>
    </cfRule>
  </conditionalFormatting>
  <conditionalFormatting sqref="BI535">
    <cfRule type="expression" dxfId="8277" priority="10519">
      <formula>OR(BI$533&lt;&gt;"",BI$534&lt;&gt;"")</formula>
    </cfRule>
    <cfRule type="expression" dxfId="8276" priority="10520">
      <formula>AND(BI$533="",BI$534="")</formula>
    </cfRule>
  </conditionalFormatting>
  <conditionalFormatting sqref="BJ533:BJ534">
    <cfRule type="expression" dxfId="8275" priority="10517">
      <formula>OR(BJ$533&lt;&gt;"",BJ$534&lt;&gt;"")</formula>
    </cfRule>
    <cfRule type="expression" dxfId="8274" priority="10518">
      <formula>AND(BJ$533="",BJ$534="")</formula>
    </cfRule>
  </conditionalFormatting>
  <conditionalFormatting sqref="BJ535">
    <cfRule type="expression" dxfId="8273" priority="10515">
      <formula>OR(BJ$533&lt;&gt;"",BJ$534&lt;&gt;"")</formula>
    </cfRule>
    <cfRule type="expression" dxfId="8272" priority="10516">
      <formula>AND(BJ$533="",BJ$534="")</formula>
    </cfRule>
  </conditionalFormatting>
  <conditionalFormatting sqref="BK533:BK534">
    <cfRule type="expression" dxfId="8271" priority="10513">
      <formula>OR(BK$533&lt;&gt;"",BK$534&lt;&gt;"")</formula>
    </cfRule>
    <cfRule type="expression" dxfId="8270" priority="10514">
      <formula>AND(BK$533="",BK$534="")</formula>
    </cfRule>
  </conditionalFormatting>
  <conditionalFormatting sqref="BK535">
    <cfRule type="expression" dxfId="8269" priority="10511">
      <formula>OR(BK$533&lt;&gt;"",BK$534&lt;&gt;"")</formula>
    </cfRule>
    <cfRule type="expression" dxfId="8268" priority="10512">
      <formula>AND(BK$533="",BK$534="")</formula>
    </cfRule>
  </conditionalFormatting>
  <conditionalFormatting sqref="BL533:BL534">
    <cfRule type="expression" dxfId="8267" priority="10509">
      <formula>OR(BL$533&lt;&gt;"",BL$534&lt;&gt;"")</formula>
    </cfRule>
    <cfRule type="expression" dxfId="8266" priority="10510">
      <formula>AND(BL$533="",BL$534="")</formula>
    </cfRule>
  </conditionalFormatting>
  <conditionalFormatting sqref="BL535">
    <cfRule type="expression" dxfId="8265" priority="10507">
      <formula>OR(BL$533&lt;&gt;"",BL$534&lt;&gt;"")</formula>
    </cfRule>
    <cfRule type="expression" dxfId="8264" priority="10508">
      <formula>AND(BL$533="",BL$534="")</formula>
    </cfRule>
  </conditionalFormatting>
  <conditionalFormatting sqref="BM533:BM534">
    <cfRule type="expression" dxfId="8263" priority="10505">
      <formula>OR(BM$533&lt;&gt;"",BM$534&lt;&gt;"")</formula>
    </cfRule>
    <cfRule type="expression" dxfId="8262" priority="10506">
      <formula>AND(BM$533="",BM$534="")</formula>
    </cfRule>
  </conditionalFormatting>
  <conditionalFormatting sqref="BM535">
    <cfRule type="expression" dxfId="8261" priority="10503">
      <formula>OR(BM$533&lt;&gt;"",BM$534&lt;&gt;"")</formula>
    </cfRule>
    <cfRule type="expression" dxfId="8260" priority="10504">
      <formula>AND(BM$533="",BM$534="")</formula>
    </cfRule>
  </conditionalFormatting>
  <conditionalFormatting sqref="BN533:BN534">
    <cfRule type="expression" dxfId="8259" priority="10501">
      <formula>OR(BN$533&lt;&gt;"",BN$534&lt;&gt;"")</formula>
    </cfRule>
    <cfRule type="expression" dxfId="8258" priority="10502">
      <formula>AND(BN$533="",BN$534="")</formula>
    </cfRule>
  </conditionalFormatting>
  <conditionalFormatting sqref="BN535">
    <cfRule type="expression" dxfId="8257" priority="10499">
      <formula>OR(BN$533&lt;&gt;"",BN$534&lt;&gt;"")</formula>
    </cfRule>
    <cfRule type="expression" dxfId="8256" priority="10500">
      <formula>AND(BN$533="",BN$534="")</formula>
    </cfRule>
  </conditionalFormatting>
  <conditionalFormatting sqref="BO533:BO534">
    <cfRule type="expression" dxfId="8255" priority="10497">
      <formula>OR(BO$533&lt;&gt;"",BO$534&lt;&gt;"")</formula>
    </cfRule>
    <cfRule type="expression" dxfId="8254" priority="10498">
      <formula>AND(BO$533="",BO$534="")</formula>
    </cfRule>
  </conditionalFormatting>
  <conditionalFormatting sqref="BO535">
    <cfRule type="expression" dxfId="8253" priority="10495">
      <formula>OR(BO$533&lt;&gt;"",BO$534&lt;&gt;"")</formula>
    </cfRule>
    <cfRule type="expression" dxfId="8252" priority="10496">
      <formula>AND(BO$533="",BO$534="")</formula>
    </cfRule>
  </conditionalFormatting>
  <conditionalFormatting sqref="BP533:BP534">
    <cfRule type="expression" dxfId="8251" priority="10493">
      <formula>OR(BP$533&lt;&gt;"",BP$534&lt;&gt;"")</formula>
    </cfRule>
    <cfRule type="expression" dxfId="8250" priority="10494">
      <formula>AND(BP$533="",BP$534="")</formula>
    </cfRule>
  </conditionalFormatting>
  <conditionalFormatting sqref="BP535">
    <cfRule type="expression" dxfId="8249" priority="10491">
      <formula>OR(BP$533&lt;&gt;"",BP$534&lt;&gt;"")</formula>
    </cfRule>
    <cfRule type="expression" dxfId="8248" priority="10492">
      <formula>AND(BP$533="",BP$534="")</formula>
    </cfRule>
  </conditionalFormatting>
  <conditionalFormatting sqref="BQ533:BQ534">
    <cfRule type="expression" dxfId="8247" priority="10489">
      <formula>OR(BQ$533&lt;&gt;"",BQ$534&lt;&gt;"")</formula>
    </cfRule>
    <cfRule type="expression" dxfId="8246" priority="10490">
      <formula>AND(BQ$533="",BQ$534="")</formula>
    </cfRule>
  </conditionalFormatting>
  <conditionalFormatting sqref="BQ535">
    <cfRule type="expression" dxfId="8245" priority="10487">
      <formula>OR(BQ$533&lt;&gt;"",BQ$534&lt;&gt;"")</formula>
    </cfRule>
    <cfRule type="expression" dxfId="8244" priority="10488">
      <formula>AND(BQ$533="",BQ$534="")</formula>
    </cfRule>
  </conditionalFormatting>
  <conditionalFormatting sqref="BR533:BR534">
    <cfRule type="expression" dxfId="8243" priority="10485">
      <formula>OR(BR$533&lt;&gt;"",BR$534&lt;&gt;"")</formula>
    </cfRule>
    <cfRule type="expression" dxfId="8242" priority="10486">
      <formula>AND(BR$533="",BR$534="")</formula>
    </cfRule>
  </conditionalFormatting>
  <conditionalFormatting sqref="BR535">
    <cfRule type="expression" dxfId="8241" priority="10483">
      <formula>OR(BR$533&lt;&gt;"",BR$534&lt;&gt;"")</formula>
    </cfRule>
    <cfRule type="expression" dxfId="8240" priority="10484">
      <formula>AND(BR$533="",BR$534="")</formula>
    </cfRule>
  </conditionalFormatting>
  <conditionalFormatting sqref="BS533:BS534">
    <cfRule type="expression" dxfId="8239" priority="10481">
      <formula>OR(BS$533&lt;&gt;"",BS$534&lt;&gt;"")</formula>
    </cfRule>
    <cfRule type="expression" dxfId="8238" priority="10482">
      <formula>AND(BS$533="",BS$534="")</formula>
    </cfRule>
  </conditionalFormatting>
  <conditionalFormatting sqref="BS535">
    <cfRule type="expression" dxfId="8237" priority="10479">
      <formula>OR(BS$533&lt;&gt;"",BS$534&lt;&gt;"")</formula>
    </cfRule>
    <cfRule type="expression" dxfId="8236" priority="10480">
      <formula>AND(BS$533="",BS$534="")</formula>
    </cfRule>
  </conditionalFormatting>
  <conditionalFormatting sqref="M538:M539">
    <cfRule type="expression" dxfId="8235" priority="10477">
      <formula>OR(M$538&lt;&gt;"",M$539&lt;&gt;"")</formula>
    </cfRule>
    <cfRule type="expression" dxfId="8234" priority="10478">
      <formula>AND(M$538="",M$539="")</formula>
    </cfRule>
  </conditionalFormatting>
  <conditionalFormatting sqref="N538:N539">
    <cfRule type="expression" dxfId="8233" priority="10475">
      <formula>OR(N$538&lt;&gt;"",N$539&lt;&gt;"")</formula>
    </cfRule>
    <cfRule type="expression" dxfId="8232" priority="10476">
      <formula>AND(N$538="",N$539="")</formula>
    </cfRule>
  </conditionalFormatting>
  <conditionalFormatting sqref="M540:M546">
    <cfRule type="expression" dxfId="8231" priority="10473">
      <formula>OR($M$538&lt;&gt;"",$M$539&lt;&gt;"")</formula>
    </cfRule>
    <cfRule type="expression" dxfId="8230" priority="10474">
      <formula>AND($M$538="",$M$539="")</formula>
    </cfRule>
  </conditionalFormatting>
  <conditionalFormatting sqref="N540:N546">
    <cfRule type="expression" dxfId="8229" priority="10471">
      <formula>OR(N$538&lt;&gt;"",N$539&lt;&gt;"")</formula>
    </cfRule>
    <cfRule type="expression" dxfId="8228" priority="10472">
      <formula>AND(N$538="",N$539="")</formula>
    </cfRule>
  </conditionalFormatting>
  <conditionalFormatting sqref="O538:O539">
    <cfRule type="expression" dxfId="8227" priority="10469">
      <formula>OR(O$538&lt;&gt;"",O$539&lt;&gt;"")</formula>
    </cfRule>
    <cfRule type="expression" dxfId="8226" priority="10470">
      <formula>AND(O$538="",O$539="")</formula>
    </cfRule>
  </conditionalFormatting>
  <conditionalFormatting sqref="O540:O546">
    <cfRule type="expression" dxfId="8225" priority="10467">
      <formula>OR(O$538&lt;&gt;"",O$539&lt;&gt;"")</formula>
    </cfRule>
    <cfRule type="expression" dxfId="8224" priority="10468">
      <formula>AND(O$538="",O$539="")</formula>
    </cfRule>
  </conditionalFormatting>
  <conditionalFormatting sqref="P538:P539">
    <cfRule type="expression" dxfId="8223" priority="10465">
      <formula>OR(P$538&lt;&gt;"",P$539&lt;&gt;"")</formula>
    </cfRule>
    <cfRule type="expression" dxfId="8222" priority="10466">
      <formula>AND(P$538="",P$539="")</formula>
    </cfRule>
  </conditionalFormatting>
  <conditionalFormatting sqref="P540:P546">
    <cfRule type="expression" dxfId="8221" priority="10463">
      <formula>OR(P$538&lt;&gt;"",P$539&lt;&gt;"")</formula>
    </cfRule>
    <cfRule type="expression" dxfId="8220" priority="10464">
      <formula>AND(P$538="",P$539="")</formula>
    </cfRule>
  </conditionalFormatting>
  <conditionalFormatting sqref="Q538:Q539">
    <cfRule type="expression" dxfId="8219" priority="10461">
      <formula>OR(Q$538&lt;&gt;"",Q$539&lt;&gt;"")</formula>
    </cfRule>
    <cfRule type="expression" dxfId="8218" priority="10462">
      <formula>AND(Q$538="",Q$539="")</formula>
    </cfRule>
  </conditionalFormatting>
  <conditionalFormatting sqref="Q540:Q546">
    <cfRule type="expression" dxfId="8217" priority="10459">
      <formula>OR(Q$538&lt;&gt;"",Q$539&lt;&gt;"")</formula>
    </cfRule>
    <cfRule type="expression" dxfId="8216" priority="10460">
      <formula>AND(Q$538="",Q$539="")</formula>
    </cfRule>
  </conditionalFormatting>
  <conditionalFormatting sqref="R538:R539">
    <cfRule type="expression" dxfId="8215" priority="10457">
      <formula>OR(R$538&lt;&gt;"",R$539&lt;&gt;"")</formula>
    </cfRule>
    <cfRule type="expression" dxfId="8214" priority="10458">
      <formula>AND(R$538="",R$539="")</formula>
    </cfRule>
  </conditionalFormatting>
  <conditionalFormatting sqref="R540:R546">
    <cfRule type="expression" dxfId="8213" priority="10455">
      <formula>OR(R$538&lt;&gt;"",R$539&lt;&gt;"")</formula>
    </cfRule>
    <cfRule type="expression" dxfId="8212" priority="10456">
      <formula>AND(R$538="",R$539="")</formula>
    </cfRule>
  </conditionalFormatting>
  <conditionalFormatting sqref="S538:S539">
    <cfRule type="expression" dxfId="8211" priority="10453">
      <formula>OR(S$538&lt;&gt;"",S$539&lt;&gt;"")</formula>
    </cfRule>
    <cfRule type="expression" dxfId="8210" priority="10454">
      <formula>AND(S$538="",S$539="")</formula>
    </cfRule>
  </conditionalFormatting>
  <conditionalFormatting sqref="S540:S546">
    <cfRule type="expression" dxfId="8209" priority="10451">
      <formula>OR(S$538&lt;&gt;"",S$539&lt;&gt;"")</formula>
    </cfRule>
    <cfRule type="expression" dxfId="8208" priority="10452">
      <formula>AND(S$538="",S$539="")</formula>
    </cfRule>
  </conditionalFormatting>
  <conditionalFormatting sqref="T538:T539">
    <cfRule type="expression" dxfId="8207" priority="10449">
      <formula>OR(T$538&lt;&gt;"",T$539&lt;&gt;"")</formula>
    </cfRule>
    <cfRule type="expression" dxfId="8206" priority="10450">
      <formula>AND(T$538="",T$539="")</formula>
    </cfRule>
  </conditionalFormatting>
  <conditionalFormatting sqref="T540:T546">
    <cfRule type="expression" dxfId="8205" priority="10447">
      <formula>OR(T$538&lt;&gt;"",T$539&lt;&gt;"")</formula>
    </cfRule>
    <cfRule type="expression" dxfId="8204" priority="10448">
      <formula>AND(T$538="",T$539="")</formula>
    </cfRule>
  </conditionalFormatting>
  <conditionalFormatting sqref="U538:U539">
    <cfRule type="expression" dxfId="8203" priority="10445">
      <formula>OR(U$538&lt;&gt;"",U$539&lt;&gt;"")</formula>
    </cfRule>
    <cfRule type="expression" dxfId="8202" priority="10446">
      <formula>AND(U$538="",U$539="")</formula>
    </cfRule>
  </conditionalFormatting>
  <conditionalFormatting sqref="U540:U546">
    <cfRule type="expression" dxfId="8201" priority="10443">
      <formula>OR(U$538&lt;&gt;"",U$539&lt;&gt;"")</formula>
    </cfRule>
    <cfRule type="expression" dxfId="8200" priority="10444">
      <formula>AND(U$538="",U$539="")</formula>
    </cfRule>
  </conditionalFormatting>
  <conditionalFormatting sqref="V538:V539">
    <cfRule type="expression" dxfId="8199" priority="10441">
      <formula>OR(V$538&lt;&gt;"",V$539&lt;&gt;"")</formula>
    </cfRule>
    <cfRule type="expression" dxfId="8198" priority="10442">
      <formula>AND(V$538="",V$539="")</formula>
    </cfRule>
  </conditionalFormatting>
  <conditionalFormatting sqref="V540:V546">
    <cfRule type="expression" dxfId="8197" priority="10439">
      <formula>OR(V$538&lt;&gt;"",V$539&lt;&gt;"")</formula>
    </cfRule>
    <cfRule type="expression" dxfId="8196" priority="10440">
      <formula>AND(V$538="",V$539="")</formula>
    </cfRule>
  </conditionalFormatting>
  <conditionalFormatting sqref="W538:W539">
    <cfRule type="expression" dxfId="8195" priority="10437">
      <formula>OR(W$538&lt;&gt;"",W$539&lt;&gt;"")</formula>
    </cfRule>
    <cfRule type="expression" dxfId="8194" priority="10438">
      <formula>AND(W$538="",W$539="")</formula>
    </cfRule>
  </conditionalFormatting>
  <conditionalFormatting sqref="W540:W546">
    <cfRule type="expression" dxfId="8193" priority="10435">
      <formula>OR(W$538&lt;&gt;"",W$539&lt;&gt;"")</formula>
    </cfRule>
    <cfRule type="expression" dxfId="8192" priority="10436">
      <formula>AND(W$538="",W$539="")</formula>
    </cfRule>
  </conditionalFormatting>
  <conditionalFormatting sqref="X538:X539">
    <cfRule type="expression" dxfId="8191" priority="10433">
      <formula>OR(X$538&lt;&gt;"",X$539&lt;&gt;"")</formula>
    </cfRule>
    <cfRule type="expression" dxfId="8190" priority="10434">
      <formula>AND(X$538="",X$539="")</formula>
    </cfRule>
  </conditionalFormatting>
  <conditionalFormatting sqref="X540:X546">
    <cfRule type="expression" dxfId="8189" priority="10431">
      <formula>OR(X$538&lt;&gt;"",X$539&lt;&gt;"")</formula>
    </cfRule>
    <cfRule type="expression" dxfId="8188" priority="10432">
      <formula>AND(X$538="",X$539="")</formula>
    </cfRule>
  </conditionalFormatting>
  <conditionalFormatting sqref="Y538:Y539">
    <cfRule type="expression" dxfId="8187" priority="10429">
      <formula>OR(Y$538&lt;&gt;"",Y$539&lt;&gt;"")</formula>
    </cfRule>
    <cfRule type="expression" dxfId="8186" priority="10430">
      <formula>AND(Y$538="",Y$539="")</formula>
    </cfRule>
  </conditionalFormatting>
  <conditionalFormatting sqref="Y540:Y546">
    <cfRule type="expression" dxfId="8185" priority="10427">
      <formula>OR(Y$538&lt;&gt;"",Y$539&lt;&gt;"")</formula>
    </cfRule>
    <cfRule type="expression" dxfId="8184" priority="10428">
      <formula>AND(Y$538="",Y$539="")</formula>
    </cfRule>
  </conditionalFormatting>
  <conditionalFormatting sqref="Z538:Z539">
    <cfRule type="expression" dxfId="8183" priority="10425">
      <formula>OR(Z$538&lt;&gt;"",Z$539&lt;&gt;"")</formula>
    </cfRule>
    <cfRule type="expression" dxfId="8182" priority="10426">
      <formula>AND(Z$538="",Z$539="")</formula>
    </cfRule>
  </conditionalFormatting>
  <conditionalFormatting sqref="Z540:Z546">
    <cfRule type="expression" dxfId="8181" priority="10423">
      <formula>OR(Z$538&lt;&gt;"",Z$539&lt;&gt;"")</formula>
    </cfRule>
    <cfRule type="expression" dxfId="8180" priority="10424">
      <formula>AND(Z$538="",Z$539="")</formula>
    </cfRule>
  </conditionalFormatting>
  <conditionalFormatting sqref="AA538:AA539">
    <cfRule type="expression" dxfId="8179" priority="10421">
      <formula>OR(AA$538&lt;&gt;"",AA$539&lt;&gt;"")</formula>
    </cfRule>
    <cfRule type="expression" dxfId="8178" priority="10422">
      <formula>AND(AA$538="",AA$539="")</formula>
    </cfRule>
  </conditionalFormatting>
  <conditionalFormatting sqref="AA540:AA546">
    <cfRule type="expression" dxfId="8177" priority="10419">
      <formula>OR(AA$538&lt;&gt;"",AA$539&lt;&gt;"")</formula>
    </cfRule>
    <cfRule type="expression" dxfId="8176" priority="10420">
      <formula>AND(AA$538="",AA$539="")</formula>
    </cfRule>
  </conditionalFormatting>
  <conditionalFormatting sqref="AB538:AB539">
    <cfRule type="expression" dxfId="8175" priority="10417">
      <formula>OR(AB$538&lt;&gt;"",AB$539&lt;&gt;"")</formula>
    </cfRule>
    <cfRule type="expression" dxfId="8174" priority="10418">
      <formula>AND(AB$538="",AB$539="")</formula>
    </cfRule>
  </conditionalFormatting>
  <conditionalFormatting sqref="AB540:AB546">
    <cfRule type="expression" dxfId="8173" priority="10415">
      <formula>OR(AB$538&lt;&gt;"",AB$539&lt;&gt;"")</formula>
    </cfRule>
    <cfRule type="expression" dxfId="8172" priority="10416">
      <formula>AND(AB$538="",AB$539="")</formula>
    </cfRule>
  </conditionalFormatting>
  <conditionalFormatting sqref="AC538:AC539">
    <cfRule type="expression" dxfId="8171" priority="10413">
      <formula>OR(AC$538&lt;&gt;"",AC$539&lt;&gt;"")</formula>
    </cfRule>
    <cfRule type="expression" dxfId="8170" priority="10414">
      <formula>AND(AC$538="",AC$539="")</formula>
    </cfRule>
  </conditionalFormatting>
  <conditionalFormatting sqref="AC540:AC546">
    <cfRule type="expression" dxfId="8169" priority="10411">
      <formula>OR(AC$538&lt;&gt;"",AC$539&lt;&gt;"")</formula>
    </cfRule>
    <cfRule type="expression" dxfId="8168" priority="10412">
      <formula>AND(AC$538="",AC$539="")</formula>
    </cfRule>
  </conditionalFormatting>
  <conditionalFormatting sqref="AD538:AD539">
    <cfRule type="expression" dxfId="8167" priority="10409">
      <formula>OR(AD$538&lt;&gt;"",AD$539&lt;&gt;"")</formula>
    </cfRule>
    <cfRule type="expression" dxfId="8166" priority="10410">
      <formula>AND(AD$538="",AD$539="")</formula>
    </cfRule>
  </conditionalFormatting>
  <conditionalFormatting sqref="AD540:AD546">
    <cfRule type="expression" dxfId="8165" priority="10407">
      <formula>OR(AD$538&lt;&gt;"",AD$539&lt;&gt;"")</formula>
    </cfRule>
    <cfRule type="expression" dxfId="8164" priority="10408">
      <formula>AND(AD$538="",AD$539="")</formula>
    </cfRule>
  </conditionalFormatting>
  <conditionalFormatting sqref="AE538:AE539">
    <cfRule type="expression" dxfId="8163" priority="10405">
      <formula>OR(AE$538&lt;&gt;"",AE$539&lt;&gt;"")</formula>
    </cfRule>
    <cfRule type="expression" dxfId="8162" priority="10406">
      <formula>AND(AE$538="",AE$539="")</formula>
    </cfRule>
  </conditionalFormatting>
  <conditionalFormatting sqref="AE540:AE546">
    <cfRule type="expression" dxfId="8161" priority="10403">
      <formula>OR(AE$538&lt;&gt;"",AE$539&lt;&gt;"")</formula>
    </cfRule>
    <cfRule type="expression" dxfId="8160" priority="10404">
      <formula>AND(AE$538="",AE$539="")</formula>
    </cfRule>
  </conditionalFormatting>
  <conditionalFormatting sqref="AF538:AF539">
    <cfRule type="expression" dxfId="8159" priority="10401">
      <formula>OR(AF$538&lt;&gt;"",AF$539&lt;&gt;"")</formula>
    </cfRule>
    <cfRule type="expression" dxfId="8158" priority="10402">
      <formula>AND(AF$538="",AF$539="")</formula>
    </cfRule>
  </conditionalFormatting>
  <conditionalFormatting sqref="AF540:AF546">
    <cfRule type="expression" dxfId="8157" priority="10399">
      <formula>OR(AF$538&lt;&gt;"",AF$539&lt;&gt;"")</formula>
    </cfRule>
    <cfRule type="expression" dxfId="8156" priority="10400">
      <formula>AND(AF$538="",AF$539="")</formula>
    </cfRule>
  </conditionalFormatting>
  <conditionalFormatting sqref="AG538:AG539">
    <cfRule type="expression" dxfId="8155" priority="10397">
      <formula>OR(AG$538&lt;&gt;"",AG$539&lt;&gt;"")</formula>
    </cfRule>
    <cfRule type="expression" dxfId="8154" priority="10398">
      <formula>AND(AG$538="",AG$539="")</formula>
    </cfRule>
  </conditionalFormatting>
  <conditionalFormatting sqref="AG540:AG546">
    <cfRule type="expression" dxfId="8153" priority="10395">
      <formula>OR(AG$538&lt;&gt;"",AG$539&lt;&gt;"")</formula>
    </cfRule>
    <cfRule type="expression" dxfId="8152" priority="10396">
      <formula>AND(AG$538="",AG$539="")</formula>
    </cfRule>
  </conditionalFormatting>
  <conditionalFormatting sqref="AH538:AH539">
    <cfRule type="expression" dxfId="8151" priority="10393">
      <formula>OR(AH$538&lt;&gt;"",AH$539&lt;&gt;"")</formula>
    </cfRule>
    <cfRule type="expression" dxfId="8150" priority="10394">
      <formula>AND(AH$538="",AH$539="")</formula>
    </cfRule>
  </conditionalFormatting>
  <conditionalFormatting sqref="AH540:AH546">
    <cfRule type="expression" dxfId="8149" priority="10391">
      <formula>OR(AH$538&lt;&gt;"",AH$539&lt;&gt;"")</formula>
    </cfRule>
    <cfRule type="expression" dxfId="8148" priority="10392">
      <formula>AND(AH$538="",AH$539="")</formula>
    </cfRule>
  </conditionalFormatting>
  <conditionalFormatting sqref="AI538:AI539">
    <cfRule type="expression" dxfId="8147" priority="10389">
      <formula>OR(AI$538&lt;&gt;"",AI$539&lt;&gt;"")</formula>
    </cfRule>
    <cfRule type="expression" dxfId="8146" priority="10390">
      <formula>AND(AI$538="",AI$539="")</formula>
    </cfRule>
  </conditionalFormatting>
  <conditionalFormatting sqref="AI540:AI546">
    <cfRule type="expression" dxfId="8145" priority="10387">
      <formula>OR(AI$538&lt;&gt;"",AI$539&lt;&gt;"")</formula>
    </cfRule>
    <cfRule type="expression" dxfId="8144" priority="10388">
      <formula>AND(AI$538="",AI$539="")</formula>
    </cfRule>
  </conditionalFormatting>
  <conditionalFormatting sqref="AJ538:AJ539">
    <cfRule type="expression" dxfId="8143" priority="10385">
      <formula>OR(AJ$538&lt;&gt;"",AJ$539&lt;&gt;"")</formula>
    </cfRule>
    <cfRule type="expression" dxfId="8142" priority="10386">
      <formula>AND(AJ$538="",AJ$539="")</formula>
    </cfRule>
  </conditionalFormatting>
  <conditionalFormatting sqref="AJ540:AJ546">
    <cfRule type="expression" dxfId="8141" priority="10383">
      <formula>OR(AJ$538&lt;&gt;"",AJ$539&lt;&gt;"")</formula>
    </cfRule>
    <cfRule type="expression" dxfId="8140" priority="10384">
      <formula>AND(AJ$538="",AJ$539="")</formula>
    </cfRule>
  </conditionalFormatting>
  <conditionalFormatting sqref="AK538:AK539">
    <cfRule type="expression" dxfId="8139" priority="10381">
      <formula>OR(AK$538&lt;&gt;"",AK$539&lt;&gt;"")</formula>
    </cfRule>
    <cfRule type="expression" dxfId="8138" priority="10382">
      <formula>AND(AK$538="",AK$539="")</formula>
    </cfRule>
  </conditionalFormatting>
  <conditionalFormatting sqref="AK540:AK546">
    <cfRule type="expression" dxfId="8137" priority="10379">
      <formula>OR(AK$538&lt;&gt;"",AK$539&lt;&gt;"")</formula>
    </cfRule>
    <cfRule type="expression" dxfId="8136" priority="10380">
      <formula>AND(AK$538="",AK$539="")</formula>
    </cfRule>
  </conditionalFormatting>
  <conditionalFormatting sqref="AL538:AL539">
    <cfRule type="expression" dxfId="8135" priority="10377">
      <formula>OR(AL$538&lt;&gt;"",AL$539&lt;&gt;"")</formula>
    </cfRule>
    <cfRule type="expression" dxfId="8134" priority="10378">
      <formula>AND(AL$538="",AL$539="")</formula>
    </cfRule>
  </conditionalFormatting>
  <conditionalFormatting sqref="AL540:AL546">
    <cfRule type="expression" dxfId="8133" priority="10375">
      <formula>OR(AL$538&lt;&gt;"",AL$539&lt;&gt;"")</formula>
    </cfRule>
    <cfRule type="expression" dxfId="8132" priority="10376">
      <formula>AND(AL$538="",AL$539="")</formula>
    </cfRule>
  </conditionalFormatting>
  <conditionalFormatting sqref="AM538:AM539">
    <cfRule type="expression" dxfId="8131" priority="10373">
      <formula>OR(AM$538&lt;&gt;"",AM$539&lt;&gt;"")</formula>
    </cfRule>
    <cfRule type="expression" dxfId="8130" priority="10374">
      <formula>AND(AM$538="",AM$539="")</formula>
    </cfRule>
  </conditionalFormatting>
  <conditionalFormatting sqref="AM540:AM546">
    <cfRule type="expression" dxfId="8129" priority="10371">
      <formula>OR(AM$538&lt;&gt;"",AM$539&lt;&gt;"")</formula>
    </cfRule>
    <cfRule type="expression" dxfId="8128" priority="10372">
      <formula>AND(AM$538="",AM$539="")</formula>
    </cfRule>
  </conditionalFormatting>
  <conditionalFormatting sqref="AN538:AN539">
    <cfRule type="expression" dxfId="8127" priority="10369">
      <formula>OR(AN$538&lt;&gt;"",AN$539&lt;&gt;"")</formula>
    </cfRule>
    <cfRule type="expression" dxfId="8126" priority="10370">
      <formula>AND(AN$538="",AN$539="")</formula>
    </cfRule>
  </conditionalFormatting>
  <conditionalFormatting sqref="AN540:AN546">
    <cfRule type="expression" dxfId="8125" priority="10367">
      <formula>OR(AN$538&lt;&gt;"",AN$539&lt;&gt;"")</formula>
    </cfRule>
    <cfRule type="expression" dxfId="8124" priority="10368">
      <formula>AND(AN$538="",AN$539="")</formula>
    </cfRule>
  </conditionalFormatting>
  <conditionalFormatting sqref="AO538:AO539">
    <cfRule type="expression" dxfId="8123" priority="10365">
      <formula>OR(AO$538&lt;&gt;"",AO$539&lt;&gt;"")</formula>
    </cfRule>
    <cfRule type="expression" dxfId="8122" priority="10366">
      <formula>AND(AO$538="",AO$539="")</formula>
    </cfRule>
  </conditionalFormatting>
  <conditionalFormatting sqref="AO540:AO546">
    <cfRule type="expression" dxfId="8121" priority="10363">
      <formula>OR(AO$538&lt;&gt;"",AO$539&lt;&gt;"")</formula>
    </cfRule>
    <cfRule type="expression" dxfId="8120" priority="10364">
      <formula>AND(AO$538="",AO$539="")</formula>
    </cfRule>
  </conditionalFormatting>
  <conditionalFormatting sqref="AP538:AP539">
    <cfRule type="expression" dxfId="8119" priority="10361">
      <formula>OR(AP$538&lt;&gt;"",AP$539&lt;&gt;"")</formula>
    </cfRule>
    <cfRule type="expression" dxfId="8118" priority="10362">
      <formula>AND(AP$538="",AP$539="")</formula>
    </cfRule>
  </conditionalFormatting>
  <conditionalFormatting sqref="AP540:AP546">
    <cfRule type="expression" dxfId="8117" priority="10359">
      <formula>OR(AP$538&lt;&gt;"",AP$539&lt;&gt;"")</formula>
    </cfRule>
    <cfRule type="expression" dxfId="8116" priority="10360">
      <formula>AND(AP$538="",AP$539="")</formula>
    </cfRule>
  </conditionalFormatting>
  <conditionalFormatting sqref="AQ538:AQ539">
    <cfRule type="expression" dxfId="8115" priority="10357">
      <formula>OR(AQ$538&lt;&gt;"",AQ$539&lt;&gt;"")</formula>
    </cfRule>
    <cfRule type="expression" dxfId="8114" priority="10358">
      <formula>AND(AQ$538="",AQ$539="")</formula>
    </cfRule>
  </conditionalFormatting>
  <conditionalFormatting sqref="AQ540:AQ546">
    <cfRule type="expression" dxfId="8113" priority="10355">
      <formula>OR(AQ$538&lt;&gt;"",AQ$539&lt;&gt;"")</formula>
    </cfRule>
    <cfRule type="expression" dxfId="8112" priority="10356">
      <formula>AND(AQ$538="",AQ$539="")</formula>
    </cfRule>
  </conditionalFormatting>
  <conditionalFormatting sqref="AR538:AR539">
    <cfRule type="expression" dxfId="8111" priority="10353">
      <formula>OR(AR$538&lt;&gt;"",AR$539&lt;&gt;"")</formula>
    </cfRule>
    <cfRule type="expression" dxfId="8110" priority="10354">
      <formula>AND(AR$538="",AR$539="")</formula>
    </cfRule>
  </conditionalFormatting>
  <conditionalFormatting sqref="AR540:AR546">
    <cfRule type="expression" dxfId="8109" priority="10351">
      <formula>OR(AR$538&lt;&gt;"",AR$539&lt;&gt;"")</formula>
    </cfRule>
    <cfRule type="expression" dxfId="8108" priority="10352">
      <formula>AND(AR$538="",AR$539="")</formula>
    </cfRule>
  </conditionalFormatting>
  <conditionalFormatting sqref="AS538:AS539">
    <cfRule type="expression" dxfId="8107" priority="10349">
      <formula>OR(AS$538&lt;&gt;"",AS$539&lt;&gt;"")</formula>
    </cfRule>
    <cfRule type="expression" dxfId="8106" priority="10350">
      <formula>AND(AS$538="",AS$539="")</formula>
    </cfRule>
  </conditionalFormatting>
  <conditionalFormatting sqref="AS540:AS546">
    <cfRule type="expression" dxfId="8105" priority="10347">
      <formula>OR(AS$538&lt;&gt;"",AS$539&lt;&gt;"")</formula>
    </cfRule>
    <cfRule type="expression" dxfId="8104" priority="10348">
      <formula>AND(AS$538="",AS$539="")</formula>
    </cfRule>
  </conditionalFormatting>
  <conditionalFormatting sqref="AT538:AT539">
    <cfRule type="expression" dxfId="8103" priority="10345">
      <formula>OR(AT$538&lt;&gt;"",AT$539&lt;&gt;"")</formula>
    </cfRule>
    <cfRule type="expression" dxfId="8102" priority="10346">
      <formula>AND(AT$538="",AT$539="")</formula>
    </cfRule>
  </conditionalFormatting>
  <conditionalFormatting sqref="AT540:AT546">
    <cfRule type="expression" dxfId="8101" priority="10343">
      <formula>OR(AT$538&lt;&gt;"",AT$539&lt;&gt;"")</formula>
    </cfRule>
    <cfRule type="expression" dxfId="8100" priority="10344">
      <formula>AND(AT$538="",AT$539="")</formula>
    </cfRule>
  </conditionalFormatting>
  <conditionalFormatting sqref="AU538:AU539">
    <cfRule type="expression" dxfId="8099" priority="10341">
      <formula>OR(AU$538&lt;&gt;"",AU$539&lt;&gt;"")</formula>
    </cfRule>
    <cfRule type="expression" dxfId="8098" priority="10342">
      <formula>AND(AU$538="",AU$539="")</formula>
    </cfRule>
  </conditionalFormatting>
  <conditionalFormatting sqref="AU540:AU546">
    <cfRule type="expression" dxfId="8097" priority="10339">
      <formula>OR(AU$538&lt;&gt;"",AU$539&lt;&gt;"")</formula>
    </cfRule>
    <cfRule type="expression" dxfId="8096" priority="10340">
      <formula>AND(AU$538="",AU$539="")</formula>
    </cfRule>
  </conditionalFormatting>
  <conditionalFormatting sqref="AV538:AV539">
    <cfRule type="expression" dxfId="8095" priority="10337">
      <formula>OR(AV$538&lt;&gt;"",AV$539&lt;&gt;"")</formula>
    </cfRule>
    <cfRule type="expression" dxfId="8094" priority="10338">
      <formula>AND(AV$538="",AV$539="")</formula>
    </cfRule>
  </conditionalFormatting>
  <conditionalFormatting sqref="AV540:AV546">
    <cfRule type="expression" dxfId="8093" priority="10335">
      <formula>OR(AV$538&lt;&gt;"",AV$539&lt;&gt;"")</formula>
    </cfRule>
    <cfRule type="expression" dxfId="8092" priority="10336">
      <formula>AND(AV$538="",AV$539="")</formula>
    </cfRule>
  </conditionalFormatting>
  <conditionalFormatting sqref="AW538:AW539">
    <cfRule type="expression" dxfId="8091" priority="10333">
      <formula>OR(AW$538&lt;&gt;"",AW$539&lt;&gt;"")</formula>
    </cfRule>
    <cfRule type="expression" dxfId="8090" priority="10334">
      <formula>AND(AW$538="",AW$539="")</formula>
    </cfRule>
  </conditionalFormatting>
  <conditionalFormatting sqref="AW540:AW546">
    <cfRule type="expression" dxfId="8089" priority="10331">
      <formula>OR(AW$538&lt;&gt;"",AW$539&lt;&gt;"")</formula>
    </cfRule>
    <cfRule type="expression" dxfId="8088" priority="10332">
      <formula>AND(AW$538="",AW$539="")</formula>
    </cfRule>
  </conditionalFormatting>
  <conditionalFormatting sqref="AX538:AX539">
    <cfRule type="expression" dxfId="8087" priority="10329">
      <formula>OR(AX$538&lt;&gt;"",AX$539&lt;&gt;"")</formula>
    </cfRule>
    <cfRule type="expression" dxfId="8086" priority="10330">
      <formula>AND(AX$538="",AX$539="")</formula>
    </cfRule>
  </conditionalFormatting>
  <conditionalFormatting sqref="AX540:AX546">
    <cfRule type="expression" dxfId="8085" priority="10327">
      <formula>OR(AX$538&lt;&gt;"",AX$539&lt;&gt;"")</formula>
    </cfRule>
    <cfRule type="expression" dxfId="8084" priority="10328">
      <formula>AND(AX$538="",AX$539="")</formula>
    </cfRule>
  </conditionalFormatting>
  <conditionalFormatting sqref="AY538:AY539">
    <cfRule type="expression" dxfId="8083" priority="10325">
      <formula>OR(AY$538&lt;&gt;"",AY$539&lt;&gt;"")</formula>
    </cfRule>
    <cfRule type="expression" dxfId="8082" priority="10326">
      <formula>AND(AY$538="",AY$539="")</formula>
    </cfRule>
  </conditionalFormatting>
  <conditionalFormatting sqref="AY540:AY546">
    <cfRule type="expression" dxfId="8081" priority="10323">
      <formula>OR(AY$538&lt;&gt;"",AY$539&lt;&gt;"")</formula>
    </cfRule>
    <cfRule type="expression" dxfId="8080" priority="10324">
      <formula>AND(AY$538="",AY$539="")</formula>
    </cfRule>
  </conditionalFormatting>
  <conditionalFormatting sqref="AZ538:AZ539">
    <cfRule type="expression" dxfId="8079" priority="10321">
      <formula>OR(AZ$538&lt;&gt;"",AZ$539&lt;&gt;"")</formula>
    </cfRule>
    <cfRule type="expression" dxfId="8078" priority="10322">
      <formula>AND(AZ$538="",AZ$539="")</formula>
    </cfRule>
  </conditionalFormatting>
  <conditionalFormatting sqref="AZ540:AZ546">
    <cfRule type="expression" dxfId="8077" priority="10319">
      <formula>OR(AZ$538&lt;&gt;"",AZ$539&lt;&gt;"")</formula>
    </cfRule>
    <cfRule type="expression" dxfId="8076" priority="10320">
      <formula>AND(AZ$538="",AZ$539="")</formula>
    </cfRule>
  </conditionalFormatting>
  <conditionalFormatting sqref="BA538:BA539">
    <cfRule type="expression" dxfId="8075" priority="10317">
      <formula>OR(BA$538&lt;&gt;"",BA$539&lt;&gt;"")</formula>
    </cfRule>
    <cfRule type="expression" dxfId="8074" priority="10318">
      <formula>AND(BA$538="",BA$539="")</formula>
    </cfRule>
  </conditionalFormatting>
  <conditionalFormatting sqref="BA540:BA546">
    <cfRule type="expression" dxfId="8073" priority="10315">
      <formula>OR(BA$538&lt;&gt;"",BA$539&lt;&gt;"")</formula>
    </cfRule>
    <cfRule type="expression" dxfId="8072" priority="10316">
      <formula>AND(BA$538="",BA$539="")</formula>
    </cfRule>
  </conditionalFormatting>
  <conditionalFormatting sqref="BB538:BB539">
    <cfRule type="expression" dxfId="8071" priority="10313">
      <formula>OR(BB$538&lt;&gt;"",BB$539&lt;&gt;"")</formula>
    </cfRule>
    <cfRule type="expression" dxfId="8070" priority="10314">
      <formula>AND(BB$538="",BB$539="")</formula>
    </cfRule>
  </conditionalFormatting>
  <conditionalFormatting sqref="BB540:BB546">
    <cfRule type="expression" dxfId="8069" priority="10311">
      <formula>OR(BB$538&lt;&gt;"",BB$539&lt;&gt;"")</formula>
    </cfRule>
    <cfRule type="expression" dxfId="8068" priority="10312">
      <formula>AND(BB$538="",BB$539="")</formula>
    </cfRule>
  </conditionalFormatting>
  <conditionalFormatting sqref="BC538:BC539">
    <cfRule type="expression" dxfId="8067" priority="10309">
      <formula>OR(BC$538&lt;&gt;"",BC$539&lt;&gt;"")</formula>
    </cfRule>
    <cfRule type="expression" dxfId="8066" priority="10310">
      <formula>AND(BC$538="",BC$539="")</formula>
    </cfRule>
  </conditionalFormatting>
  <conditionalFormatting sqref="BC540:BC546">
    <cfRule type="expression" dxfId="8065" priority="10307">
      <formula>OR(BC$538&lt;&gt;"",BC$539&lt;&gt;"")</formula>
    </cfRule>
    <cfRule type="expression" dxfId="8064" priority="10308">
      <formula>AND(BC$538="",BC$539="")</formula>
    </cfRule>
  </conditionalFormatting>
  <conditionalFormatting sqref="BD538:BD539">
    <cfRule type="expression" dxfId="8063" priority="10305">
      <formula>OR(BD$538&lt;&gt;"",BD$539&lt;&gt;"")</formula>
    </cfRule>
    <cfRule type="expression" dxfId="8062" priority="10306">
      <formula>AND(BD$538="",BD$539="")</formula>
    </cfRule>
  </conditionalFormatting>
  <conditionalFormatting sqref="BD540:BD546">
    <cfRule type="expression" dxfId="8061" priority="10303">
      <formula>OR(BD$538&lt;&gt;"",BD$539&lt;&gt;"")</formula>
    </cfRule>
    <cfRule type="expression" dxfId="8060" priority="10304">
      <formula>AND(BD$538="",BD$539="")</formula>
    </cfRule>
  </conditionalFormatting>
  <conditionalFormatting sqref="BE538:BE539">
    <cfRule type="expression" dxfId="8059" priority="10301">
      <formula>OR(BE$538&lt;&gt;"",BE$539&lt;&gt;"")</formula>
    </cfRule>
    <cfRule type="expression" dxfId="8058" priority="10302">
      <formula>AND(BE$538="",BE$539="")</formula>
    </cfRule>
  </conditionalFormatting>
  <conditionalFormatting sqref="BE540:BE546">
    <cfRule type="expression" dxfId="8057" priority="10299">
      <formula>OR(BE$538&lt;&gt;"",BE$539&lt;&gt;"")</formula>
    </cfRule>
    <cfRule type="expression" dxfId="8056" priority="10300">
      <formula>AND(BE$538="",BE$539="")</formula>
    </cfRule>
  </conditionalFormatting>
  <conditionalFormatting sqref="BF538:BF539">
    <cfRule type="expression" dxfId="8055" priority="10297">
      <formula>OR(BF$538&lt;&gt;"",BF$539&lt;&gt;"")</formula>
    </cfRule>
    <cfRule type="expression" dxfId="8054" priority="10298">
      <formula>AND(BF$538="",BF$539="")</formula>
    </cfRule>
  </conditionalFormatting>
  <conditionalFormatting sqref="BF540:BF546">
    <cfRule type="expression" dxfId="8053" priority="10295">
      <formula>OR(BF$538&lt;&gt;"",BF$539&lt;&gt;"")</formula>
    </cfRule>
    <cfRule type="expression" dxfId="8052" priority="10296">
      <formula>AND(BF$538="",BF$539="")</formula>
    </cfRule>
  </conditionalFormatting>
  <conditionalFormatting sqref="BG538:BG539">
    <cfRule type="expression" dxfId="8051" priority="10293">
      <formula>OR(BG$538&lt;&gt;"",BG$539&lt;&gt;"")</formula>
    </cfRule>
    <cfRule type="expression" dxfId="8050" priority="10294">
      <formula>AND(BG$538="",BG$539="")</formula>
    </cfRule>
  </conditionalFormatting>
  <conditionalFormatting sqref="BG540:BG546">
    <cfRule type="expression" dxfId="8049" priority="10291">
      <formula>OR(BG$538&lt;&gt;"",BG$539&lt;&gt;"")</formula>
    </cfRule>
    <cfRule type="expression" dxfId="8048" priority="10292">
      <formula>AND(BG$538="",BG$539="")</formula>
    </cfRule>
  </conditionalFormatting>
  <conditionalFormatting sqref="BH538:BH539">
    <cfRule type="expression" dxfId="8047" priority="10289">
      <formula>OR(BH$538&lt;&gt;"",BH$539&lt;&gt;"")</formula>
    </cfRule>
    <cfRule type="expression" dxfId="8046" priority="10290">
      <formula>AND(BH$538="",BH$539="")</formula>
    </cfRule>
  </conditionalFormatting>
  <conditionalFormatting sqref="BH540:BH546">
    <cfRule type="expression" dxfId="8045" priority="10287">
      <formula>OR(BH$538&lt;&gt;"",BH$539&lt;&gt;"")</formula>
    </cfRule>
    <cfRule type="expression" dxfId="8044" priority="10288">
      <formula>AND(BH$538="",BH$539="")</formula>
    </cfRule>
  </conditionalFormatting>
  <conditionalFormatting sqref="BI538:BI539">
    <cfRule type="expression" dxfId="8043" priority="10285">
      <formula>OR(BI$538&lt;&gt;"",BI$539&lt;&gt;"")</formula>
    </cfRule>
    <cfRule type="expression" dxfId="8042" priority="10286">
      <formula>AND(BI$538="",BI$539="")</formula>
    </cfRule>
  </conditionalFormatting>
  <conditionalFormatting sqref="BI540:BI546">
    <cfRule type="expression" dxfId="8041" priority="10283">
      <formula>OR(BI$538&lt;&gt;"",BI$539&lt;&gt;"")</formula>
    </cfRule>
    <cfRule type="expression" dxfId="8040" priority="10284">
      <formula>AND(BI$538="",BI$539="")</formula>
    </cfRule>
  </conditionalFormatting>
  <conditionalFormatting sqref="BJ538:BJ539">
    <cfRule type="expression" dxfId="8039" priority="10281">
      <formula>OR(BJ$538&lt;&gt;"",BJ$539&lt;&gt;"")</formula>
    </cfRule>
    <cfRule type="expression" dxfId="8038" priority="10282">
      <formula>AND(BJ$538="",BJ$539="")</formula>
    </cfRule>
  </conditionalFormatting>
  <conditionalFormatting sqref="BJ540:BJ546">
    <cfRule type="expression" dxfId="8037" priority="10279">
      <formula>OR(BJ$538&lt;&gt;"",BJ$539&lt;&gt;"")</formula>
    </cfRule>
    <cfRule type="expression" dxfId="8036" priority="10280">
      <formula>AND(BJ$538="",BJ$539="")</formula>
    </cfRule>
  </conditionalFormatting>
  <conditionalFormatting sqref="BK538:BK539">
    <cfRule type="expression" dxfId="8035" priority="10277">
      <formula>OR(BK$538&lt;&gt;"",BK$539&lt;&gt;"")</formula>
    </cfRule>
    <cfRule type="expression" dxfId="8034" priority="10278">
      <formula>AND(BK$538="",BK$539="")</formula>
    </cfRule>
  </conditionalFormatting>
  <conditionalFormatting sqref="BK540:BK546">
    <cfRule type="expression" dxfId="8033" priority="10275">
      <formula>OR(BK$538&lt;&gt;"",BK$539&lt;&gt;"")</formula>
    </cfRule>
    <cfRule type="expression" dxfId="8032" priority="10276">
      <formula>AND(BK$538="",BK$539="")</formula>
    </cfRule>
  </conditionalFormatting>
  <conditionalFormatting sqref="BL538:BL539">
    <cfRule type="expression" dxfId="8031" priority="10273">
      <formula>OR(BL$538&lt;&gt;"",BL$539&lt;&gt;"")</formula>
    </cfRule>
    <cfRule type="expression" dxfId="8030" priority="10274">
      <formula>AND(BL$538="",BL$539="")</formula>
    </cfRule>
  </conditionalFormatting>
  <conditionalFormatting sqref="BL540:BL546">
    <cfRule type="expression" dxfId="8029" priority="10271">
      <formula>OR(BL$538&lt;&gt;"",BL$539&lt;&gt;"")</formula>
    </cfRule>
    <cfRule type="expression" dxfId="8028" priority="10272">
      <formula>AND(BL$538="",BL$539="")</formula>
    </cfRule>
  </conditionalFormatting>
  <conditionalFormatting sqref="BM538:BM539">
    <cfRule type="expression" dxfId="8027" priority="10269">
      <formula>OR(BM$538&lt;&gt;"",BM$539&lt;&gt;"")</formula>
    </cfRule>
    <cfRule type="expression" dxfId="8026" priority="10270">
      <formula>AND(BM$538="",BM$539="")</formula>
    </cfRule>
  </conditionalFormatting>
  <conditionalFormatting sqref="BM540:BM546">
    <cfRule type="expression" dxfId="8025" priority="10267">
      <formula>OR(BM$538&lt;&gt;"",BM$539&lt;&gt;"")</formula>
    </cfRule>
    <cfRule type="expression" dxfId="8024" priority="10268">
      <formula>AND(BM$538="",BM$539="")</formula>
    </cfRule>
  </conditionalFormatting>
  <conditionalFormatting sqref="BN538:BN539">
    <cfRule type="expression" dxfId="8023" priority="10265">
      <formula>OR(BN$538&lt;&gt;"",BN$539&lt;&gt;"")</formula>
    </cfRule>
    <cfRule type="expression" dxfId="8022" priority="10266">
      <formula>AND(BN$538="",BN$539="")</formula>
    </cfRule>
  </conditionalFormatting>
  <conditionalFormatting sqref="BN540:BN546">
    <cfRule type="expression" dxfId="8021" priority="10263">
      <formula>OR(BN$538&lt;&gt;"",BN$539&lt;&gt;"")</formula>
    </cfRule>
    <cfRule type="expression" dxfId="8020" priority="10264">
      <formula>AND(BN$538="",BN$539="")</formula>
    </cfRule>
  </conditionalFormatting>
  <conditionalFormatting sqref="BO538:BO539">
    <cfRule type="expression" dxfId="8019" priority="10261">
      <formula>OR(BO$538&lt;&gt;"",BO$539&lt;&gt;"")</formula>
    </cfRule>
    <cfRule type="expression" dxfId="8018" priority="10262">
      <formula>AND(BO$538="",BO$539="")</formula>
    </cfRule>
  </conditionalFormatting>
  <conditionalFormatting sqref="BO540:BO546">
    <cfRule type="expression" dxfId="8017" priority="10259">
      <formula>OR(BO$538&lt;&gt;"",BO$539&lt;&gt;"")</formula>
    </cfRule>
    <cfRule type="expression" dxfId="8016" priority="10260">
      <formula>AND(BO$538="",BO$539="")</formula>
    </cfRule>
  </conditionalFormatting>
  <conditionalFormatting sqref="BP538:BP539">
    <cfRule type="expression" dxfId="8015" priority="10257">
      <formula>OR(BP$538&lt;&gt;"",BP$539&lt;&gt;"")</formula>
    </cfRule>
    <cfRule type="expression" dxfId="8014" priority="10258">
      <formula>AND(BP$538="",BP$539="")</formula>
    </cfRule>
  </conditionalFormatting>
  <conditionalFormatting sqref="BP540:BP546">
    <cfRule type="expression" dxfId="8013" priority="10255">
      <formula>OR(BP$538&lt;&gt;"",BP$539&lt;&gt;"")</formula>
    </cfRule>
    <cfRule type="expression" dxfId="8012" priority="10256">
      <formula>AND(BP$538="",BP$539="")</formula>
    </cfRule>
  </conditionalFormatting>
  <conditionalFormatting sqref="BQ538:BQ539">
    <cfRule type="expression" dxfId="8011" priority="10253">
      <formula>OR(BQ$538&lt;&gt;"",BQ$539&lt;&gt;"")</formula>
    </cfRule>
    <cfRule type="expression" dxfId="8010" priority="10254">
      <formula>AND(BQ$538="",BQ$539="")</formula>
    </cfRule>
  </conditionalFormatting>
  <conditionalFormatting sqref="BQ540:BQ546">
    <cfRule type="expression" dxfId="8009" priority="10251">
      <formula>OR(BQ$538&lt;&gt;"",BQ$539&lt;&gt;"")</formula>
    </cfRule>
    <cfRule type="expression" dxfId="8008" priority="10252">
      <formula>AND(BQ$538="",BQ$539="")</formula>
    </cfRule>
  </conditionalFormatting>
  <conditionalFormatting sqref="BR538:BR539">
    <cfRule type="expression" dxfId="8007" priority="10249">
      <formula>OR(BR$538&lt;&gt;"",BR$539&lt;&gt;"")</formula>
    </cfRule>
    <cfRule type="expression" dxfId="8006" priority="10250">
      <formula>AND(BR$538="",BR$539="")</formula>
    </cfRule>
  </conditionalFormatting>
  <conditionalFormatting sqref="BR540:BR546">
    <cfRule type="expression" dxfId="8005" priority="10247">
      <formula>OR(BR$538&lt;&gt;"",BR$539&lt;&gt;"")</formula>
    </cfRule>
    <cfRule type="expression" dxfId="8004" priority="10248">
      <formula>AND(BR$538="",BR$539="")</formula>
    </cfRule>
  </conditionalFormatting>
  <conditionalFormatting sqref="BS538:BS539">
    <cfRule type="expression" dxfId="8003" priority="10245">
      <formula>OR(BS$538&lt;&gt;"",BS$539&lt;&gt;"")</formula>
    </cfRule>
    <cfRule type="expression" dxfId="8002" priority="10246">
      <formula>AND(BS$538="",BS$539="")</formula>
    </cfRule>
  </conditionalFormatting>
  <conditionalFormatting sqref="BS540:BS546">
    <cfRule type="expression" dxfId="8001" priority="10243">
      <formula>OR(BS$538&lt;&gt;"",BS$539&lt;&gt;"")</formula>
    </cfRule>
    <cfRule type="expression" dxfId="8000" priority="10244">
      <formula>AND(BS$538="",BS$539="")</formula>
    </cfRule>
  </conditionalFormatting>
  <conditionalFormatting sqref="M552:M553">
    <cfRule type="expression" dxfId="7999" priority="10241">
      <formula>OR(M$552&lt;&gt;"",M$553&lt;&gt;"")</formula>
    </cfRule>
    <cfRule type="expression" dxfId="7998" priority="10242">
      <formula>AND(M$552="",M$553="")</formula>
    </cfRule>
  </conditionalFormatting>
  <conditionalFormatting sqref="N552:N553">
    <cfRule type="expression" dxfId="7997" priority="10239">
      <formula>OR(N$552&lt;&gt;"",N$553&lt;&gt;"")</formula>
    </cfRule>
    <cfRule type="expression" dxfId="7996" priority="10240">
      <formula>AND(N$552="",N$553="")</formula>
    </cfRule>
  </conditionalFormatting>
  <conditionalFormatting sqref="M554:M566">
    <cfRule type="expression" dxfId="7995" priority="10237">
      <formula>OR($M$552&lt;&gt;"",$M$553&lt;&gt;"")</formula>
    </cfRule>
    <cfRule type="expression" dxfId="7994" priority="10238">
      <formula>AND($M$552="",$M$553="")</formula>
    </cfRule>
  </conditionalFormatting>
  <conditionalFormatting sqref="N554:N566">
    <cfRule type="expression" dxfId="7993" priority="10235">
      <formula>OR(N$552&lt;&gt;"",N$553&lt;&gt;"")</formula>
    </cfRule>
    <cfRule type="expression" dxfId="7992" priority="10236">
      <formula>AND(N$552="",N$553="")</formula>
    </cfRule>
  </conditionalFormatting>
  <conditionalFormatting sqref="O552:O553">
    <cfRule type="expression" dxfId="7991" priority="10233">
      <formula>OR(O$552&lt;&gt;"",O$553&lt;&gt;"")</formula>
    </cfRule>
    <cfRule type="expression" dxfId="7990" priority="10234">
      <formula>AND(O$552="",O$553="")</formula>
    </cfRule>
  </conditionalFormatting>
  <conditionalFormatting sqref="O554:O566">
    <cfRule type="expression" dxfId="7989" priority="10231">
      <formula>OR(O$552&lt;&gt;"",O$553&lt;&gt;"")</formula>
    </cfRule>
    <cfRule type="expression" dxfId="7988" priority="10232">
      <formula>AND(O$552="",O$553="")</formula>
    </cfRule>
  </conditionalFormatting>
  <conditionalFormatting sqref="P552:P553">
    <cfRule type="expression" dxfId="7987" priority="10229">
      <formula>OR(P$552&lt;&gt;"",P$553&lt;&gt;"")</formula>
    </cfRule>
    <cfRule type="expression" dxfId="7986" priority="10230">
      <formula>AND(P$552="",P$553="")</formula>
    </cfRule>
  </conditionalFormatting>
  <conditionalFormatting sqref="P554:P566">
    <cfRule type="expression" dxfId="7985" priority="10227">
      <formula>OR(P$552&lt;&gt;"",P$553&lt;&gt;"")</formula>
    </cfRule>
    <cfRule type="expression" dxfId="7984" priority="10228">
      <formula>AND(P$552="",P$553="")</formula>
    </cfRule>
  </conditionalFormatting>
  <conditionalFormatting sqref="Q552:Q553">
    <cfRule type="expression" dxfId="7983" priority="10225">
      <formula>OR(Q$552&lt;&gt;"",Q$553&lt;&gt;"")</formula>
    </cfRule>
    <cfRule type="expression" dxfId="7982" priority="10226">
      <formula>AND(Q$552="",Q$553="")</formula>
    </cfRule>
  </conditionalFormatting>
  <conditionalFormatting sqref="Q554:Q566">
    <cfRule type="expression" dxfId="7981" priority="10223">
      <formula>OR(Q$552&lt;&gt;"",Q$553&lt;&gt;"")</formula>
    </cfRule>
    <cfRule type="expression" dxfId="7980" priority="10224">
      <formula>AND(Q$552="",Q$553="")</formula>
    </cfRule>
  </conditionalFormatting>
  <conditionalFormatting sqref="R552:R553">
    <cfRule type="expression" dxfId="7979" priority="10221">
      <formula>OR(R$552&lt;&gt;"",R$553&lt;&gt;"")</formula>
    </cfRule>
    <cfRule type="expression" dxfId="7978" priority="10222">
      <formula>AND(R$552="",R$553="")</formula>
    </cfRule>
  </conditionalFormatting>
  <conditionalFormatting sqref="R554:R566">
    <cfRule type="expression" dxfId="7977" priority="10219">
      <formula>OR(R$552&lt;&gt;"",R$553&lt;&gt;"")</formula>
    </cfRule>
    <cfRule type="expression" dxfId="7976" priority="10220">
      <formula>AND(R$552="",R$553="")</formula>
    </cfRule>
  </conditionalFormatting>
  <conditionalFormatting sqref="S552:S553">
    <cfRule type="expression" dxfId="7975" priority="10217">
      <formula>OR(S$552&lt;&gt;"",S$553&lt;&gt;"")</formula>
    </cfRule>
    <cfRule type="expression" dxfId="7974" priority="10218">
      <formula>AND(S$552="",S$553="")</formula>
    </cfRule>
  </conditionalFormatting>
  <conditionalFormatting sqref="S554:S566">
    <cfRule type="expression" dxfId="7973" priority="10215">
      <formula>OR(S$552&lt;&gt;"",S$553&lt;&gt;"")</formula>
    </cfRule>
    <cfRule type="expression" dxfId="7972" priority="10216">
      <formula>AND(S$552="",S$553="")</formula>
    </cfRule>
  </conditionalFormatting>
  <conditionalFormatting sqref="T552:T553">
    <cfRule type="expression" dxfId="7971" priority="10213">
      <formula>OR(T$552&lt;&gt;"",T$553&lt;&gt;"")</formula>
    </cfRule>
    <cfRule type="expression" dxfId="7970" priority="10214">
      <formula>AND(T$552="",T$553="")</formula>
    </cfRule>
  </conditionalFormatting>
  <conditionalFormatting sqref="T554:T566">
    <cfRule type="expression" dxfId="7969" priority="10211">
      <formula>OR(T$552&lt;&gt;"",T$553&lt;&gt;"")</formula>
    </cfRule>
    <cfRule type="expression" dxfId="7968" priority="10212">
      <formula>AND(T$552="",T$553="")</formula>
    </cfRule>
  </conditionalFormatting>
  <conditionalFormatting sqref="U552:U553">
    <cfRule type="expression" dxfId="7967" priority="10209">
      <formula>OR(U$552&lt;&gt;"",U$553&lt;&gt;"")</formula>
    </cfRule>
    <cfRule type="expression" dxfId="7966" priority="10210">
      <formula>AND(U$552="",U$553="")</formula>
    </cfRule>
  </conditionalFormatting>
  <conditionalFormatting sqref="U554:U566">
    <cfRule type="expression" dxfId="7965" priority="10207">
      <formula>OR(U$552&lt;&gt;"",U$553&lt;&gt;"")</formula>
    </cfRule>
    <cfRule type="expression" dxfId="7964" priority="10208">
      <formula>AND(U$552="",U$553="")</formula>
    </cfRule>
  </conditionalFormatting>
  <conditionalFormatting sqref="V552:V553">
    <cfRule type="expression" dxfId="7963" priority="10205">
      <formula>OR(V$552&lt;&gt;"",V$553&lt;&gt;"")</formula>
    </cfRule>
    <cfRule type="expression" dxfId="7962" priority="10206">
      <formula>AND(V$552="",V$553="")</formula>
    </cfRule>
  </conditionalFormatting>
  <conditionalFormatting sqref="V554:V566">
    <cfRule type="expression" dxfId="7961" priority="10203">
      <formula>OR(V$552&lt;&gt;"",V$553&lt;&gt;"")</formula>
    </cfRule>
    <cfRule type="expression" dxfId="7960" priority="10204">
      <formula>AND(V$552="",V$553="")</formula>
    </cfRule>
  </conditionalFormatting>
  <conditionalFormatting sqref="W552:W553">
    <cfRule type="expression" dxfId="7959" priority="10201">
      <formula>OR(W$552&lt;&gt;"",W$553&lt;&gt;"")</formula>
    </cfRule>
    <cfRule type="expression" dxfId="7958" priority="10202">
      <formula>AND(W$552="",W$553="")</formula>
    </cfRule>
  </conditionalFormatting>
  <conditionalFormatting sqref="W554:W566">
    <cfRule type="expression" dxfId="7957" priority="10199">
      <formula>OR(W$552&lt;&gt;"",W$553&lt;&gt;"")</formula>
    </cfRule>
    <cfRule type="expression" dxfId="7956" priority="10200">
      <formula>AND(W$552="",W$553="")</formula>
    </cfRule>
  </conditionalFormatting>
  <conditionalFormatting sqref="X552:X553">
    <cfRule type="expression" dxfId="7955" priority="10197">
      <formula>OR(X$552&lt;&gt;"",X$553&lt;&gt;"")</formula>
    </cfRule>
    <cfRule type="expression" dxfId="7954" priority="10198">
      <formula>AND(X$552="",X$553="")</formula>
    </cfRule>
  </conditionalFormatting>
  <conditionalFormatting sqref="X554:X566">
    <cfRule type="expression" dxfId="7953" priority="10195">
      <formula>OR(X$552&lt;&gt;"",X$553&lt;&gt;"")</formula>
    </cfRule>
    <cfRule type="expression" dxfId="7952" priority="10196">
      <formula>AND(X$552="",X$553="")</formula>
    </cfRule>
  </conditionalFormatting>
  <conditionalFormatting sqref="Y552:Y553">
    <cfRule type="expression" dxfId="7951" priority="10193">
      <formula>OR(Y$552&lt;&gt;"",Y$553&lt;&gt;"")</formula>
    </cfRule>
    <cfRule type="expression" dxfId="7950" priority="10194">
      <formula>AND(Y$552="",Y$553="")</formula>
    </cfRule>
  </conditionalFormatting>
  <conditionalFormatting sqref="Y554:Y566">
    <cfRule type="expression" dxfId="7949" priority="10191">
      <formula>OR(Y$552&lt;&gt;"",Y$553&lt;&gt;"")</formula>
    </cfRule>
    <cfRule type="expression" dxfId="7948" priority="10192">
      <formula>AND(Y$552="",Y$553="")</formula>
    </cfRule>
  </conditionalFormatting>
  <conditionalFormatting sqref="Z552:Z553">
    <cfRule type="expression" dxfId="7947" priority="10189">
      <formula>OR(Z$552&lt;&gt;"",Z$553&lt;&gt;"")</formula>
    </cfRule>
    <cfRule type="expression" dxfId="7946" priority="10190">
      <formula>AND(Z$552="",Z$553="")</formula>
    </cfRule>
  </conditionalFormatting>
  <conditionalFormatting sqref="Z554:Z566">
    <cfRule type="expression" dxfId="7945" priority="10187">
      <formula>OR(Z$552&lt;&gt;"",Z$553&lt;&gt;"")</formula>
    </cfRule>
    <cfRule type="expression" dxfId="7944" priority="10188">
      <formula>AND(Z$552="",Z$553="")</formula>
    </cfRule>
  </conditionalFormatting>
  <conditionalFormatting sqref="AA552:AA553">
    <cfRule type="expression" dxfId="7943" priority="10185">
      <formula>OR(AA$552&lt;&gt;"",AA$553&lt;&gt;"")</formula>
    </cfRule>
    <cfRule type="expression" dxfId="7942" priority="10186">
      <formula>AND(AA$552="",AA$553="")</formula>
    </cfRule>
  </conditionalFormatting>
  <conditionalFormatting sqref="AA554:AA566">
    <cfRule type="expression" dxfId="7941" priority="10183">
      <formula>OR(AA$552&lt;&gt;"",AA$553&lt;&gt;"")</formula>
    </cfRule>
    <cfRule type="expression" dxfId="7940" priority="10184">
      <formula>AND(AA$552="",AA$553="")</formula>
    </cfRule>
  </conditionalFormatting>
  <conditionalFormatting sqref="AB552:AB553">
    <cfRule type="expression" dxfId="7939" priority="10181">
      <formula>OR(AB$552&lt;&gt;"",AB$553&lt;&gt;"")</formula>
    </cfRule>
    <cfRule type="expression" dxfId="7938" priority="10182">
      <formula>AND(AB$552="",AB$553="")</formula>
    </cfRule>
  </conditionalFormatting>
  <conditionalFormatting sqref="AB554:AB566">
    <cfRule type="expression" dxfId="7937" priority="10179">
      <formula>OR(AB$552&lt;&gt;"",AB$553&lt;&gt;"")</formula>
    </cfRule>
    <cfRule type="expression" dxfId="7936" priority="10180">
      <formula>AND(AB$552="",AB$553="")</formula>
    </cfRule>
  </conditionalFormatting>
  <conditionalFormatting sqref="AC552:AC553">
    <cfRule type="expression" dxfId="7935" priority="10177">
      <formula>OR(AC$552&lt;&gt;"",AC$553&lt;&gt;"")</formula>
    </cfRule>
    <cfRule type="expression" dxfId="7934" priority="10178">
      <formula>AND(AC$552="",AC$553="")</formula>
    </cfRule>
  </conditionalFormatting>
  <conditionalFormatting sqref="AC554:AC566">
    <cfRule type="expression" dxfId="7933" priority="10175">
      <formula>OR(AC$552&lt;&gt;"",AC$553&lt;&gt;"")</formula>
    </cfRule>
    <cfRule type="expression" dxfId="7932" priority="10176">
      <formula>AND(AC$552="",AC$553="")</formula>
    </cfRule>
  </conditionalFormatting>
  <conditionalFormatting sqref="AD552:AD553">
    <cfRule type="expression" dxfId="7931" priority="10173">
      <formula>OR(AD$552&lt;&gt;"",AD$553&lt;&gt;"")</formula>
    </cfRule>
    <cfRule type="expression" dxfId="7930" priority="10174">
      <formula>AND(AD$552="",AD$553="")</formula>
    </cfRule>
  </conditionalFormatting>
  <conditionalFormatting sqref="AD554:AD566">
    <cfRule type="expression" dxfId="7929" priority="10171">
      <formula>OR(AD$552&lt;&gt;"",AD$553&lt;&gt;"")</formula>
    </cfRule>
    <cfRule type="expression" dxfId="7928" priority="10172">
      <formula>AND(AD$552="",AD$553="")</formula>
    </cfRule>
  </conditionalFormatting>
  <conditionalFormatting sqref="AE552:AE553">
    <cfRule type="expression" dxfId="7927" priority="10169">
      <formula>OR(AE$552&lt;&gt;"",AE$553&lt;&gt;"")</formula>
    </cfRule>
    <cfRule type="expression" dxfId="7926" priority="10170">
      <formula>AND(AE$552="",AE$553="")</formula>
    </cfRule>
  </conditionalFormatting>
  <conditionalFormatting sqref="AE554:AE566">
    <cfRule type="expression" dxfId="7925" priority="10167">
      <formula>OR(AE$552&lt;&gt;"",AE$553&lt;&gt;"")</formula>
    </cfRule>
    <cfRule type="expression" dxfId="7924" priority="10168">
      <formula>AND(AE$552="",AE$553="")</formula>
    </cfRule>
  </conditionalFormatting>
  <conditionalFormatting sqref="AF552:AF553">
    <cfRule type="expression" dxfId="7923" priority="10165">
      <formula>OR(AF$552&lt;&gt;"",AF$553&lt;&gt;"")</formula>
    </cfRule>
    <cfRule type="expression" dxfId="7922" priority="10166">
      <formula>AND(AF$552="",AF$553="")</formula>
    </cfRule>
  </conditionalFormatting>
  <conditionalFormatting sqref="AF554:AF566">
    <cfRule type="expression" dxfId="7921" priority="10163">
      <formula>OR(AF$552&lt;&gt;"",AF$553&lt;&gt;"")</formula>
    </cfRule>
    <cfRule type="expression" dxfId="7920" priority="10164">
      <formula>AND(AF$552="",AF$553="")</formula>
    </cfRule>
  </conditionalFormatting>
  <conditionalFormatting sqref="AG552:AG553">
    <cfRule type="expression" dxfId="7919" priority="10161">
      <formula>OR(AG$552&lt;&gt;"",AG$553&lt;&gt;"")</formula>
    </cfRule>
    <cfRule type="expression" dxfId="7918" priority="10162">
      <formula>AND(AG$552="",AG$553="")</formula>
    </cfRule>
  </conditionalFormatting>
  <conditionalFormatting sqref="AG554:AG566">
    <cfRule type="expression" dxfId="7917" priority="10159">
      <formula>OR(AG$552&lt;&gt;"",AG$553&lt;&gt;"")</formula>
    </cfRule>
    <cfRule type="expression" dxfId="7916" priority="10160">
      <formula>AND(AG$552="",AG$553="")</formula>
    </cfRule>
  </conditionalFormatting>
  <conditionalFormatting sqref="AH552:AH553">
    <cfRule type="expression" dxfId="7915" priority="10157">
      <formula>OR(AH$552&lt;&gt;"",AH$553&lt;&gt;"")</formula>
    </cfRule>
    <cfRule type="expression" dxfId="7914" priority="10158">
      <formula>AND(AH$552="",AH$553="")</formula>
    </cfRule>
  </conditionalFormatting>
  <conditionalFormatting sqref="AH554:AH566">
    <cfRule type="expression" dxfId="7913" priority="10155">
      <formula>OR(AH$552&lt;&gt;"",AH$553&lt;&gt;"")</formula>
    </cfRule>
    <cfRule type="expression" dxfId="7912" priority="10156">
      <formula>AND(AH$552="",AH$553="")</formula>
    </cfRule>
  </conditionalFormatting>
  <conditionalFormatting sqref="AI552:AI553">
    <cfRule type="expression" dxfId="7911" priority="10153">
      <formula>OR(AI$552&lt;&gt;"",AI$553&lt;&gt;"")</formula>
    </cfRule>
    <cfRule type="expression" dxfId="7910" priority="10154">
      <formula>AND(AI$552="",AI$553="")</formula>
    </cfRule>
  </conditionalFormatting>
  <conditionalFormatting sqref="AI554:AI566">
    <cfRule type="expression" dxfId="7909" priority="10151">
      <formula>OR(AI$552&lt;&gt;"",AI$553&lt;&gt;"")</formula>
    </cfRule>
    <cfRule type="expression" dxfId="7908" priority="10152">
      <formula>AND(AI$552="",AI$553="")</formula>
    </cfRule>
  </conditionalFormatting>
  <conditionalFormatting sqref="AJ552:AJ553">
    <cfRule type="expression" dxfId="7907" priority="10149">
      <formula>OR(AJ$552&lt;&gt;"",AJ$553&lt;&gt;"")</formula>
    </cfRule>
    <cfRule type="expression" dxfId="7906" priority="10150">
      <formula>AND(AJ$552="",AJ$553="")</formula>
    </cfRule>
  </conditionalFormatting>
  <conditionalFormatting sqref="AJ554:AJ566">
    <cfRule type="expression" dxfId="7905" priority="10147">
      <formula>OR(AJ$552&lt;&gt;"",AJ$553&lt;&gt;"")</formula>
    </cfRule>
    <cfRule type="expression" dxfId="7904" priority="10148">
      <formula>AND(AJ$552="",AJ$553="")</formula>
    </cfRule>
  </conditionalFormatting>
  <conditionalFormatting sqref="AK552:AK553">
    <cfRule type="expression" dxfId="7903" priority="10145">
      <formula>OR(AK$552&lt;&gt;"",AK$553&lt;&gt;"")</formula>
    </cfRule>
    <cfRule type="expression" dxfId="7902" priority="10146">
      <formula>AND(AK$552="",AK$553="")</formula>
    </cfRule>
  </conditionalFormatting>
  <conditionalFormatting sqref="AK554:AK566">
    <cfRule type="expression" dxfId="7901" priority="10143">
      <formula>OR(AK$552&lt;&gt;"",AK$553&lt;&gt;"")</formula>
    </cfRule>
    <cfRule type="expression" dxfId="7900" priority="10144">
      <formula>AND(AK$552="",AK$553="")</formula>
    </cfRule>
  </conditionalFormatting>
  <conditionalFormatting sqref="AL552:AL553">
    <cfRule type="expression" dxfId="7899" priority="10141">
      <formula>OR(AL$552&lt;&gt;"",AL$553&lt;&gt;"")</formula>
    </cfRule>
    <cfRule type="expression" dxfId="7898" priority="10142">
      <formula>AND(AL$552="",AL$553="")</formula>
    </cfRule>
  </conditionalFormatting>
  <conditionalFormatting sqref="AL554:AL566">
    <cfRule type="expression" dxfId="7897" priority="10139">
      <formula>OR(AL$552&lt;&gt;"",AL$553&lt;&gt;"")</formula>
    </cfRule>
    <cfRule type="expression" dxfId="7896" priority="10140">
      <formula>AND(AL$552="",AL$553="")</formula>
    </cfRule>
  </conditionalFormatting>
  <conditionalFormatting sqref="AM552:AM553">
    <cfRule type="expression" dxfId="7895" priority="10137">
      <formula>OR(AM$552&lt;&gt;"",AM$553&lt;&gt;"")</formula>
    </cfRule>
    <cfRule type="expression" dxfId="7894" priority="10138">
      <formula>AND(AM$552="",AM$553="")</formula>
    </cfRule>
  </conditionalFormatting>
  <conditionalFormatting sqref="AM554:AM566">
    <cfRule type="expression" dxfId="7893" priority="10135">
      <formula>OR(AM$552&lt;&gt;"",AM$553&lt;&gt;"")</formula>
    </cfRule>
    <cfRule type="expression" dxfId="7892" priority="10136">
      <formula>AND(AM$552="",AM$553="")</formula>
    </cfRule>
  </conditionalFormatting>
  <conditionalFormatting sqref="AN552:AN553">
    <cfRule type="expression" dxfId="7891" priority="10133">
      <formula>OR(AN$552&lt;&gt;"",AN$553&lt;&gt;"")</formula>
    </cfRule>
    <cfRule type="expression" dxfId="7890" priority="10134">
      <formula>AND(AN$552="",AN$553="")</formula>
    </cfRule>
  </conditionalFormatting>
  <conditionalFormatting sqref="AN554:AN566">
    <cfRule type="expression" dxfId="7889" priority="10131">
      <formula>OR(AN$552&lt;&gt;"",AN$553&lt;&gt;"")</formula>
    </cfRule>
    <cfRule type="expression" dxfId="7888" priority="10132">
      <formula>AND(AN$552="",AN$553="")</formula>
    </cfRule>
  </conditionalFormatting>
  <conditionalFormatting sqref="AO552:AO553">
    <cfRule type="expression" dxfId="7887" priority="10129">
      <formula>OR(AO$552&lt;&gt;"",AO$553&lt;&gt;"")</formula>
    </cfRule>
    <cfRule type="expression" dxfId="7886" priority="10130">
      <formula>AND(AO$552="",AO$553="")</formula>
    </cfRule>
  </conditionalFormatting>
  <conditionalFormatting sqref="AO554:AO566">
    <cfRule type="expression" dxfId="7885" priority="10127">
      <formula>OR(AO$552&lt;&gt;"",AO$553&lt;&gt;"")</formula>
    </cfRule>
    <cfRule type="expression" dxfId="7884" priority="10128">
      <formula>AND(AO$552="",AO$553="")</formula>
    </cfRule>
  </conditionalFormatting>
  <conditionalFormatting sqref="AP552:AP553">
    <cfRule type="expression" dxfId="7883" priority="10125">
      <formula>OR(AP$552&lt;&gt;"",AP$553&lt;&gt;"")</formula>
    </cfRule>
    <cfRule type="expression" dxfId="7882" priority="10126">
      <formula>AND(AP$552="",AP$553="")</formula>
    </cfRule>
  </conditionalFormatting>
  <conditionalFormatting sqref="AP554:AP566">
    <cfRule type="expression" dxfId="7881" priority="10123">
      <formula>OR(AP$552&lt;&gt;"",AP$553&lt;&gt;"")</formula>
    </cfRule>
    <cfRule type="expression" dxfId="7880" priority="10124">
      <formula>AND(AP$552="",AP$553="")</formula>
    </cfRule>
  </conditionalFormatting>
  <conditionalFormatting sqref="AQ552:AQ553">
    <cfRule type="expression" dxfId="7879" priority="10121">
      <formula>OR(AQ$552&lt;&gt;"",AQ$553&lt;&gt;"")</formula>
    </cfRule>
    <cfRule type="expression" dxfId="7878" priority="10122">
      <formula>AND(AQ$552="",AQ$553="")</formula>
    </cfRule>
  </conditionalFormatting>
  <conditionalFormatting sqref="AQ554:AQ566">
    <cfRule type="expression" dxfId="7877" priority="10119">
      <formula>OR(AQ$552&lt;&gt;"",AQ$553&lt;&gt;"")</formula>
    </cfRule>
    <cfRule type="expression" dxfId="7876" priority="10120">
      <formula>AND(AQ$552="",AQ$553="")</formula>
    </cfRule>
  </conditionalFormatting>
  <conditionalFormatting sqref="AR552:AR553">
    <cfRule type="expression" dxfId="7875" priority="10117">
      <formula>OR(AR$552&lt;&gt;"",AR$553&lt;&gt;"")</formula>
    </cfRule>
    <cfRule type="expression" dxfId="7874" priority="10118">
      <formula>AND(AR$552="",AR$553="")</formula>
    </cfRule>
  </conditionalFormatting>
  <conditionalFormatting sqref="AR554:AR566">
    <cfRule type="expression" dxfId="7873" priority="10115">
      <formula>OR(AR$552&lt;&gt;"",AR$553&lt;&gt;"")</formula>
    </cfRule>
    <cfRule type="expression" dxfId="7872" priority="10116">
      <formula>AND(AR$552="",AR$553="")</formula>
    </cfRule>
  </conditionalFormatting>
  <conditionalFormatting sqref="AS552:AS553">
    <cfRule type="expression" dxfId="7871" priority="10113">
      <formula>OR(AS$552&lt;&gt;"",AS$553&lt;&gt;"")</formula>
    </cfRule>
    <cfRule type="expression" dxfId="7870" priority="10114">
      <formula>AND(AS$552="",AS$553="")</formula>
    </cfRule>
  </conditionalFormatting>
  <conditionalFormatting sqref="AS554:AS566">
    <cfRule type="expression" dxfId="7869" priority="10111">
      <formula>OR(AS$552&lt;&gt;"",AS$553&lt;&gt;"")</formula>
    </cfRule>
    <cfRule type="expression" dxfId="7868" priority="10112">
      <formula>AND(AS$552="",AS$553="")</formula>
    </cfRule>
  </conditionalFormatting>
  <conditionalFormatting sqref="AT552:AT553">
    <cfRule type="expression" dxfId="7867" priority="10109">
      <formula>OR(AT$552&lt;&gt;"",AT$553&lt;&gt;"")</formula>
    </cfRule>
    <cfRule type="expression" dxfId="7866" priority="10110">
      <formula>AND(AT$552="",AT$553="")</formula>
    </cfRule>
  </conditionalFormatting>
  <conditionalFormatting sqref="AT554:AT566">
    <cfRule type="expression" dxfId="7865" priority="10107">
      <formula>OR(AT$552&lt;&gt;"",AT$553&lt;&gt;"")</formula>
    </cfRule>
    <cfRule type="expression" dxfId="7864" priority="10108">
      <formula>AND(AT$552="",AT$553="")</formula>
    </cfRule>
  </conditionalFormatting>
  <conditionalFormatting sqref="AU552:AU553">
    <cfRule type="expression" dxfId="7863" priority="10105">
      <formula>OR(AU$552&lt;&gt;"",AU$553&lt;&gt;"")</formula>
    </cfRule>
    <cfRule type="expression" dxfId="7862" priority="10106">
      <formula>AND(AU$552="",AU$553="")</formula>
    </cfRule>
  </conditionalFormatting>
  <conditionalFormatting sqref="AU554:AU566">
    <cfRule type="expression" dxfId="7861" priority="10103">
      <formula>OR(AU$552&lt;&gt;"",AU$553&lt;&gt;"")</formula>
    </cfRule>
    <cfRule type="expression" dxfId="7860" priority="10104">
      <formula>AND(AU$552="",AU$553="")</formula>
    </cfRule>
  </conditionalFormatting>
  <conditionalFormatting sqref="AV552:AV553">
    <cfRule type="expression" dxfId="7859" priority="10101">
      <formula>OR(AV$552&lt;&gt;"",AV$553&lt;&gt;"")</formula>
    </cfRule>
    <cfRule type="expression" dxfId="7858" priority="10102">
      <formula>AND(AV$552="",AV$553="")</formula>
    </cfRule>
  </conditionalFormatting>
  <conditionalFormatting sqref="AV554:AV566">
    <cfRule type="expression" dxfId="7857" priority="10099">
      <formula>OR(AV$552&lt;&gt;"",AV$553&lt;&gt;"")</formula>
    </cfRule>
    <cfRule type="expression" dxfId="7856" priority="10100">
      <formula>AND(AV$552="",AV$553="")</formula>
    </cfRule>
  </conditionalFormatting>
  <conditionalFormatting sqref="AW552:AW553">
    <cfRule type="expression" dxfId="7855" priority="10097">
      <formula>OR(AW$552&lt;&gt;"",AW$553&lt;&gt;"")</formula>
    </cfRule>
    <cfRule type="expression" dxfId="7854" priority="10098">
      <formula>AND(AW$552="",AW$553="")</formula>
    </cfRule>
  </conditionalFormatting>
  <conditionalFormatting sqref="AW554:AW566">
    <cfRule type="expression" dxfId="7853" priority="10095">
      <formula>OR(AW$552&lt;&gt;"",AW$553&lt;&gt;"")</formula>
    </cfRule>
    <cfRule type="expression" dxfId="7852" priority="10096">
      <formula>AND(AW$552="",AW$553="")</formula>
    </cfRule>
  </conditionalFormatting>
  <conditionalFormatting sqref="AX552:AX553">
    <cfRule type="expression" dxfId="7851" priority="10093">
      <formula>OR(AX$552&lt;&gt;"",AX$553&lt;&gt;"")</formula>
    </cfRule>
    <cfRule type="expression" dxfId="7850" priority="10094">
      <formula>AND(AX$552="",AX$553="")</formula>
    </cfRule>
  </conditionalFormatting>
  <conditionalFormatting sqref="AX554:AX566">
    <cfRule type="expression" dxfId="7849" priority="10091">
      <formula>OR(AX$552&lt;&gt;"",AX$553&lt;&gt;"")</formula>
    </cfRule>
    <cfRule type="expression" dxfId="7848" priority="10092">
      <formula>AND(AX$552="",AX$553="")</formula>
    </cfRule>
  </conditionalFormatting>
  <conditionalFormatting sqref="AY552:AY553">
    <cfRule type="expression" dxfId="7847" priority="10089">
      <formula>OR(AY$552&lt;&gt;"",AY$553&lt;&gt;"")</formula>
    </cfRule>
    <cfRule type="expression" dxfId="7846" priority="10090">
      <formula>AND(AY$552="",AY$553="")</formula>
    </cfRule>
  </conditionalFormatting>
  <conditionalFormatting sqref="AY554:AY566">
    <cfRule type="expression" dxfId="7845" priority="10087">
      <formula>OR(AY$552&lt;&gt;"",AY$553&lt;&gt;"")</formula>
    </cfRule>
    <cfRule type="expression" dxfId="7844" priority="10088">
      <formula>AND(AY$552="",AY$553="")</formula>
    </cfRule>
  </conditionalFormatting>
  <conditionalFormatting sqref="AZ552:AZ553">
    <cfRule type="expression" dxfId="7843" priority="10085">
      <formula>OR(AZ$552&lt;&gt;"",AZ$553&lt;&gt;"")</formula>
    </cfRule>
    <cfRule type="expression" dxfId="7842" priority="10086">
      <formula>AND(AZ$552="",AZ$553="")</formula>
    </cfRule>
  </conditionalFormatting>
  <conditionalFormatting sqref="AZ554:AZ566">
    <cfRule type="expression" dxfId="7841" priority="10083">
      <formula>OR(AZ$552&lt;&gt;"",AZ$553&lt;&gt;"")</formula>
    </cfRule>
    <cfRule type="expression" dxfId="7840" priority="10084">
      <formula>AND(AZ$552="",AZ$553="")</formula>
    </cfRule>
  </conditionalFormatting>
  <conditionalFormatting sqref="BA552:BA553">
    <cfRule type="expression" dxfId="7839" priority="10081">
      <formula>OR(BA$552&lt;&gt;"",BA$553&lt;&gt;"")</formula>
    </cfRule>
    <cfRule type="expression" dxfId="7838" priority="10082">
      <formula>AND(BA$552="",BA$553="")</formula>
    </cfRule>
  </conditionalFormatting>
  <conditionalFormatting sqref="BA554:BA566">
    <cfRule type="expression" dxfId="7837" priority="10079">
      <formula>OR(BA$552&lt;&gt;"",BA$553&lt;&gt;"")</formula>
    </cfRule>
    <cfRule type="expression" dxfId="7836" priority="10080">
      <formula>AND(BA$552="",BA$553="")</formula>
    </cfRule>
  </conditionalFormatting>
  <conditionalFormatting sqref="BB552:BB553">
    <cfRule type="expression" dxfId="7835" priority="10077">
      <formula>OR(BB$552&lt;&gt;"",BB$553&lt;&gt;"")</formula>
    </cfRule>
    <cfRule type="expression" dxfId="7834" priority="10078">
      <formula>AND(BB$552="",BB$553="")</formula>
    </cfRule>
  </conditionalFormatting>
  <conditionalFormatting sqref="BB554:BB566">
    <cfRule type="expression" dxfId="7833" priority="10075">
      <formula>OR(BB$552&lt;&gt;"",BB$553&lt;&gt;"")</formula>
    </cfRule>
    <cfRule type="expression" dxfId="7832" priority="10076">
      <formula>AND(BB$552="",BB$553="")</formula>
    </cfRule>
  </conditionalFormatting>
  <conditionalFormatting sqref="BC552:BC553">
    <cfRule type="expression" dxfId="7831" priority="10073">
      <formula>OR(BC$552&lt;&gt;"",BC$553&lt;&gt;"")</formula>
    </cfRule>
    <cfRule type="expression" dxfId="7830" priority="10074">
      <formula>AND(BC$552="",BC$553="")</formula>
    </cfRule>
  </conditionalFormatting>
  <conditionalFormatting sqref="BC554:BC566">
    <cfRule type="expression" dxfId="7829" priority="10071">
      <formula>OR(BC$552&lt;&gt;"",BC$553&lt;&gt;"")</formula>
    </cfRule>
    <cfRule type="expression" dxfId="7828" priority="10072">
      <formula>AND(BC$552="",BC$553="")</formula>
    </cfRule>
  </conditionalFormatting>
  <conditionalFormatting sqref="BD552:BD553">
    <cfRule type="expression" dxfId="7827" priority="10069">
      <formula>OR(BD$552&lt;&gt;"",BD$553&lt;&gt;"")</formula>
    </cfRule>
    <cfRule type="expression" dxfId="7826" priority="10070">
      <formula>AND(BD$552="",BD$553="")</formula>
    </cfRule>
  </conditionalFormatting>
  <conditionalFormatting sqref="BD554:BD566">
    <cfRule type="expression" dxfId="7825" priority="10067">
      <formula>OR(BD$552&lt;&gt;"",BD$553&lt;&gt;"")</formula>
    </cfRule>
    <cfRule type="expression" dxfId="7824" priority="10068">
      <formula>AND(BD$552="",BD$553="")</formula>
    </cfRule>
  </conditionalFormatting>
  <conditionalFormatting sqref="BE552:BE553">
    <cfRule type="expression" dxfId="7823" priority="10065">
      <formula>OR(BE$552&lt;&gt;"",BE$553&lt;&gt;"")</formula>
    </cfRule>
    <cfRule type="expression" dxfId="7822" priority="10066">
      <formula>AND(BE$552="",BE$553="")</formula>
    </cfRule>
  </conditionalFormatting>
  <conditionalFormatting sqref="BE554:BE566">
    <cfRule type="expression" dxfId="7821" priority="10063">
      <formula>OR(BE$552&lt;&gt;"",BE$553&lt;&gt;"")</formula>
    </cfRule>
    <cfRule type="expression" dxfId="7820" priority="10064">
      <formula>AND(BE$552="",BE$553="")</formula>
    </cfRule>
  </conditionalFormatting>
  <conditionalFormatting sqref="BF552:BF553">
    <cfRule type="expression" dxfId="7819" priority="10061">
      <formula>OR(BF$552&lt;&gt;"",BF$553&lt;&gt;"")</formula>
    </cfRule>
    <cfRule type="expression" dxfId="7818" priority="10062">
      <formula>AND(BF$552="",BF$553="")</formula>
    </cfRule>
  </conditionalFormatting>
  <conditionalFormatting sqref="BF554:BF566">
    <cfRule type="expression" dxfId="7817" priority="10059">
      <formula>OR(BF$552&lt;&gt;"",BF$553&lt;&gt;"")</formula>
    </cfRule>
    <cfRule type="expression" dxfId="7816" priority="10060">
      <formula>AND(BF$552="",BF$553="")</formula>
    </cfRule>
  </conditionalFormatting>
  <conditionalFormatting sqref="BG552:BG553">
    <cfRule type="expression" dxfId="7815" priority="10057">
      <formula>OR(BG$552&lt;&gt;"",BG$553&lt;&gt;"")</formula>
    </cfRule>
    <cfRule type="expression" dxfId="7814" priority="10058">
      <formula>AND(BG$552="",BG$553="")</formula>
    </cfRule>
  </conditionalFormatting>
  <conditionalFormatting sqref="BG554:BG566">
    <cfRule type="expression" dxfId="7813" priority="10055">
      <formula>OR(BG$552&lt;&gt;"",BG$553&lt;&gt;"")</formula>
    </cfRule>
    <cfRule type="expression" dxfId="7812" priority="10056">
      <formula>AND(BG$552="",BG$553="")</formula>
    </cfRule>
  </conditionalFormatting>
  <conditionalFormatting sqref="BH552:BH553">
    <cfRule type="expression" dxfId="7811" priority="10053">
      <formula>OR(BH$552&lt;&gt;"",BH$553&lt;&gt;"")</formula>
    </cfRule>
    <cfRule type="expression" dxfId="7810" priority="10054">
      <formula>AND(BH$552="",BH$553="")</formula>
    </cfRule>
  </conditionalFormatting>
  <conditionalFormatting sqref="BH554:BH566">
    <cfRule type="expression" dxfId="7809" priority="10051">
      <formula>OR(BH$552&lt;&gt;"",BH$553&lt;&gt;"")</formula>
    </cfRule>
    <cfRule type="expression" dxfId="7808" priority="10052">
      <formula>AND(BH$552="",BH$553="")</formula>
    </cfRule>
  </conditionalFormatting>
  <conditionalFormatting sqref="BI552:BI553">
    <cfRule type="expression" dxfId="7807" priority="10049">
      <formula>OR(BI$552&lt;&gt;"",BI$553&lt;&gt;"")</formula>
    </cfRule>
    <cfRule type="expression" dxfId="7806" priority="10050">
      <formula>AND(BI$552="",BI$553="")</formula>
    </cfRule>
  </conditionalFormatting>
  <conditionalFormatting sqref="BI554:BI566">
    <cfRule type="expression" dxfId="7805" priority="10047">
      <formula>OR(BI$552&lt;&gt;"",BI$553&lt;&gt;"")</formula>
    </cfRule>
    <cfRule type="expression" dxfId="7804" priority="10048">
      <formula>AND(BI$552="",BI$553="")</formula>
    </cfRule>
  </conditionalFormatting>
  <conditionalFormatting sqref="BJ552:BJ553">
    <cfRule type="expression" dxfId="7803" priority="10045">
      <formula>OR(BJ$552&lt;&gt;"",BJ$553&lt;&gt;"")</formula>
    </cfRule>
    <cfRule type="expression" dxfId="7802" priority="10046">
      <formula>AND(BJ$552="",BJ$553="")</formula>
    </cfRule>
  </conditionalFormatting>
  <conditionalFormatting sqref="BJ554:BJ566">
    <cfRule type="expression" dxfId="7801" priority="10043">
      <formula>OR(BJ$552&lt;&gt;"",BJ$553&lt;&gt;"")</formula>
    </cfRule>
    <cfRule type="expression" dxfId="7800" priority="10044">
      <formula>AND(BJ$552="",BJ$553="")</formula>
    </cfRule>
  </conditionalFormatting>
  <conditionalFormatting sqref="BK552:BK553">
    <cfRule type="expression" dxfId="7799" priority="10041">
      <formula>OR(BK$552&lt;&gt;"",BK$553&lt;&gt;"")</formula>
    </cfRule>
    <cfRule type="expression" dxfId="7798" priority="10042">
      <formula>AND(BK$552="",BK$553="")</formula>
    </cfRule>
  </conditionalFormatting>
  <conditionalFormatting sqref="BK554:BK566">
    <cfRule type="expression" dxfId="7797" priority="10039">
      <formula>OR(BK$552&lt;&gt;"",BK$553&lt;&gt;"")</formula>
    </cfRule>
    <cfRule type="expression" dxfId="7796" priority="10040">
      <formula>AND(BK$552="",BK$553="")</formula>
    </cfRule>
  </conditionalFormatting>
  <conditionalFormatting sqref="BL552:BL553">
    <cfRule type="expression" dxfId="7795" priority="10037">
      <formula>OR(BL$552&lt;&gt;"",BL$553&lt;&gt;"")</formula>
    </cfRule>
    <cfRule type="expression" dxfId="7794" priority="10038">
      <formula>AND(BL$552="",BL$553="")</formula>
    </cfRule>
  </conditionalFormatting>
  <conditionalFormatting sqref="BL554:BL566">
    <cfRule type="expression" dxfId="7793" priority="10035">
      <formula>OR(BL$552&lt;&gt;"",BL$553&lt;&gt;"")</formula>
    </cfRule>
    <cfRule type="expression" dxfId="7792" priority="10036">
      <formula>AND(BL$552="",BL$553="")</formula>
    </cfRule>
  </conditionalFormatting>
  <conditionalFormatting sqref="BM552:BM553">
    <cfRule type="expression" dxfId="7791" priority="10033">
      <formula>OR(BM$552&lt;&gt;"",BM$553&lt;&gt;"")</formula>
    </cfRule>
    <cfRule type="expression" dxfId="7790" priority="10034">
      <formula>AND(BM$552="",BM$553="")</formula>
    </cfRule>
  </conditionalFormatting>
  <conditionalFormatting sqref="BM554:BM566">
    <cfRule type="expression" dxfId="7789" priority="10031">
      <formula>OR(BM$552&lt;&gt;"",BM$553&lt;&gt;"")</formula>
    </cfRule>
    <cfRule type="expression" dxfId="7788" priority="10032">
      <formula>AND(BM$552="",BM$553="")</formula>
    </cfRule>
  </conditionalFormatting>
  <conditionalFormatting sqref="BN552:BN553">
    <cfRule type="expression" dxfId="7787" priority="10029">
      <formula>OR(BN$552&lt;&gt;"",BN$553&lt;&gt;"")</formula>
    </cfRule>
    <cfRule type="expression" dxfId="7786" priority="10030">
      <formula>AND(BN$552="",BN$553="")</formula>
    </cfRule>
  </conditionalFormatting>
  <conditionalFormatting sqref="BN554:BN566">
    <cfRule type="expression" dxfId="7785" priority="10027">
      <formula>OR(BN$552&lt;&gt;"",BN$553&lt;&gt;"")</formula>
    </cfRule>
    <cfRule type="expression" dxfId="7784" priority="10028">
      <formula>AND(BN$552="",BN$553="")</formula>
    </cfRule>
  </conditionalFormatting>
  <conditionalFormatting sqref="BO552:BO553">
    <cfRule type="expression" dxfId="7783" priority="10025">
      <formula>OR(BO$552&lt;&gt;"",BO$553&lt;&gt;"")</formula>
    </cfRule>
    <cfRule type="expression" dxfId="7782" priority="10026">
      <formula>AND(BO$552="",BO$553="")</formula>
    </cfRule>
  </conditionalFormatting>
  <conditionalFormatting sqref="BO554:BO566">
    <cfRule type="expression" dxfId="7781" priority="10023">
      <formula>OR(BO$552&lt;&gt;"",BO$553&lt;&gt;"")</formula>
    </cfRule>
    <cfRule type="expression" dxfId="7780" priority="10024">
      <formula>AND(BO$552="",BO$553="")</formula>
    </cfRule>
  </conditionalFormatting>
  <conditionalFormatting sqref="BP552:BP553">
    <cfRule type="expression" dxfId="7779" priority="10021">
      <formula>OR(BP$552&lt;&gt;"",BP$553&lt;&gt;"")</formula>
    </cfRule>
    <cfRule type="expression" dxfId="7778" priority="10022">
      <formula>AND(BP$552="",BP$553="")</formula>
    </cfRule>
  </conditionalFormatting>
  <conditionalFormatting sqref="BP554:BP566">
    <cfRule type="expression" dxfId="7777" priority="10019">
      <formula>OR(BP$552&lt;&gt;"",BP$553&lt;&gt;"")</formula>
    </cfRule>
    <cfRule type="expression" dxfId="7776" priority="10020">
      <formula>AND(BP$552="",BP$553="")</formula>
    </cfRule>
  </conditionalFormatting>
  <conditionalFormatting sqref="BQ552:BQ553">
    <cfRule type="expression" dxfId="7775" priority="10017">
      <formula>OR(BQ$552&lt;&gt;"",BQ$553&lt;&gt;"")</formula>
    </cfRule>
    <cfRule type="expression" dxfId="7774" priority="10018">
      <formula>AND(BQ$552="",BQ$553="")</formula>
    </cfRule>
  </conditionalFormatting>
  <conditionalFormatting sqref="BQ554:BQ566">
    <cfRule type="expression" dxfId="7773" priority="10015">
      <formula>OR(BQ$552&lt;&gt;"",BQ$553&lt;&gt;"")</formula>
    </cfRule>
    <cfRule type="expression" dxfId="7772" priority="10016">
      <formula>AND(BQ$552="",BQ$553="")</formula>
    </cfRule>
  </conditionalFormatting>
  <conditionalFormatting sqref="BR552:BR553">
    <cfRule type="expression" dxfId="7771" priority="10013">
      <formula>OR(BR$552&lt;&gt;"",BR$553&lt;&gt;"")</formula>
    </cfRule>
    <cfRule type="expression" dxfId="7770" priority="10014">
      <formula>AND(BR$552="",BR$553="")</formula>
    </cfRule>
  </conditionalFormatting>
  <conditionalFormatting sqref="BR554:BR566">
    <cfRule type="expression" dxfId="7769" priority="10011">
      <formula>OR(BR$552&lt;&gt;"",BR$553&lt;&gt;"")</formula>
    </cfRule>
    <cfRule type="expression" dxfId="7768" priority="10012">
      <formula>AND(BR$552="",BR$553="")</formula>
    </cfRule>
  </conditionalFormatting>
  <conditionalFormatting sqref="BS552:BS553">
    <cfRule type="expression" dxfId="7767" priority="10009">
      <formula>OR(BS$552&lt;&gt;"",BS$553&lt;&gt;"")</formula>
    </cfRule>
    <cfRule type="expression" dxfId="7766" priority="10010">
      <formula>AND(BS$552="",BS$553="")</formula>
    </cfRule>
  </conditionalFormatting>
  <conditionalFormatting sqref="BS554:BS566">
    <cfRule type="expression" dxfId="7765" priority="10007">
      <formula>OR(BS$552&lt;&gt;"",BS$553&lt;&gt;"")</formula>
    </cfRule>
    <cfRule type="expression" dxfId="7764" priority="10008">
      <formula>AND(BS$552="",BS$553="")</formula>
    </cfRule>
  </conditionalFormatting>
  <conditionalFormatting sqref="M570">
    <cfRule type="expression" dxfId="7763" priority="10005">
      <formula>OR($M$568&lt;&gt;"",$M$569&lt;&gt;"")</formula>
    </cfRule>
    <cfRule type="expression" dxfId="7762" priority="10006">
      <formula>AND($M$568="",$M$569="")</formula>
    </cfRule>
  </conditionalFormatting>
  <conditionalFormatting sqref="N570">
    <cfRule type="expression" dxfId="7761" priority="10003">
      <formula>OR(N$568&lt;&gt;"",N$569&lt;&gt;"")</formula>
    </cfRule>
    <cfRule type="expression" dxfId="7760" priority="10004">
      <formula>AND(N$568="",N$569="")</formula>
    </cfRule>
  </conditionalFormatting>
  <conditionalFormatting sqref="M571">
    <cfRule type="expression" dxfId="7759" priority="9979">
      <formula>OR($M$568&lt;&gt;"",$M$569&lt;&gt;"")</formula>
    </cfRule>
    <cfRule type="expression" dxfId="7758" priority="9980">
      <formula>AND($M$568="",$M$569="")</formula>
    </cfRule>
  </conditionalFormatting>
  <conditionalFormatting sqref="N571">
    <cfRule type="expression" dxfId="7757" priority="9975">
      <formula>OR(N$568&lt;&gt;"",N$569&lt;&gt;"")</formula>
    </cfRule>
    <cfRule type="expression" dxfId="7756" priority="9976">
      <formula>AND(N$568="",N$569="")</formula>
    </cfRule>
  </conditionalFormatting>
  <conditionalFormatting sqref="O568:O569">
    <cfRule type="expression" dxfId="7755" priority="9973">
      <formula>OR(O$568&lt;&gt;"",O$569&lt;&gt;"")</formula>
    </cfRule>
    <cfRule type="expression" dxfId="7754" priority="9974">
      <formula>AND(O$568="",O$569="")</formula>
    </cfRule>
  </conditionalFormatting>
  <conditionalFormatting sqref="O570">
    <cfRule type="expression" dxfId="7753" priority="9971">
      <formula>OR(O$568&lt;&gt;"",O$569&lt;&gt;"")</formula>
    </cfRule>
    <cfRule type="expression" dxfId="7752" priority="9972">
      <formula>AND(O$568="",O$569="")</formula>
    </cfRule>
  </conditionalFormatting>
  <conditionalFormatting sqref="O571">
    <cfRule type="expression" dxfId="7751" priority="9969">
      <formula>OR(O$568&lt;&gt;"",O$569&lt;&gt;"")</formula>
    </cfRule>
    <cfRule type="expression" dxfId="7750" priority="9970">
      <formula>AND(O$568="",O$569="")</formula>
    </cfRule>
  </conditionalFormatting>
  <conditionalFormatting sqref="P568:P569">
    <cfRule type="expression" dxfId="7749" priority="9967">
      <formula>OR(P$568&lt;&gt;"",P$569&lt;&gt;"")</formula>
    </cfRule>
    <cfRule type="expression" dxfId="7748" priority="9968">
      <formula>AND(P$568="",P$569="")</formula>
    </cfRule>
  </conditionalFormatting>
  <conditionalFormatting sqref="P570">
    <cfRule type="expression" dxfId="7747" priority="9965">
      <formula>OR(P$568&lt;&gt;"",P$569&lt;&gt;"")</formula>
    </cfRule>
    <cfRule type="expression" dxfId="7746" priority="9966">
      <formula>AND(P$568="",P$569="")</formula>
    </cfRule>
  </conditionalFormatting>
  <conditionalFormatting sqref="P571">
    <cfRule type="expression" dxfId="7745" priority="9963">
      <formula>OR(P$568&lt;&gt;"",P$569&lt;&gt;"")</formula>
    </cfRule>
    <cfRule type="expression" dxfId="7744" priority="9964">
      <formula>AND(P$568="",P$569="")</formula>
    </cfRule>
  </conditionalFormatting>
  <conditionalFormatting sqref="Q568:Q569">
    <cfRule type="expression" dxfId="7743" priority="9961">
      <formula>OR(Q$568&lt;&gt;"",Q$569&lt;&gt;"")</formula>
    </cfRule>
    <cfRule type="expression" dxfId="7742" priority="9962">
      <formula>AND(Q$568="",Q$569="")</formula>
    </cfRule>
  </conditionalFormatting>
  <conditionalFormatting sqref="Q570">
    <cfRule type="expression" dxfId="7741" priority="9959">
      <formula>OR(Q$568&lt;&gt;"",Q$569&lt;&gt;"")</formula>
    </cfRule>
    <cfRule type="expression" dxfId="7740" priority="9960">
      <formula>AND(Q$568="",Q$569="")</formula>
    </cfRule>
  </conditionalFormatting>
  <conditionalFormatting sqref="Q571">
    <cfRule type="expression" dxfId="7739" priority="9957">
      <formula>OR(Q$568&lt;&gt;"",Q$569&lt;&gt;"")</formula>
    </cfRule>
    <cfRule type="expression" dxfId="7738" priority="9958">
      <formula>AND(Q$568="",Q$569="")</formula>
    </cfRule>
  </conditionalFormatting>
  <conditionalFormatting sqref="R568:R569">
    <cfRule type="expression" dxfId="7737" priority="9955">
      <formula>OR(R$568&lt;&gt;"",R$569&lt;&gt;"")</formula>
    </cfRule>
    <cfRule type="expression" dxfId="7736" priority="9956">
      <formula>AND(R$568="",R$569="")</formula>
    </cfRule>
  </conditionalFormatting>
  <conditionalFormatting sqref="R570">
    <cfRule type="expression" dxfId="7735" priority="9953">
      <formula>OR(R$568&lt;&gt;"",R$569&lt;&gt;"")</formula>
    </cfRule>
    <cfRule type="expression" dxfId="7734" priority="9954">
      <formula>AND(R$568="",R$569="")</formula>
    </cfRule>
  </conditionalFormatting>
  <conditionalFormatting sqref="R571">
    <cfRule type="expression" dxfId="7733" priority="9951">
      <formula>OR(R$568&lt;&gt;"",R$569&lt;&gt;"")</formula>
    </cfRule>
    <cfRule type="expression" dxfId="7732" priority="9952">
      <formula>AND(R$568="",R$569="")</formula>
    </cfRule>
  </conditionalFormatting>
  <conditionalFormatting sqref="S568:S569">
    <cfRule type="expression" dxfId="7731" priority="9949">
      <formula>OR(S$568&lt;&gt;"",S$569&lt;&gt;"")</formula>
    </cfRule>
    <cfRule type="expression" dxfId="7730" priority="9950">
      <formula>AND(S$568="",S$569="")</formula>
    </cfRule>
  </conditionalFormatting>
  <conditionalFormatting sqref="S570">
    <cfRule type="expression" dxfId="7729" priority="9947">
      <formula>OR(S$568&lt;&gt;"",S$569&lt;&gt;"")</formula>
    </cfRule>
    <cfRule type="expression" dxfId="7728" priority="9948">
      <formula>AND(S$568="",S$569="")</formula>
    </cfRule>
  </conditionalFormatting>
  <conditionalFormatting sqref="S571">
    <cfRule type="expression" dxfId="7727" priority="9945">
      <formula>OR(S$568&lt;&gt;"",S$569&lt;&gt;"")</formula>
    </cfRule>
    <cfRule type="expression" dxfId="7726" priority="9946">
      <formula>AND(S$568="",S$569="")</formula>
    </cfRule>
  </conditionalFormatting>
  <conditionalFormatting sqref="T568:T569">
    <cfRule type="expression" dxfId="7725" priority="9943">
      <formula>OR(T$568&lt;&gt;"",T$569&lt;&gt;"")</formula>
    </cfRule>
    <cfRule type="expression" dxfId="7724" priority="9944">
      <formula>AND(T$568="",T$569="")</formula>
    </cfRule>
  </conditionalFormatting>
  <conditionalFormatting sqref="T570">
    <cfRule type="expression" dxfId="7723" priority="9941">
      <formula>OR(T$568&lt;&gt;"",T$569&lt;&gt;"")</formula>
    </cfRule>
    <cfRule type="expression" dxfId="7722" priority="9942">
      <formula>AND(T$568="",T$569="")</formula>
    </cfRule>
  </conditionalFormatting>
  <conditionalFormatting sqref="T571">
    <cfRule type="expression" dxfId="7721" priority="9939">
      <formula>OR(T$568&lt;&gt;"",T$569&lt;&gt;"")</formula>
    </cfRule>
    <cfRule type="expression" dxfId="7720" priority="9940">
      <formula>AND(T$568="",T$569="")</formula>
    </cfRule>
  </conditionalFormatting>
  <conditionalFormatting sqref="U568:U569">
    <cfRule type="expression" dxfId="7719" priority="9937">
      <formula>OR(U$568&lt;&gt;"",U$569&lt;&gt;"")</formula>
    </cfRule>
    <cfRule type="expression" dxfId="7718" priority="9938">
      <formula>AND(U$568="",U$569="")</formula>
    </cfRule>
  </conditionalFormatting>
  <conditionalFormatting sqref="U570">
    <cfRule type="expression" dxfId="7717" priority="9935">
      <formula>OR(U$568&lt;&gt;"",U$569&lt;&gt;"")</formula>
    </cfRule>
    <cfRule type="expression" dxfId="7716" priority="9936">
      <formula>AND(U$568="",U$569="")</formula>
    </cfRule>
  </conditionalFormatting>
  <conditionalFormatting sqref="U571">
    <cfRule type="expression" dxfId="7715" priority="9933">
      <formula>OR(U$568&lt;&gt;"",U$569&lt;&gt;"")</formula>
    </cfRule>
    <cfRule type="expression" dxfId="7714" priority="9934">
      <formula>AND(U$568="",U$569="")</formula>
    </cfRule>
  </conditionalFormatting>
  <conditionalFormatting sqref="V568:V569">
    <cfRule type="expression" dxfId="7713" priority="9931">
      <formula>OR(V$568&lt;&gt;"",V$569&lt;&gt;"")</formula>
    </cfRule>
    <cfRule type="expression" dxfId="7712" priority="9932">
      <formula>AND(V$568="",V$569="")</formula>
    </cfRule>
  </conditionalFormatting>
  <conditionalFormatting sqref="V570">
    <cfRule type="expression" dxfId="7711" priority="9929">
      <formula>OR(V$568&lt;&gt;"",V$569&lt;&gt;"")</formula>
    </cfRule>
    <cfRule type="expression" dxfId="7710" priority="9930">
      <formula>AND(V$568="",V$569="")</formula>
    </cfRule>
  </conditionalFormatting>
  <conditionalFormatting sqref="V571">
    <cfRule type="expression" dxfId="7709" priority="9927">
      <formula>OR(V$568&lt;&gt;"",V$569&lt;&gt;"")</formula>
    </cfRule>
    <cfRule type="expression" dxfId="7708" priority="9928">
      <formula>AND(V$568="",V$569="")</formula>
    </cfRule>
  </conditionalFormatting>
  <conditionalFormatting sqref="W568:W569">
    <cfRule type="expression" dxfId="7707" priority="9925">
      <formula>OR(W$568&lt;&gt;"",W$569&lt;&gt;"")</formula>
    </cfRule>
    <cfRule type="expression" dxfId="7706" priority="9926">
      <formula>AND(W$568="",W$569="")</formula>
    </cfRule>
  </conditionalFormatting>
  <conditionalFormatting sqref="W570">
    <cfRule type="expression" dxfId="7705" priority="9923">
      <formula>OR(W$568&lt;&gt;"",W$569&lt;&gt;"")</formula>
    </cfRule>
    <cfRule type="expression" dxfId="7704" priority="9924">
      <formula>AND(W$568="",W$569="")</formula>
    </cfRule>
  </conditionalFormatting>
  <conditionalFormatting sqref="W571">
    <cfRule type="expression" dxfId="7703" priority="9921">
      <formula>OR(W$568&lt;&gt;"",W$569&lt;&gt;"")</formula>
    </cfRule>
    <cfRule type="expression" dxfId="7702" priority="9922">
      <formula>AND(W$568="",W$569="")</formula>
    </cfRule>
  </conditionalFormatting>
  <conditionalFormatting sqref="X568:X569">
    <cfRule type="expression" dxfId="7701" priority="9919">
      <formula>OR(X$568&lt;&gt;"",X$569&lt;&gt;"")</formula>
    </cfRule>
    <cfRule type="expression" dxfId="7700" priority="9920">
      <formula>AND(X$568="",X$569="")</formula>
    </cfRule>
  </conditionalFormatting>
  <conditionalFormatting sqref="X570">
    <cfRule type="expression" dxfId="7699" priority="9917">
      <formula>OR(X$568&lt;&gt;"",X$569&lt;&gt;"")</formula>
    </cfRule>
    <cfRule type="expression" dxfId="7698" priority="9918">
      <formula>AND(X$568="",X$569="")</formula>
    </cfRule>
  </conditionalFormatting>
  <conditionalFormatting sqref="X571">
    <cfRule type="expression" dxfId="7697" priority="9915">
      <formula>OR(X$568&lt;&gt;"",X$569&lt;&gt;"")</formula>
    </cfRule>
    <cfRule type="expression" dxfId="7696" priority="9916">
      <formula>AND(X$568="",X$569="")</formula>
    </cfRule>
  </conditionalFormatting>
  <conditionalFormatting sqref="Y568:Y569">
    <cfRule type="expression" dxfId="7695" priority="9913">
      <formula>OR(Y$568&lt;&gt;"",Y$569&lt;&gt;"")</formula>
    </cfRule>
    <cfRule type="expression" dxfId="7694" priority="9914">
      <formula>AND(Y$568="",Y$569="")</formula>
    </cfRule>
  </conditionalFormatting>
  <conditionalFormatting sqref="Y570">
    <cfRule type="expression" dxfId="7693" priority="9911">
      <formula>OR(Y$568&lt;&gt;"",Y$569&lt;&gt;"")</formula>
    </cfRule>
    <cfRule type="expression" dxfId="7692" priority="9912">
      <formula>AND(Y$568="",Y$569="")</formula>
    </cfRule>
  </conditionalFormatting>
  <conditionalFormatting sqref="Y571">
    <cfRule type="expression" dxfId="7691" priority="9909">
      <formula>OR(Y$568&lt;&gt;"",Y$569&lt;&gt;"")</formula>
    </cfRule>
    <cfRule type="expression" dxfId="7690" priority="9910">
      <formula>AND(Y$568="",Y$569="")</formula>
    </cfRule>
  </conditionalFormatting>
  <conditionalFormatting sqref="Z568:Z569">
    <cfRule type="expression" dxfId="7689" priority="9907">
      <formula>OR(Z$568&lt;&gt;"",Z$569&lt;&gt;"")</formula>
    </cfRule>
    <cfRule type="expression" dxfId="7688" priority="9908">
      <formula>AND(Z$568="",Z$569="")</formula>
    </cfRule>
  </conditionalFormatting>
  <conditionalFormatting sqref="Z570">
    <cfRule type="expression" dxfId="7687" priority="9905">
      <formula>OR(Z$568&lt;&gt;"",Z$569&lt;&gt;"")</formula>
    </cfRule>
    <cfRule type="expression" dxfId="7686" priority="9906">
      <formula>AND(Z$568="",Z$569="")</formula>
    </cfRule>
  </conditionalFormatting>
  <conditionalFormatting sqref="Z571">
    <cfRule type="expression" dxfId="7685" priority="9903">
      <formula>OR(Z$568&lt;&gt;"",Z$569&lt;&gt;"")</formula>
    </cfRule>
    <cfRule type="expression" dxfId="7684" priority="9904">
      <formula>AND(Z$568="",Z$569="")</formula>
    </cfRule>
  </conditionalFormatting>
  <conditionalFormatting sqref="AA568:AA569">
    <cfRule type="expression" dxfId="7683" priority="9901">
      <formula>OR(AA$568&lt;&gt;"",AA$569&lt;&gt;"")</formula>
    </cfRule>
    <cfRule type="expression" dxfId="7682" priority="9902">
      <formula>AND(AA$568="",AA$569="")</formula>
    </cfRule>
  </conditionalFormatting>
  <conditionalFormatting sqref="AA570">
    <cfRule type="expression" dxfId="7681" priority="9899">
      <formula>OR(AA$568&lt;&gt;"",AA$569&lt;&gt;"")</formula>
    </cfRule>
    <cfRule type="expression" dxfId="7680" priority="9900">
      <formula>AND(AA$568="",AA$569="")</formula>
    </cfRule>
  </conditionalFormatting>
  <conditionalFormatting sqref="AA571">
    <cfRule type="expression" dxfId="7679" priority="9897">
      <formula>OR(AA$568&lt;&gt;"",AA$569&lt;&gt;"")</formula>
    </cfRule>
    <cfRule type="expression" dxfId="7678" priority="9898">
      <formula>AND(AA$568="",AA$569="")</formula>
    </cfRule>
  </conditionalFormatting>
  <conditionalFormatting sqref="AB568:AB569">
    <cfRule type="expression" dxfId="7677" priority="9895">
      <formula>OR(AB$568&lt;&gt;"",AB$569&lt;&gt;"")</formula>
    </cfRule>
    <cfRule type="expression" dxfId="7676" priority="9896">
      <formula>AND(AB$568="",AB$569="")</formula>
    </cfRule>
  </conditionalFormatting>
  <conditionalFormatting sqref="AB570">
    <cfRule type="expression" dxfId="7675" priority="9893">
      <formula>OR(AB$568&lt;&gt;"",AB$569&lt;&gt;"")</formula>
    </cfRule>
    <cfRule type="expression" dxfId="7674" priority="9894">
      <formula>AND(AB$568="",AB$569="")</formula>
    </cfRule>
  </conditionalFormatting>
  <conditionalFormatting sqref="AB571">
    <cfRule type="expression" dxfId="7673" priority="9891">
      <formula>OR(AB$568&lt;&gt;"",AB$569&lt;&gt;"")</formula>
    </cfRule>
    <cfRule type="expression" dxfId="7672" priority="9892">
      <formula>AND(AB$568="",AB$569="")</formula>
    </cfRule>
  </conditionalFormatting>
  <conditionalFormatting sqref="AC568:AC569">
    <cfRule type="expression" dxfId="7671" priority="9889">
      <formula>OR(AC$568&lt;&gt;"",AC$569&lt;&gt;"")</formula>
    </cfRule>
    <cfRule type="expression" dxfId="7670" priority="9890">
      <formula>AND(AC$568="",AC$569="")</formula>
    </cfRule>
  </conditionalFormatting>
  <conditionalFormatting sqref="AC570">
    <cfRule type="expression" dxfId="7669" priority="9887">
      <formula>OR(AC$568&lt;&gt;"",AC$569&lt;&gt;"")</formula>
    </cfRule>
    <cfRule type="expression" dxfId="7668" priority="9888">
      <formula>AND(AC$568="",AC$569="")</formula>
    </cfRule>
  </conditionalFormatting>
  <conditionalFormatting sqref="AC571">
    <cfRule type="expression" dxfId="7667" priority="9885">
      <formula>OR(AC$568&lt;&gt;"",AC$569&lt;&gt;"")</formula>
    </cfRule>
    <cfRule type="expression" dxfId="7666" priority="9886">
      <formula>AND(AC$568="",AC$569="")</formula>
    </cfRule>
  </conditionalFormatting>
  <conditionalFormatting sqref="AD568:AD569">
    <cfRule type="expression" dxfId="7665" priority="9883">
      <formula>OR(AD$568&lt;&gt;"",AD$569&lt;&gt;"")</formula>
    </cfRule>
    <cfRule type="expression" dxfId="7664" priority="9884">
      <formula>AND(AD$568="",AD$569="")</formula>
    </cfRule>
  </conditionalFormatting>
  <conditionalFormatting sqref="AD570">
    <cfRule type="expression" dxfId="7663" priority="9881">
      <formula>OR(AD$568&lt;&gt;"",AD$569&lt;&gt;"")</formula>
    </cfRule>
    <cfRule type="expression" dxfId="7662" priority="9882">
      <formula>AND(AD$568="",AD$569="")</formula>
    </cfRule>
  </conditionalFormatting>
  <conditionalFormatting sqref="AD571">
    <cfRule type="expression" dxfId="7661" priority="9879">
      <formula>OR(AD$568&lt;&gt;"",AD$569&lt;&gt;"")</formula>
    </cfRule>
    <cfRule type="expression" dxfId="7660" priority="9880">
      <formula>AND(AD$568="",AD$569="")</formula>
    </cfRule>
  </conditionalFormatting>
  <conditionalFormatting sqref="AE568:AE569">
    <cfRule type="expression" dxfId="7659" priority="9877">
      <formula>OR(AE$568&lt;&gt;"",AE$569&lt;&gt;"")</formula>
    </cfRule>
    <cfRule type="expression" dxfId="7658" priority="9878">
      <formula>AND(AE$568="",AE$569="")</formula>
    </cfRule>
  </conditionalFormatting>
  <conditionalFormatting sqref="AE570">
    <cfRule type="expression" dxfId="7657" priority="9875">
      <formula>OR(AE$568&lt;&gt;"",AE$569&lt;&gt;"")</formula>
    </cfRule>
    <cfRule type="expression" dxfId="7656" priority="9876">
      <formula>AND(AE$568="",AE$569="")</formula>
    </cfRule>
  </conditionalFormatting>
  <conditionalFormatting sqref="AE571">
    <cfRule type="expression" dxfId="7655" priority="9873">
      <formula>OR(AE$568&lt;&gt;"",AE$569&lt;&gt;"")</formula>
    </cfRule>
    <cfRule type="expression" dxfId="7654" priority="9874">
      <formula>AND(AE$568="",AE$569="")</formula>
    </cfRule>
  </conditionalFormatting>
  <conditionalFormatting sqref="AF568:AF569">
    <cfRule type="expression" dxfId="7653" priority="9871">
      <formula>OR(AF$568&lt;&gt;"",AF$569&lt;&gt;"")</formula>
    </cfRule>
    <cfRule type="expression" dxfId="7652" priority="9872">
      <formula>AND(AF$568="",AF$569="")</formula>
    </cfRule>
  </conditionalFormatting>
  <conditionalFormatting sqref="AF570">
    <cfRule type="expression" dxfId="7651" priority="9869">
      <formula>OR(AF$568&lt;&gt;"",AF$569&lt;&gt;"")</formula>
    </cfRule>
    <cfRule type="expression" dxfId="7650" priority="9870">
      <formula>AND(AF$568="",AF$569="")</formula>
    </cfRule>
  </conditionalFormatting>
  <conditionalFormatting sqref="AF571">
    <cfRule type="expression" dxfId="7649" priority="9867">
      <formula>OR(AF$568&lt;&gt;"",AF$569&lt;&gt;"")</formula>
    </cfRule>
    <cfRule type="expression" dxfId="7648" priority="9868">
      <formula>AND(AF$568="",AF$569="")</formula>
    </cfRule>
  </conditionalFormatting>
  <conditionalFormatting sqref="AG568:AG569">
    <cfRule type="expression" dxfId="7647" priority="9865">
      <formula>OR(AG$568&lt;&gt;"",AG$569&lt;&gt;"")</formula>
    </cfRule>
    <cfRule type="expression" dxfId="7646" priority="9866">
      <formula>AND(AG$568="",AG$569="")</formula>
    </cfRule>
  </conditionalFormatting>
  <conditionalFormatting sqref="AG570">
    <cfRule type="expression" dxfId="7645" priority="9863">
      <formula>OR(AG$568&lt;&gt;"",AG$569&lt;&gt;"")</formula>
    </cfRule>
    <cfRule type="expression" dxfId="7644" priority="9864">
      <formula>AND(AG$568="",AG$569="")</formula>
    </cfRule>
  </conditionalFormatting>
  <conditionalFormatting sqref="AG571">
    <cfRule type="expression" dxfId="7643" priority="9861">
      <formula>OR(AG$568&lt;&gt;"",AG$569&lt;&gt;"")</formula>
    </cfRule>
    <cfRule type="expression" dxfId="7642" priority="9862">
      <formula>AND(AG$568="",AG$569="")</formula>
    </cfRule>
  </conditionalFormatting>
  <conditionalFormatting sqref="AH568:AH569">
    <cfRule type="expression" dxfId="7641" priority="9859">
      <formula>OR(AH$568&lt;&gt;"",AH$569&lt;&gt;"")</formula>
    </cfRule>
    <cfRule type="expression" dxfId="7640" priority="9860">
      <formula>AND(AH$568="",AH$569="")</formula>
    </cfRule>
  </conditionalFormatting>
  <conditionalFormatting sqref="AH570">
    <cfRule type="expression" dxfId="7639" priority="9857">
      <formula>OR(AH$568&lt;&gt;"",AH$569&lt;&gt;"")</formula>
    </cfRule>
    <cfRule type="expression" dxfId="7638" priority="9858">
      <formula>AND(AH$568="",AH$569="")</formula>
    </cfRule>
  </conditionalFormatting>
  <conditionalFormatting sqref="AH571">
    <cfRule type="expression" dxfId="7637" priority="9855">
      <formula>OR(AH$568&lt;&gt;"",AH$569&lt;&gt;"")</formula>
    </cfRule>
    <cfRule type="expression" dxfId="7636" priority="9856">
      <formula>AND(AH$568="",AH$569="")</formula>
    </cfRule>
  </conditionalFormatting>
  <conditionalFormatting sqref="AI568:AI569">
    <cfRule type="expression" dxfId="7635" priority="9853">
      <formula>OR(AI$568&lt;&gt;"",AI$569&lt;&gt;"")</formula>
    </cfRule>
    <cfRule type="expression" dxfId="7634" priority="9854">
      <formula>AND(AI$568="",AI$569="")</formula>
    </cfRule>
  </conditionalFormatting>
  <conditionalFormatting sqref="AI570">
    <cfRule type="expression" dxfId="7633" priority="9851">
      <formula>OR(AI$568&lt;&gt;"",AI$569&lt;&gt;"")</formula>
    </cfRule>
    <cfRule type="expression" dxfId="7632" priority="9852">
      <formula>AND(AI$568="",AI$569="")</formula>
    </cfRule>
  </conditionalFormatting>
  <conditionalFormatting sqref="AI571">
    <cfRule type="expression" dxfId="7631" priority="9849">
      <formula>OR(AI$568&lt;&gt;"",AI$569&lt;&gt;"")</formula>
    </cfRule>
    <cfRule type="expression" dxfId="7630" priority="9850">
      <formula>AND(AI$568="",AI$569="")</formula>
    </cfRule>
  </conditionalFormatting>
  <conditionalFormatting sqref="AJ568:AJ569">
    <cfRule type="expression" dxfId="7629" priority="9847">
      <formula>OR(AJ$568&lt;&gt;"",AJ$569&lt;&gt;"")</formula>
    </cfRule>
    <cfRule type="expression" dxfId="7628" priority="9848">
      <formula>AND(AJ$568="",AJ$569="")</formula>
    </cfRule>
  </conditionalFormatting>
  <conditionalFormatting sqref="AJ570">
    <cfRule type="expression" dxfId="7627" priority="9845">
      <formula>OR(AJ$568&lt;&gt;"",AJ$569&lt;&gt;"")</formula>
    </cfRule>
    <cfRule type="expression" dxfId="7626" priority="9846">
      <formula>AND(AJ$568="",AJ$569="")</formula>
    </cfRule>
  </conditionalFormatting>
  <conditionalFormatting sqref="AJ571">
    <cfRule type="expression" dxfId="7625" priority="9843">
      <formula>OR(AJ$568&lt;&gt;"",AJ$569&lt;&gt;"")</formula>
    </cfRule>
    <cfRule type="expression" dxfId="7624" priority="9844">
      <formula>AND(AJ$568="",AJ$569="")</formula>
    </cfRule>
  </conditionalFormatting>
  <conditionalFormatting sqref="AK568:AK569">
    <cfRule type="expression" dxfId="7623" priority="9841">
      <formula>OR(AK$568&lt;&gt;"",AK$569&lt;&gt;"")</formula>
    </cfRule>
    <cfRule type="expression" dxfId="7622" priority="9842">
      <formula>AND(AK$568="",AK$569="")</formula>
    </cfRule>
  </conditionalFormatting>
  <conditionalFormatting sqref="AK570">
    <cfRule type="expression" dxfId="7621" priority="9839">
      <formula>OR(AK$568&lt;&gt;"",AK$569&lt;&gt;"")</formula>
    </cfRule>
    <cfRule type="expression" dxfId="7620" priority="9840">
      <formula>AND(AK$568="",AK$569="")</formula>
    </cfRule>
  </conditionalFormatting>
  <conditionalFormatting sqref="AK571">
    <cfRule type="expression" dxfId="7619" priority="9837">
      <formula>OR(AK$568&lt;&gt;"",AK$569&lt;&gt;"")</formula>
    </cfRule>
    <cfRule type="expression" dxfId="7618" priority="9838">
      <formula>AND(AK$568="",AK$569="")</formula>
    </cfRule>
  </conditionalFormatting>
  <conditionalFormatting sqref="AL568:AL569">
    <cfRule type="expression" dxfId="7617" priority="9835">
      <formula>OR(AL$568&lt;&gt;"",AL$569&lt;&gt;"")</formula>
    </cfRule>
    <cfRule type="expression" dxfId="7616" priority="9836">
      <formula>AND(AL$568="",AL$569="")</formula>
    </cfRule>
  </conditionalFormatting>
  <conditionalFormatting sqref="AL570">
    <cfRule type="expression" dxfId="7615" priority="9833">
      <formula>OR(AL$568&lt;&gt;"",AL$569&lt;&gt;"")</formula>
    </cfRule>
    <cfRule type="expression" dxfId="7614" priority="9834">
      <formula>AND(AL$568="",AL$569="")</formula>
    </cfRule>
  </conditionalFormatting>
  <conditionalFormatting sqref="AL571">
    <cfRule type="expression" dxfId="7613" priority="9831">
      <formula>OR(AL$568&lt;&gt;"",AL$569&lt;&gt;"")</formula>
    </cfRule>
    <cfRule type="expression" dxfId="7612" priority="9832">
      <formula>AND(AL$568="",AL$569="")</formula>
    </cfRule>
  </conditionalFormatting>
  <conditionalFormatting sqref="AM568:AM569">
    <cfRule type="expression" dxfId="7611" priority="9829">
      <formula>OR(AM$568&lt;&gt;"",AM$569&lt;&gt;"")</formula>
    </cfRule>
    <cfRule type="expression" dxfId="7610" priority="9830">
      <formula>AND(AM$568="",AM$569="")</formula>
    </cfRule>
  </conditionalFormatting>
  <conditionalFormatting sqref="AM570">
    <cfRule type="expression" dxfId="7609" priority="9827">
      <formula>OR(AM$568&lt;&gt;"",AM$569&lt;&gt;"")</formula>
    </cfRule>
    <cfRule type="expression" dxfId="7608" priority="9828">
      <formula>AND(AM$568="",AM$569="")</formula>
    </cfRule>
  </conditionalFormatting>
  <conditionalFormatting sqref="AM571">
    <cfRule type="expression" dxfId="7607" priority="9825">
      <formula>OR(AM$568&lt;&gt;"",AM$569&lt;&gt;"")</formula>
    </cfRule>
    <cfRule type="expression" dxfId="7606" priority="9826">
      <formula>AND(AM$568="",AM$569="")</formula>
    </cfRule>
  </conditionalFormatting>
  <conditionalFormatting sqref="AN568:AN569">
    <cfRule type="expression" dxfId="7605" priority="9823">
      <formula>OR(AN$568&lt;&gt;"",AN$569&lt;&gt;"")</formula>
    </cfRule>
    <cfRule type="expression" dxfId="7604" priority="9824">
      <formula>AND(AN$568="",AN$569="")</formula>
    </cfRule>
  </conditionalFormatting>
  <conditionalFormatting sqref="AN570">
    <cfRule type="expression" dxfId="7603" priority="9821">
      <formula>OR(AN$568&lt;&gt;"",AN$569&lt;&gt;"")</formula>
    </cfRule>
    <cfRule type="expression" dxfId="7602" priority="9822">
      <formula>AND(AN$568="",AN$569="")</formula>
    </cfRule>
  </conditionalFormatting>
  <conditionalFormatting sqref="AN571">
    <cfRule type="expression" dxfId="7601" priority="9819">
      <formula>OR(AN$568&lt;&gt;"",AN$569&lt;&gt;"")</formula>
    </cfRule>
    <cfRule type="expression" dxfId="7600" priority="9820">
      <formula>AND(AN$568="",AN$569="")</formula>
    </cfRule>
  </conditionalFormatting>
  <conditionalFormatting sqref="AO568:AO569">
    <cfRule type="expression" dxfId="7599" priority="9817">
      <formula>OR(AO$568&lt;&gt;"",AO$569&lt;&gt;"")</formula>
    </cfRule>
    <cfRule type="expression" dxfId="7598" priority="9818">
      <formula>AND(AO$568="",AO$569="")</formula>
    </cfRule>
  </conditionalFormatting>
  <conditionalFormatting sqref="AO570">
    <cfRule type="expression" dxfId="7597" priority="9815">
      <formula>OR(AO$568&lt;&gt;"",AO$569&lt;&gt;"")</formula>
    </cfRule>
    <cfRule type="expression" dxfId="7596" priority="9816">
      <formula>AND(AO$568="",AO$569="")</formula>
    </cfRule>
  </conditionalFormatting>
  <conditionalFormatting sqref="AO571">
    <cfRule type="expression" dxfId="7595" priority="9813">
      <formula>OR(AO$568&lt;&gt;"",AO$569&lt;&gt;"")</formula>
    </cfRule>
    <cfRule type="expression" dxfId="7594" priority="9814">
      <formula>AND(AO$568="",AO$569="")</formula>
    </cfRule>
  </conditionalFormatting>
  <conditionalFormatting sqref="AP568:AP569">
    <cfRule type="expression" dxfId="7593" priority="9811">
      <formula>OR(AP$568&lt;&gt;"",AP$569&lt;&gt;"")</formula>
    </cfRule>
    <cfRule type="expression" dxfId="7592" priority="9812">
      <formula>AND(AP$568="",AP$569="")</formula>
    </cfRule>
  </conditionalFormatting>
  <conditionalFormatting sqref="AP570">
    <cfRule type="expression" dxfId="7591" priority="9809">
      <formula>OR(AP$568&lt;&gt;"",AP$569&lt;&gt;"")</formula>
    </cfRule>
    <cfRule type="expression" dxfId="7590" priority="9810">
      <formula>AND(AP$568="",AP$569="")</formula>
    </cfRule>
  </conditionalFormatting>
  <conditionalFormatting sqref="AP571">
    <cfRule type="expression" dxfId="7589" priority="9807">
      <formula>OR(AP$568&lt;&gt;"",AP$569&lt;&gt;"")</formula>
    </cfRule>
    <cfRule type="expression" dxfId="7588" priority="9808">
      <formula>AND(AP$568="",AP$569="")</formula>
    </cfRule>
  </conditionalFormatting>
  <conditionalFormatting sqref="AQ568:AQ569">
    <cfRule type="expression" dxfId="7587" priority="9805">
      <formula>OR(AQ$568&lt;&gt;"",AQ$569&lt;&gt;"")</formula>
    </cfRule>
    <cfRule type="expression" dxfId="7586" priority="9806">
      <formula>AND(AQ$568="",AQ$569="")</formula>
    </cfRule>
  </conditionalFormatting>
  <conditionalFormatting sqref="AQ570">
    <cfRule type="expression" dxfId="7585" priority="9803">
      <formula>OR(AQ$568&lt;&gt;"",AQ$569&lt;&gt;"")</formula>
    </cfRule>
    <cfRule type="expression" dxfId="7584" priority="9804">
      <formula>AND(AQ$568="",AQ$569="")</formula>
    </cfRule>
  </conditionalFormatting>
  <conditionalFormatting sqref="AQ571">
    <cfRule type="expression" dxfId="7583" priority="9801">
      <formula>OR(AQ$568&lt;&gt;"",AQ$569&lt;&gt;"")</formula>
    </cfRule>
    <cfRule type="expression" dxfId="7582" priority="9802">
      <formula>AND(AQ$568="",AQ$569="")</formula>
    </cfRule>
  </conditionalFormatting>
  <conditionalFormatting sqref="AR568:AR569">
    <cfRule type="expression" dxfId="7581" priority="9799">
      <formula>OR(AR$568&lt;&gt;"",AR$569&lt;&gt;"")</formula>
    </cfRule>
    <cfRule type="expression" dxfId="7580" priority="9800">
      <formula>AND(AR$568="",AR$569="")</formula>
    </cfRule>
  </conditionalFormatting>
  <conditionalFormatting sqref="AR570">
    <cfRule type="expression" dxfId="7579" priority="9797">
      <formula>OR(AR$568&lt;&gt;"",AR$569&lt;&gt;"")</formula>
    </cfRule>
    <cfRule type="expression" dxfId="7578" priority="9798">
      <formula>AND(AR$568="",AR$569="")</formula>
    </cfRule>
  </conditionalFormatting>
  <conditionalFormatting sqref="AR571">
    <cfRule type="expression" dxfId="7577" priority="9795">
      <formula>OR(AR$568&lt;&gt;"",AR$569&lt;&gt;"")</formula>
    </cfRule>
    <cfRule type="expression" dxfId="7576" priority="9796">
      <formula>AND(AR$568="",AR$569="")</formula>
    </cfRule>
  </conditionalFormatting>
  <conditionalFormatting sqref="AS568:AS569">
    <cfRule type="expression" dxfId="7575" priority="9793">
      <formula>OR(AS$568&lt;&gt;"",AS$569&lt;&gt;"")</formula>
    </cfRule>
    <cfRule type="expression" dxfId="7574" priority="9794">
      <formula>AND(AS$568="",AS$569="")</formula>
    </cfRule>
  </conditionalFormatting>
  <conditionalFormatting sqref="AS570">
    <cfRule type="expression" dxfId="7573" priority="9791">
      <formula>OR(AS$568&lt;&gt;"",AS$569&lt;&gt;"")</formula>
    </cfRule>
    <cfRule type="expression" dxfId="7572" priority="9792">
      <formula>AND(AS$568="",AS$569="")</formula>
    </cfRule>
  </conditionalFormatting>
  <conditionalFormatting sqref="AS571">
    <cfRule type="expression" dxfId="7571" priority="9789">
      <formula>OR(AS$568&lt;&gt;"",AS$569&lt;&gt;"")</formula>
    </cfRule>
    <cfRule type="expression" dxfId="7570" priority="9790">
      <formula>AND(AS$568="",AS$569="")</formula>
    </cfRule>
  </conditionalFormatting>
  <conditionalFormatting sqref="AT568:AT569">
    <cfRule type="expression" dxfId="7569" priority="9787">
      <formula>OR(AT$568&lt;&gt;"",AT$569&lt;&gt;"")</formula>
    </cfRule>
    <cfRule type="expression" dxfId="7568" priority="9788">
      <formula>AND(AT$568="",AT$569="")</formula>
    </cfRule>
  </conditionalFormatting>
  <conditionalFormatting sqref="AT570">
    <cfRule type="expression" dxfId="7567" priority="9785">
      <formula>OR(AT$568&lt;&gt;"",AT$569&lt;&gt;"")</formula>
    </cfRule>
    <cfRule type="expression" dxfId="7566" priority="9786">
      <formula>AND(AT$568="",AT$569="")</formula>
    </cfRule>
  </conditionalFormatting>
  <conditionalFormatting sqref="AT571">
    <cfRule type="expression" dxfId="7565" priority="9783">
      <formula>OR(AT$568&lt;&gt;"",AT$569&lt;&gt;"")</formula>
    </cfRule>
    <cfRule type="expression" dxfId="7564" priority="9784">
      <formula>AND(AT$568="",AT$569="")</formula>
    </cfRule>
  </conditionalFormatting>
  <conditionalFormatting sqref="AU568:AU569">
    <cfRule type="expression" dxfId="7563" priority="9781">
      <formula>OR(AU$568&lt;&gt;"",AU$569&lt;&gt;"")</formula>
    </cfRule>
    <cfRule type="expression" dxfId="7562" priority="9782">
      <formula>AND(AU$568="",AU$569="")</formula>
    </cfRule>
  </conditionalFormatting>
  <conditionalFormatting sqref="AU570">
    <cfRule type="expression" dxfId="7561" priority="9779">
      <formula>OR(AU$568&lt;&gt;"",AU$569&lt;&gt;"")</formula>
    </cfRule>
    <cfRule type="expression" dxfId="7560" priority="9780">
      <formula>AND(AU$568="",AU$569="")</formula>
    </cfRule>
  </conditionalFormatting>
  <conditionalFormatting sqref="AU571">
    <cfRule type="expression" dxfId="7559" priority="9777">
      <formula>OR(AU$568&lt;&gt;"",AU$569&lt;&gt;"")</formula>
    </cfRule>
    <cfRule type="expression" dxfId="7558" priority="9778">
      <formula>AND(AU$568="",AU$569="")</formula>
    </cfRule>
  </conditionalFormatting>
  <conditionalFormatting sqref="AV568:AV569">
    <cfRule type="expression" dxfId="7557" priority="9775">
      <formula>OR(AV$568&lt;&gt;"",AV$569&lt;&gt;"")</formula>
    </cfRule>
    <cfRule type="expression" dxfId="7556" priority="9776">
      <formula>AND(AV$568="",AV$569="")</formula>
    </cfRule>
  </conditionalFormatting>
  <conditionalFormatting sqref="AV570">
    <cfRule type="expression" dxfId="7555" priority="9773">
      <formula>OR(AV$568&lt;&gt;"",AV$569&lt;&gt;"")</formula>
    </cfRule>
    <cfRule type="expression" dxfId="7554" priority="9774">
      <formula>AND(AV$568="",AV$569="")</formula>
    </cfRule>
  </conditionalFormatting>
  <conditionalFormatting sqref="AV571">
    <cfRule type="expression" dxfId="7553" priority="9771">
      <formula>OR(AV$568&lt;&gt;"",AV$569&lt;&gt;"")</formula>
    </cfRule>
    <cfRule type="expression" dxfId="7552" priority="9772">
      <formula>AND(AV$568="",AV$569="")</formula>
    </cfRule>
  </conditionalFormatting>
  <conditionalFormatting sqref="AW568:AW569">
    <cfRule type="expression" dxfId="7551" priority="9769">
      <formula>OR(AW$568&lt;&gt;"",AW$569&lt;&gt;"")</formula>
    </cfRule>
    <cfRule type="expression" dxfId="7550" priority="9770">
      <formula>AND(AW$568="",AW$569="")</formula>
    </cfRule>
  </conditionalFormatting>
  <conditionalFormatting sqref="AW570">
    <cfRule type="expression" dxfId="7549" priority="9767">
      <formula>OR(AW$568&lt;&gt;"",AW$569&lt;&gt;"")</formula>
    </cfRule>
    <cfRule type="expression" dxfId="7548" priority="9768">
      <formula>AND(AW$568="",AW$569="")</formula>
    </cfRule>
  </conditionalFormatting>
  <conditionalFormatting sqref="AW571">
    <cfRule type="expression" dxfId="7547" priority="9765">
      <formula>OR(AW$568&lt;&gt;"",AW$569&lt;&gt;"")</formula>
    </cfRule>
    <cfRule type="expression" dxfId="7546" priority="9766">
      <formula>AND(AW$568="",AW$569="")</formula>
    </cfRule>
  </conditionalFormatting>
  <conditionalFormatting sqref="AX568:AX569">
    <cfRule type="expression" dxfId="7545" priority="9763">
      <formula>OR(AX$568&lt;&gt;"",AX$569&lt;&gt;"")</formula>
    </cfRule>
    <cfRule type="expression" dxfId="7544" priority="9764">
      <formula>AND(AX$568="",AX$569="")</formula>
    </cfRule>
  </conditionalFormatting>
  <conditionalFormatting sqref="AX570">
    <cfRule type="expression" dxfId="7543" priority="9761">
      <formula>OR(AX$568&lt;&gt;"",AX$569&lt;&gt;"")</formula>
    </cfRule>
    <cfRule type="expression" dxfId="7542" priority="9762">
      <formula>AND(AX$568="",AX$569="")</formula>
    </cfRule>
  </conditionalFormatting>
  <conditionalFormatting sqref="AX571">
    <cfRule type="expression" dxfId="7541" priority="9759">
      <formula>OR(AX$568&lt;&gt;"",AX$569&lt;&gt;"")</formula>
    </cfRule>
    <cfRule type="expression" dxfId="7540" priority="9760">
      <formula>AND(AX$568="",AX$569="")</formula>
    </cfRule>
  </conditionalFormatting>
  <conditionalFormatting sqref="AY568:AY569">
    <cfRule type="expression" dxfId="7539" priority="9757">
      <formula>OR(AY$568&lt;&gt;"",AY$569&lt;&gt;"")</formula>
    </cfRule>
    <cfRule type="expression" dxfId="7538" priority="9758">
      <formula>AND(AY$568="",AY$569="")</formula>
    </cfRule>
  </conditionalFormatting>
  <conditionalFormatting sqref="AY570">
    <cfRule type="expression" dxfId="7537" priority="9755">
      <formula>OR(AY$568&lt;&gt;"",AY$569&lt;&gt;"")</formula>
    </cfRule>
    <cfRule type="expression" dxfId="7536" priority="9756">
      <formula>AND(AY$568="",AY$569="")</formula>
    </cfRule>
  </conditionalFormatting>
  <conditionalFormatting sqref="AY571">
    <cfRule type="expression" dxfId="7535" priority="9753">
      <formula>OR(AY$568&lt;&gt;"",AY$569&lt;&gt;"")</formula>
    </cfRule>
    <cfRule type="expression" dxfId="7534" priority="9754">
      <formula>AND(AY$568="",AY$569="")</formula>
    </cfRule>
  </conditionalFormatting>
  <conditionalFormatting sqref="AZ568:AZ569">
    <cfRule type="expression" dxfId="7533" priority="9751">
      <formula>OR(AZ$568&lt;&gt;"",AZ$569&lt;&gt;"")</formula>
    </cfRule>
    <cfRule type="expression" dxfId="7532" priority="9752">
      <formula>AND(AZ$568="",AZ$569="")</formula>
    </cfRule>
  </conditionalFormatting>
  <conditionalFormatting sqref="AZ570">
    <cfRule type="expression" dxfId="7531" priority="9749">
      <formula>OR(AZ$568&lt;&gt;"",AZ$569&lt;&gt;"")</formula>
    </cfRule>
    <cfRule type="expression" dxfId="7530" priority="9750">
      <formula>AND(AZ$568="",AZ$569="")</formula>
    </cfRule>
  </conditionalFormatting>
  <conditionalFormatting sqref="AZ571">
    <cfRule type="expression" dxfId="7529" priority="9747">
      <formula>OR(AZ$568&lt;&gt;"",AZ$569&lt;&gt;"")</formula>
    </cfRule>
    <cfRule type="expression" dxfId="7528" priority="9748">
      <formula>AND(AZ$568="",AZ$569="")</formula>
    </cfRule>
  </conditionalFormatting>
  <conditionalFormatting sqref="BA568:BA569">
    <cfRule type="expression" dxfId="7527" priority="9745">
      <formula>OR(BA$568&lt;&gt;"",BA$569&lt;&gt;"")</formula>
    </cfRule>
    <cfRule type="expression" dxfId="7526" priority="9746">
      <formula>AND(BA$568="",BA$569="")</formula>
    </cfRule>
  </conditionalFormatting>
  <conditionalFormatting sqref="BA570">
    <cfRule type="expression" dxfId="7525" priority="9743">
      <formula>OR(BA$568&lt;&gt;"",BA$569&lt;&gt;"")</formula>
    </cfRule>
    <cfRule type="expression" dxfId="7524" priority="9744">
      <formula>AND(BA$568="",BA$569="")</formula>
    </cfRule>
  </conditionalFormatting>
  <conditionalFormatting sqref="BA571">
    <cfRule type="expression" dxfId="7523" priority="9741">
      <formula>OR(BA$568&lt;&gt;"",BA$569&lt;&gt;"")</formula>
    </cfRule>
    <cfRule type="expression" dxfId="7522" priority="9742">
      <formula>AND(BA$568="",BA$569="")</formula>
    </cfRule>
  </conditionalFormatting>
  <conditionalFormatting sqref="BB568:BB569">
    <cfRule type="expression" dxfId="7521" priority="9739">
      <formula>OR(BB$568&lt;&gt;"",BB$569&lt;&gt;"")</formula>
    </cfRule>
    <cfRule type="expression" dxfId="7520" priority="9740">
      <formula>AND(BB$568="",BB$569="")</formula>
    </cfRule>
  </conditionalFormatting>
  <conditionalFormatting sqref="BB570">
    <cfRule type="expression" dxfId="7519" priority="9737">
      <formula>OR(BB$568&lt;&gt;"",BB$569&lt;&gt;"")</formula>
    </cfRule>
    <cfRule type="expression" dxfId="7518" priority="9738">
      <formula>AND(BB$568="",BB$569="")</formula>
    </cfRule>
  </conditionalFormatting>
  <conditionalFormatting sqref="BB571">
    <cfRule type="expression" dxfId="7517" priority="9735">
      <formula>OR(BB$568&lt;&gt;"",BB$569&lt;&gt;"")</formula>
    </cfRule>
    <cfRule type="expression" dxfId="7516" priority="9736">
      <formula>AND(BB$568="",BB$569="")</formula>
    </cfRule>
  </conditionalFormatting>
  <conditionalFormatting sqref="BC568:BC569">
    <cfRule type="expression" dxfId="7515" priority="9733">
      <formula>OR(BC$568&lt;&gt;"",BC$569&lt;&gt;"")</formula>
    </cfRule>
    <cfRule type="expression" dxfId="7514" priority="9734">
      <formula>AND(BC$568="",BC$569="")</formula>
    </cfRule>
  </conditionalFormatting>
  <conditionalFormatting sqref="BC570">
    <cfRule type="expression" dxfId="7513" priority="9731">
      <formula>OR(BC$568&lt;&gt;"",BC$569&lt;&gt;"")</formula>
    </cfRule>
    <cfRule type="expression" dxfId="7512" priority="9732">
      <formula>AND(BC$568="",BC$569="")</formula>
    </cfRule>
  </conditionalFormatting>
  <conditionalFormatting sqref="BC571">
    <cfRule type="expression" dxfId="7511" priority="9729">
      <formula>OR(BC$568&lt;&gt;"",BC$569&lt;&gt;"")</formula>
    </cfRule>
    <cfRule type="expression" dxfId="7510" priority="9730">
      <formula>AND(BC$568="",BC$569="")</formula>
    </cfRule>
  </conditionalFormatting>
  <conditionalFormatting sqref="BD568:BD569">
    <cfRule type="expression" dxfId="7509" priority="9727">
      <formula>OR(BD$568&lt;&gt;"",BD$569&lt;&gt;"")</formula>
    </cfRule>
    <cfRule type="expression" dxfId="7508" priority="9728">
      <formula>AND(BD$568="",BD$569="")</formula>
    </cfRule>
  </conditionalFormatting>
  <conditionalFormatting sqref="BD570">
    <cfRule type="expression" dxfId="7507" priority="9725">
      <formula>OR(BD$568&lt;&gt;"",BD$569&lt;&gt;"")</formula>
    </cfRule>
    <cfRule type="expression" dxfId="7506" priority="9726">
      <formula>AND(BD$568="",BD$569="")</formula>
    </cfRule>
  </conditionalFormatting>
  <conditionalFormatting sqref="BD571">
    <cfRule type="expression" dxfId="7505" priority="9723">
      <formula>OR(BD$568&lt;&gt;"",BD$569&lt;&gt;"")</formula>
    </cfRule>
    <cfRule type="expression" dxfId="7504" priority="9724">
      <formula>AND(BD$568="",BD$569="")</formula>
    </cfRule>
  </conditionalFormatting>
  <conditionalFormatting sqref="BE568:BE569">
    <cfRule type="expression" dxfId="7503" priority="9721">
      <formula>OR(BE$568&lt;&gt;"",BE$569&lt;&gt;"")</formula>
    </cfRule>
    <cfRule type="expression" dxfId="7502" priority="9722">
      <formula>AND(BE$568="",BE$569="")</formula>
    </cfRule>
  </conditionalFormatting>
  <conditionalFormatting sqref="BE570">
    <cfRule type="expression" dxfId="7501" priority="9719">
      <formula>OR(BE$568&lt;&gt;"",BE$569&lt;&gt;"")</formula>
    </cfRule>
    <cfRule type="expression" dxfId="7500" priority="9720">
      <formula>AND(BE$568="",BE$569="")</formula>
    </cfRule>
  </conditionalFormatting>
  <conditionalFormatting sqref="BE571">
    <cfRule type="expression" dxfId="7499" priority="9717">
      <formula>OR(BE$568&lt;&gt;"",BE$569&lt;&gt;"")</formula>
    </cfRule>
    <cfRule type="expression" dxfId="7498" priority="9718">
      <formula>AND(BE$568="",BE$569="")</formula>
    </cfRule>
  </conditionalFormatting>
  <conditionalFormatting sqref="BF568:BF569">
    <cfRule type="expression" dxfId="7497" priority="9715">
      <formula>OR(BF$568&lt;&gt;"",BF$569&lt;&gt;"")</formula>
    </cfRule>
    <cfRule type="expression" dxfId="7496" priority="9716">
      <formula>AND(BF$568="",BF$569="")</formula>
    </cfRule>
  </conditionalFormatting>
  <conditionalFormatting sqref="BF570">
    <cfRule type="expression" dxfId="7495" priority="9713">
      <formula>OR(BF$568&lt;&gt;"",BF$569&lt;&gt;"")</formula>
    </cfRule>
    <cfRule type="expression" dxfId="7494" priority="9714">
      <formula>AND(BF$568="",BF$569="")</formula>
    </cfRule>
  </conditionalFormatting>
  <conditionalFormatting sqref="BF571">
    <cfRule type="expression" dxfId="7493" priority="9711">
      <formula>OR(BF$568&lt;&gt;"",BF$569&lt;&gt;"")</formula>
    </cfRule>
    <cfRule type="expression" dxfId="7492" priority="9712">
      <formula>AND(BF$568="",BF$569="")</formula>
    </cfRule>
  </conditionalFormatting>
  <conditionalFormatting sqref="BG568:BG569">
    <cfRule type="expression" dxfId="7491" priority="9709">
      <formula>OR(BG$568&lt;&gt;"",BG$569&lt;&gt;"")</formula>
    </cfRule>
    <cfRule type="expression" dxfId="7490" priority="9710">
      <formula>AND(BG$568="",BG$569="")</formula>
    </cfRule>
  </conditionalFormatting>
  <conditionalFormatting sqref="BG570">
    <cfRule type="expression" dxfId="7489" priority="9707">
      <formula>OR(BG$568&lt;&gt;"",BG$569&lt;&gt;"")</formula>
    </cfRule>
    <cfRule type="expression" dxfId="7488" priority="9708">
      <formula>AND(BG$568="",BG$569="")</formula>
    </cfRule>
  </conditionalFormatting>
  <conditionalFormatting sqref="BG571">
    <cfRule type="expression" dxfId="7487" priority="9705">
      <formula>OR(BG$568&lt;&gt;"",BG$569&lt;&gt;"")</formula>
    </cfRule>
    <cfRule type="expression" dxfId="7486" priority="9706">
      <formula>AND(BG$568="",BG$569="")</formula>
    </cfRule>
  </conditionalFormatting>
  <conditionalFormatting sqref="BH568:BH569">
    <cfRule type="expression" dxfId="7485" priority="9703">
      <formula>OR(BH$568&lt;&gt;"",BH$569&lt;&gt;"")</formula>
    </cfRule>
    <cfRule type="expression" dxfId="7484" priority="9704">
      <formula>AND(BH$568="",BH$569="")</formula>
    </cfRule>
  </conditionalFormatting>
  <conditionalFormatting sqref="BH570">
    <cfRule type="expression" dxfId="7483" priority="9701">
      <formula>OR(BH$568&lt;&gt;"",BH$569&lt;&gt;"")</formula>
    </cfRule>
    <cfRule type="expression" dxfId="7482" priority="9702">
      <formula>AND(BH$568="",BH$569="")</formula>
    </cfRule>
  </conditionalFormatting>
  <conditionalFormatting sqref="BH571">
    <cfRule type="expression" dxfId="7481" priority="9699">
      <formula>OR(BH$568&lt;&gt;"",BH$569&lt;&gt;"")</formula>
    </cfRule>
    <cfRule type="expression" dxfId="7480" priority="9700">
      <formula>AND(BH$568="",BH$569="")</formula>
    </cfRule>
  </conditionalFormatting>
  <conditionalFormatting sqref="BI568:BI569">
    <cfRule type="expression" dxfId="7479" priority="9697">
      <formula>OR(BI$568&lt;&gt;"",BI$569&lt;&gt;"")</formula>
    </cfRule>
    <cfRule type="expression" dxfId="7478" priority="9698">
      <formula>AND(BI$568="",BI$569="")</formula>
    </cfRule>
  </conditionalFormatting>
  <conditionalFormatting sqref="BI570">
    <cfRule type="expression" dxfId="7477" priority="9695">
      <formula>OR(BI$568&lt;&gt;"",BI$569&lt;&gt;"")</formula>
    </cfRule>
    <cfRule type="expression" dxfId="7476" priority="9696">
      <formula>AND(BI$568="",BI$569="")</formula>
    </cfRule>
  </conditionalFormatting>
  <conditionalFormatting sqref="BI571">
    <cfRule type="expression" dxfId="7475" priority="9693">
      <formula>OR(BI$568&lt;&gt;"",BI$569&lt;&gt;"")</formula>
    </cfRule>
    <cfRule type="expression" dxfId="7474" priority="9694">
      <formula>AND(BI$568="",BI$569="")</formula>
    </cfRule>
  </conditionalFormatting>
  <conditionalFormatting sqref="BJ568:BJ569">
    <cfRule type="expression" dxfId="7473" priority="9691">
      <formula>OR(BJ$568&lt;&gt;"",BJ$569&lt;&gt;"")</formula>
    </cfRule>
    <cfRule type="expression" dxfId="7472" priority="9692">
      <formula>AND(BJ$568="",BJ$569="")</formula>
    </cfRule>
  </conditionalFormatting>
  <conditionalFormatting sqref="BJ570">
    <cfRule type="expression" dxfId="7471" priority="9689">
      <formula>OR(BJ$568&lt;&gt;"",BJ$569&lt;&gt;"")</formula>
    </cfRule>
    <cfRule type="expression" dxfId="7470" priority="9690">
      <formula>AND(BJ$568="",BJ$569="")</formula>
    </cfRule>
  </conditionalFormatting>
  <conditionalFormatting sqref="BJ571">
    <cfRule type="expression" dxfId="7469" priority="9687">
      <formula>OR(BJ$568&lt;&gt;"",BJ$569&lt;&gt;"")</formula>
    </cfRule>
    <cfRule type="expression" dxfId="7468" priority="9688">
      <formula>AND(BJ$568="",BJ$569="")</formula>
    </cfRule>
  </conditionalFormatting>
  <conditionalFormatting sqref="BK568:BK569">
    <cfRule type="expression" dxfId="7467" priority="9685">
      <formula>OR(BK$568&lt;&gt;"",BK$569&lt;&gt;"")</formula>
    </cfRule>
    <cfRule type="expression" dxfId="7466" priority="9686">
      <formula>AND(BK$568="",BK$569="")</formula>
    </cfRule>
  </conditionalFormatting>
  <conditionalFormatting sqref="BK570">
    <cfRule type="expression" dxfId="7465" priority="9683">
      <formula>OR(BK$568&lt;&gt;"",BK$569&lt;&gt;"")</formula>
    </cfRule>
    <cfRule type="expression" dxfId="7464" priority="9684">
      <formula>AND(BK$568="",BK$569="")</formula>
    </cfRule>
  </conditionalFormatting>
  <conditionalFormatting sqref="BK571">
    <cfRule type="expression" dxfId="7463" priority="9681">
      <formula>OR(BK$568&lt;&gt;"",BK$569&lt;&gt;"")</formula>
    </cfRule>
    <cfRule type="expression" dxfId="7462" priority="9682">
      <formula>AND(BK$568="",BK$569="")</formula>
    </cfRule>
  </conditionalFormatting>
  <conditionalFormatting sqref="BL568:BL569">
    <cfRule type="expression" dxfId="7461" priority="9679">
      <formula>OR(BL$568&lt;&gt;"",BL$569&lt;&gt;"")</formula>
    </cfRule>
    <cfRule type="expression" dxfId="7460" priority="9680">
      <formula>AND(BL$568="",BL$569="")</formula>
    </cfRule>
  </conditionalFormatting>
  <conditionalFormatting sqref="BL570">
    <cfRule type="expression" dxfId="7459" priority="9677">
      <formula>OR(BL$568&lt;&gt;"",BL$569&lt;&gt;"")</formula>
    </cfRule>
    <cfRule type="expression" dxfId="7458" priority="9678">
      <formula>AND(BL$568="",BL$569="")</formula>
    </cfRule>
  </conditionalFormatting>
  <conditionalFormatting sqref="BL571">
    <cfRule type="expression" dxfId="7457" priority="9675">
      <formula>OR(BL$568&lt;&gt;"",BL$569&lt;&gt;"")</formula>
    </cfRule>
    <cfRule type="expression" dxfId="7456" priority="9676">
      <formula>AND(BL$568="",BL$569="")</formula>
    </cfRule>
  </conditionalFormatting>
  <conditionalFormatting sqref="BM568:BM569">
    <cfRule type="expression" dxfId="7455" priority="9673">
      <formula>OR(BM$568&lt;&gt;"",BM$569&lt;&gt;"")</formula>
    </cfRule>
    <cfRule type="expression" dxfId="7454" priority="9674">
      <formula>AND(BM$568="",BM$569="")</formula>
    </cfRule>
  </conditionalFormatting>
  <conditionalFormatting sqref="BM570">
    <cfRule type="expression" dxfId="7453" priority="9671">
      <formula>OR(BM$568&lt;&gt;"",BM$569&lt;&gt;"")</formula>
    </cfRule>
    <cfRule type="expression" dxfId="7452" priority="9672">
      <formula>AND(BM$568="",BM$569="")</formula>
    </cfRule>
  </conditionalFormatting>
  <conditionalFormatting sqref="BM571">
    <cfRule type="expression" dxfId="7451" priority="9669">
      <formula>OR(BM$568&lt;&gt;"",BM$569&lt;&gt;"")</formula>
    </cfRule>
    <cfRule type="expression" dxfId="7450" priority="9670">
      <formula>AND(BM$568="",BM$569="")</formula>
    </cfRule>
  </conditionalFormatting>
  <conditionalFormatting sqref="BN568:BN569">
    <cfRule type="expression" dxfId="7449" priority="9667">
      <formula>OR(BN$568&lt;&gt;"",BN$569&lt;&gt;"")</formula>
    </cfRule>
    <cfRule type="expression" dxfId="7448" priority="9668">
      <formula>AND(BN$568="",BN$569="")</formula>
    </cfRule>
  </conditionalFormatting>
  <conditionalFormatting sqref="BN570">
    <cfRule type="expression" dxfId="7447" priority="9665">
      <formula>OR(BN$568&lt;&gt;"",BN$569&lt;&gt;"")</formula>
    </cfRule>
    <cfRule type="expression" dxfId="7446" priority="9666">
      <formula>AND(BN$568="",BN$569="")</formula>
    </cfRule>
  </conditionalFormatting>
  <conditionalFormatting sqref="BN571">
    <cfRule type="expression" dxfId="7445" priority="9663">
      <formula>OR(BN$568&lt;&gt;"",BN$569&lt;&gt;"")</formula>
    </cfRule>
    <cfRule type="expression" dxfId="7444" priority="9664">
      <formula>AND(BN$568="",BN$569="")</formula>
    </cfRule>
  </conditionalFormatting>
  <conditionalFormatting sqref="BO568:BO569">
    <cfRule type="expression" dxfId="7443" priority="9661">
      <formula>OR(BO$568&lt;&gt;"",BO$569&lt;&gt;"")</formula>
    </cfRule>
    <cfRule type="expression" dxfId="7442" priority="9662">
      <formula>AND(BO$568="",BO$569="")</formula>
    </cfRule>
  </conditionalFormatting>
  <conditionalFormatting sqref="BO570">
    <cfRule type="expression" dxfId="7441" priority="9659">
      <formula>OR(BO$568&lt;&gt;"",BO$569&lt;&gt;"")</formula>
    </cfRule>
    <cfRule type="expression" dxfId="7440" priority="9660">
      <formula>AND(BO$568="",BO$569="")</formula>
    </cfRule>
  </conditionalFormatting>
  <conditionalFormatting sqref="BO571">
    <cfRule type="expression" dxfId="7439" priority="9657">
      <formula>OR(BO$568&lt;&gt;"",BO$569&lt;&gt;"")</formula>
    </cfRule>
    <cfRule type="expression" dxfId="7438" priority="9658">
      <formula>AND(BO$568="",BO$569="")</formula>
    </cfRule>
  </conditionalFormatting>
  <conditionalFormatting sqref="BP568:BP569">
    <cfRule type="expression" dxfId="7437" priority="9655">
      <formula>OR(BP$568&lt;&gt;"",BP$569&lt;&gt;"")</formula>
    </cfRule>
    <cfRule type="expression" dxfId="7436" priority="9656">
      <formula>AND(BP$568="",BP$569="")</formula>
    </cfRule>
  </conditionalFormatting>
  <conditionalFormatting sqref="BP570">
    <cfRule type="expression" dxfId="7435" priority="9653">
      <formula>OR(BP$568&lt;&gt;"",BP$569&lt;&gt;"")</formula>
    </cfRule>
    <cfRule type="expression" dxfId="7434" priority="9654">
      <formula>AND(BP$568="",BP$569="")</formula>
    </cfRule>
  </conditionalFormatting>
  <conditionalFormatting sqref="BP571">
    <cfRule type="expression" dxfId="7433" priority="9651">
      <formula>OR(BP$568&lt;&gt;"",BP$569&lt;&gt;"")</formula>
    </cfRule>
    <cfRule type="expression" dxfId="7432" priority="9652">
      <formula>AND(BP$568="",BP$569="")</formula>
    </cfRule>
  </conditionalFormatting>
  <conditionalFormatting sqref="BQ568:BQ569">
    <cfRule type="expression" dxfId="7431" priority="9649">
      <formula>OR(BQ$568&lt;&gt;"",BQ$569&lt;&gt;"")</formula>
    </cfRule>
    <cfRule type="expression" dxfId="7430" priority="9650">
      <formula>AND(BQ$568="",BQ$569="")</formula>
    </cfRule>
  </conditionalFormatting>
  <conditionalFormatting sqref="BQ570">
    <cfRule type="expression" dxfId="7429" priority="9647">
      <formula>OR(BQ$568&lt;&gt;"",BQ$569&lt;&gt;"")</formula>
    </cfRule>
    <cfRule type="expression" dxfId="7428" priority="9648">
      <formula>AND(BQ$568="",BQ$569="")</formula>
    </cfRule>
  </conditionalFormatting>
  <conditionalFormatting sqref="BQ571">
    <cfRule type="expression" dxfId="7427" priority="9645">
      <formula>OR(BQ$568&lt;&gt;"",BQ$569&lt;&gt;"")</formula>
    </cfRule>
    <cfRule type="expression" dxfId="7426" priority="9646">
      <formula>AND(BQ$568="",BQ$569="")</formula>
    </cfRule>
  </conditionalFormatting>
  <conditionalFormatting sqref="BR568:BR569">
    <cfRule type="expression" dxfId="7425" priority="9643">
      <formula>OR(BR$568&lt;&gt;"",BR$569&lt;&gt;"")</formula>
    </cfRule>
    <cfRule type="expression" dxfId="7424" priority="9644">
      <formula>AND(BR$568="",BR$569="")</formula>
    </cfRule>
  </conditionalFormatting>
  <conditionalFormatting sqref="BR570">
    <cfRule type="expression" dxfId="7423" priority="9641">
      <formula>OR(BR$568&lt;&gt;"",BR$569&lt;&gt;"")</formula>
    </cfRule>
    <cfRule type="expression" dxfId="7422" priority="9642">
      <formula>AND(BR$568="",BR$569="")</formula>
    </cfRule>
  </conditionalFormatting>
  <conditionalFormatting sqref="BR571">
    <cfRule type="expression" dxfId="7421" priority="9639">
      <formula>OR(BR$568&lt;&gt;"",BR$569&lt;&gt;"")</formula>
    </cfRule>
    <cfRule type="expression" dxfId="7420" priority="9640">
      <formula>AND(BR$568="",BR$569="")</formula>
    </cfRule>
  </conditionalFormatting>
  <conditionalFormatting sqref="BS568:BS569">
    <cfRule type="expression" dxfId="7419" priority="9637">
      <formula>OR(BS$568&lt;&gt;"",BS$569&lt;&gt;"")</formula>
    </cfRule>
    <cfRule type="expression" dxfId="7418" priority="9638">
      <formula>AND(BS$568="",BS$569="")</formula>
    </cfRule>
  </conditionalFormatting>
  <conditionalFormatting sqref="BS570">
    <cfRule type="expression" dxfId="7417" priority="9635">
      <formula>OR(BS$568&lt;&gt;"",BS$569&lt;&gt;"")</formula>
    </cfRule>
    <cfRule type="expression" dxfId="7416" priority="9636">
      <formula>AND(BS$568="",BS$569="")</formula>
    </cfRule>
  </conditionalFormatting>
  <conditionalFormatting sqref="BS571">
    <cfRule type="expression" dxfId="7415" priority="9633">
      <formula>OR(BS$568&lt;&gt;"",BS$569&lt;&gt;"")</formula>
    </cfRule>
    <cfRule type="expression" dxfId="7414" priority="9634">
      <formula>AND(BS$568="",BS$569="")</formula>
    </cfRule>
  </conditionalFormatting>
  <conditionalFormatting sqref="M572:M577">
    <cfRule type="expression" dxfId="7413" priority="9631">
      <formula>OR($M$568&lt;&gt;"",$M$569&lt;&gt;"")</formula>
    </cfRule>
    <cfRule type="expression" dxfId="7412" priority="9632">
      <formula>AND($M$568="",$M$569="")</formula>
    </cfRule>
  </conditionalFormatting>
  <conditionalFormatting sqref="N572:N577">
    <cfRule type="expression" dxfId="7411" priority="9629">
      <formula>OR(N$568&lt;&gt;"",N$569&lt;&gt;"")</formula>
    </cfRule>
    <cfRule type="expression" dxfId="7410" priority="9630">
      <formula>AND(N$568="",N$569="")</formula>
    </cfRule>
  </conditionalFormatting>
  <conditionalFormatting sqref="M578">
    <cfRule type="expression" dxfId="7409" priority="9627">
      <formula>OR($M$568&lt;&gt;"",$M$569&lt;&gt;"")</formula>
    </cfRule>
    <cfRule type="expression" dxfId="7408" priority="9628">
      <formula>AND($M$568="",$M$569="")</formula>
    </cfRule>
  </conditionalFormatting>
  <conditionalFormatting sqref="N578">
    <cfRule type="expression" dxfId="7407" priority="9625">
      <formula>OR(N$568&lt;&gt;"",N$569&lt;&gt;"")</formula>
    </cfRule>
    <cfRule type="expression" dxfId="7406" priority="9626">
      <formula>AND(N$568="",N$569="")</formula>
    </cfRule>
  </conditionalFormatting>
  <conditionalFormatting sqref="M579:M584">
    <cfRule type="expression" dxfId="7405" priority="9623">
      <formula>OR($M$568&lt;&gt;"",$M$569&lt;&gt;"")</formula>
    </cfRule>
    <cfRule type="expression" dxfId="7404" priority="9624">
      <formula>AND($M$568="",$M$569="")</formula>
    </cfRule>
  </conditionalFormatting>
  <conditionalFormatting sqref="N579:N584">
    <cfRule type="expression" dxfId="7403" priority="9621">
      <formula>OR(N$568&lt;&gt;"",N$569&lt;&gt;"")</formula>
    </cfRule>
    <cfRule type="expression" dxfId="7402" priority="9622">
      <formula>AND(N$568="",N$569="")</formula>
    </cfRule>
  </conditionalFormatting>
  <conditionalFormatting sqref="M586:M591">
    <cfRule type="expression" dxfId="7401" priority="9619">
      <formula>OR($M$568&lt;&gt;"",$M$569&lt;&gt;"")</formula>
    </cfRule>
    <cfRule type="expression" dxfId="7400" priority="9620">
      <formula>AND($M$568="",$M$569="")</formula>
    </cfRule>
  </conditionalFormatting>
  <conditionalFormatting sqref="N586:N591">
    <cfRule type="expression" dxfId="7399" priority="9617">
      <formula>OR(N$568&lt;&gt;"",N$569&lt;&gt;"")</formula>
    </cfRule>
    <cfRule type="expression" dxfId="7398" priority="9618">
      <formula>AND(N$568="",N$569="")</formula>
    </cfRule>
  </conditionalFormatting>
  <conditionalFormatting sqref="M585">
    <cfRule type="expression" dxfId="7397" priority="9615">
      <formula>OR($M$568&lt;&gt;"",$M$569&lt;&gt;"")</formula>
    </cfRule>
    <cfRule type="expression" dxfId="7396" priority="9616">
      <formula>AND($M$568="",$M$569="")</formula>
    </cfRule>
  </conditionalFormatting>
  <conditionalFormatting sqref="N585">
    <cfRule type="expression" dxfId="7395" priority="9613">
      <formula>OR(N$568&lt;&gt;"",N$569&lt;&gt;"")</formula>
    </cfRule>
    <cfRule type="expression" dxfId="7394" priority="9614">
      <formula>AND(N$568="",N$569="")</formula>
    </cfRule>
  </conditionalFormatting>
  <conditionalFormatting sqref="O572:O577">
    <cfRule type="expression" dxfId="7393" priority="9611">
      <formula>OR(O$568&lt;&gt;"",O$569&lt;&gt;"")</formula>
    </cfRule>
    <cfRule type="expression" dxfId="7392" priority="9612">
      <formula>AND(O$568="",O$569="")</formula>
    </cfRule>
  </conditionalFormatting>
  <conditionalFormatting sqref="O578">
    <cfRule type="expression" dxfId="7391" priority="9609">
      <formula>OR(O$568&lt;&gt;"",O$569&lt;&gt;"")</formula>
    </cfRule>
    <cfRule type="expression" dxfId="7390" priority="9610">
      <formula>AND(O$568="",O$569="")</formula>
    </cfRule>
  </conditionalFormatting>
  <conditionalFormatting sqref="O579:O584">
    <cfRule type="expression" dxfId="7389" priority="9607">
      <formula>OR(O$568&lt;&gt;"",O$569&lt;&gt;"")</formula>
    </cfRule>
    <cfRule type="expression" dxfId="7388" priority="9608">
      <formula>AND(O$568="",O$569="")</formula>
    </cfRule>
  </conditionalFormatting>
  <conditionalFormatting sqref="O586:O591">
    <cfRule type="expression" dxfId="7387" priority="9605">
      <formula>OR(O$568&lt;&gt;"",O$569&lt;&gt;"")</formula>
    </cfRule>
    <cfRule type="expression" dxfId="7386" priority="9606">
      <formula>AND(O$568="",O$569="")</formula>
    </cfRule>
  </conditionalFormatting>
  <conditionalFormatting sqref="O585">
    <cfRule type="expression" dxfId="7385" priority="9603">
      <formula>OR(O$568&lt;&gt;"",O$569&lt;&gt;"")</formula>
    </cfRule>
    <cfRule type="expression" dxfId="7384" priority="9604">
      <formula>AND(O$568="",O$569="")</formula>
    </cfRule>
  </conditionalFormatting>
  <conditionalFormatting sqref="P572:P577">
    <cfRule type="expression" dxfId="7383" priority="9601">
      <formula>OR(P$568&lt;&gt;"",P$569&lt;&gt;"")</formula>
    </cfRule>
    <cfRule type="expression" dxfId="7382" priority="9602">
      <formula>AND(P$568="",P$569="")</formula>
    </cfRule>
  </conditionalFormatting>
  <conditionalFormatting sqref="P578">
    <cfRule type="expression" dxfId="7381" priority="9599">
      <formula>OR(P$568&lt;&gt;"",P$569&lt;&gt;"")</formula>
    </cfRule>
    <cfRule type="expression" dxfId="7380" priority="9600">
      <formula>AND(P$568="",P$569="")</formula>
    </cfRule>
  </conditionalFormatting>
  <conditionalFormatting sqref="P579:P584">
    <cfRule type="expression" dxfId="7379" priority="9597">
      <formula>OR(P$568&lt;&gt;"",P$569&lt;&gt;"")</formula>
    </cfRule>
    <cfRule type="expression" dxfId="7378" priority="9598">
      <formula>AND(P$568="",P$569="")</formula>
    </cfRule>
  </conditionalFormatting>
  <conditionalFormatting sqref="P586:P591">
    <cfRule type="expression" dxfId="7377" priority="9595">
      <formula>OR(P$568&lt;&gt;"",P$569&lt;&gt;"")</formula>
    </cfRule>
    <cfRule type="expression" dxfId="7376" priority="9596">
      <formula>AND(P$568="",P$569="")</formula>
    </cfRule>
  </conditionalFormatting>
  <conditionalFormatting sqref="P585">
    <cfRule type="expression" dxfId="7375" priority="9593">
      <formula>OR(P$568&lt;&gt;"",P$569&lt;&gt;"")</formula>
    </cfRule>
    <cfRule type="expression" dxfId="7374" priority="9594">
      <formula>AND(P$568="",P$569="")</formula>
    </cfRule>
  </conditionalFormatting>
  <conditionalFormatting sqref="Q572:Q577">
    <cfRule type="expression" dxfId="7373" priority="9591">
      <formula>OR(Q$568&lt;&gt;"",Q$569&lt;&gt;"")</formula>
    </cfRule>
    <cfRule type="expression" dxfId="7372" priority="9592">
      <formula>AND(Q$568="",Q$569="")</formula>
    </cfRule>
  </conditionalFormatting>
  <conditionalFormatting sqref="Q578">
    <cfRule type="expression" dxfId="7371" priority="9589">
      <formula>OR(Q$568&lt;&gt;"",Q$569&lt;&gt;"")</formula>
    </cfRule>
    <cfRule type="expression" dxfId="7370" priority="9590">
      <formula>AND(Q$568="",Q$569="")</formula>
    </cfRule>
  </conditionalFormatting>
  <conditionalFormatting sqref="Q579:Q584">
    <cfRule type="expression" dxfId="7369" priority="9587">
      <formula>OR(Q$568&lt;&gt;"",Q$569&lt;&gt;"")</formula>
    </cfRule>
    <cfRule type="expression" dxfId="7368" priority="9588">
      <formula>AND(Q$568="",Q$569="")</formula>
    </cfRule>
  </conditionalFormatting>
  <conditionalFormatting sqref="Q586:Q591">
    <cfRule type="expression" dxfId="7367" priority="9585">
      <formula>OR(Q$568&lt;&gt;"",Q$569&lt;&gt;"")</formula>
    </cfRule>
    <cfRule type="expression" dxfId="7366" priority="9586">
      <formula>AND(Q$568="",Q$569="")</formula>
    </cfRule>
  </conditionalFormatting>
  <conditionalFormatting sqref="Q585">
    <cfRule type="expression" dxfId="7365" priority="9583">
      <formula>OR(Q$568&lt;&gt;"",Q$569&lt;&gt;"")</formula>
    </cfRule>
    <cfRule type="expression" dxfId="7364" priority="9584">
      <formula>AND(Q$568="",Q$569="")</formula>
    </cfRule>
  </conditionalFormatting>
  <conditionalFormatting sqref="R572:R577">
    <cfRule type="expression" dxfId="7363" priority="9581">
      <formula>OR(R$568&lt;&gt;"",R$569&lt;&gt;"")</formula>
    </cfRule>
    <cfRule type="expression" dxfId="7362" priority="9582">
      <formula>AND(R$568="",R$569="")</formula>
    </cfRule>
  </conditionalFormatting>
  <conditionalFormatting sqref="R578">
    <cfRule type="expression" dxfId="7361" priority="9579">
      <formula>OR(R$568&lt;&gt;"",R$569&lt;&gt;"")</formula>
    </cfRule>
    <cfRule type="expression" dxfId="7360" priority="9580">
      <formula>AND(R$568="",R$569="")</formula>
    </cfRule>
  </conditionalFormatting>
  <conditionalFormatting sqref="R579:R584">
    <cfRule type="expression" dxfId="7359" priority="9577">
      <formula>OR(R$568&lt;&gt;"",R$569&lt;&gt;"")</formula>
    </cfRule>
    <cfRule type="expression" dxfId="7358" priority="9578">
      <formula>AND(R$568="",R$569="")</formula>
    </cfRule>
  </conditionalFormatting>
  <conditionalFormatting sqref="R586:R591">
    <cfRule type="expression" dxfId="7357" priority="9575">
      <formula>OR(R$568&lt;&gt;"",R$569&lt;&gt;"")</formula>
    </cfRule>
    <cfRule type="expression" dxfId="7356" priority="9576">
      <formula>AND(R$568="",R$569="")</formula>
    </cfRule>
  </conditionalFormatting>
  <conditionalFormatting sqref="R585">
    <cfRule type="expression" dxfId="7355" priority="9573">
      <formula>OR(R$568&lt;&gt;"",R$569&lt;&gt;"")</formula>
    </cfRule>
    <cfRule type="expression" dxfId="7354" priority="9574">
      <formula>AND(R$568="",R$569="")</formula>
    </cfRule>
  </conditionalFormatting>
  <conditionalFormatting sqref="S572:S577">
    <cfRule type="expression" dxfId="7353" priority="9571">
      <formula>OR(S$568&lt;&gt;"",S$569&lt;&gt;"")</formula>
    </cfRule>
    <cfRule type="expression" dxfId="7352" priority="9572">
      <formula>AND(S$568="",S$569="")</formula>
    </cfRule>
  </conditionalFormatting>
  <conditionalFormatting sqref="S578">
    <cfRule type="expression" dxfId="7351" priority="9569">
      <formula>OR(S$568&lt;&gt;"",S$569&lt;&gt;"")</formula>
    </cfRule>
    <cfRule type="expression" dxfId="7350" priority="9570">
      <formula>AND(S$568="",S$569="")</formula>
    </cfRule>
  </conditionalFormatting>
  <conditionalFormatting sqref="S579:S584">
    <cfRule type="expression" dxfId="7349" priority="9567">
      <formula>OR(S$568&lt;&gt;"",S$569&lt;&gt;"")</formula>
    </cfRule>
    <cfRule type="expression" dxfId="7348" priority="9568">
      <formula>AND(S$568="",S$569="")</formula>
    </cfRule>
  </conditionalFormatting>
  <conditionalFormatting sqref="S586:S591">
    <cfRule type="expression" dxfId="7347" priority="9565">
      <formula>OR(S$568&lt;&gt;"",S$569&lt;&gt;"")</formula>
    </cfRule>
    <cfRule type="expression" dxfId="7346" priority="9566">
      <formula>AND(S$568="",S$569="")</formula>
    </cfRule>
  </conditionalFormatting>
  <conditionalFormatting sqref="S585">
    <cfRule type="expression" dxfId="7345" priority="9563">
      <formula>OR(S$568&lt;&gt;"",S$569&lt;&gt;"")</formula>
    </cfRule>
    <cfRule type="expression" dxfId="7344" priority="9564">
      <formula>AND(S$568="",S$569="")</formula>
    </cfRule>
  </conditionalFormatting>
  <conditionalFormatting sqref="T572:T577">
    <cfRule type="expression" dxfId="7343" priority="9561">
      <formula>OR(T$568&lt;&gt;"",T$569&lt;&gt;"")</formula>
    </cfRule>
    <cfRule type="expression" dxfId="7342" priority="9562">
      <formula>AND(T$568="",T$569="")</formula>
    </cfRule>
  </conditionalFormatting>
  <conditionalFormatting sqref="T578">
    <cfRule type="expression" dxfId="7341" priority="9559">
      <formula>OR(T$568&lt;&gt;"",T$569&lt;&gt;"")</formula>
    </cfRule>
    <cfRule type="expression" dxfId="7340" priority="9560">
      <formula>AND(T$568="",T$569="")</formula>
    </cfRule>
  </conditionalFormatting>
  <conditionalFormatting sqref="T579:T584">
    <cfRule type="expression" dxfId="7339" priority="9557">
      <formula>OR(T$568&lt;&gt;"",T$569&lt;&gt;"")</formula>
    </cfRule>
    <cfRule type="expression" dxfId="7338" priority="9558">
      <formula>AND(T$568="",T$569="")</formula>
    </cfRule>
  </conditionalFormatting>
  <conditionalFormatting sqref="T586:T591">
    <cfRule type="expression" dxfId="7337" priority="9555">
      <formula>OR(T$568&lt;&gt;"",T$569&lt;&gt;"")</formula>
    </cfRule>
    <cfRule type="expression" dxfId="7336" priority="9556">
      <formula>AND(T$568="",T$569="")</formula>
    </cfRule>
  </conditionalFormatting>
  <conditionalFormatting sqref="T585">
    <cfRule type="expression" dxfId="7335" priority="9553">
      <formula>OR(T$568&lt;&gt;"",T$569&lt;&gt;"")</formula>
    </cfRule>
    <cfRule type="expression" dxfId="7334" priority="9554">
      <formula>AND(T$568="",T$569="")</formula>
    </cfRule>
  </conditionalFormatting>
  <conditionalFormatting sqref="U572:U577">
    <cfRule type="expression" dxfId="7333" priority="9551">
      <formula>OR(U$568&lt;&gt;"",U$569&lt;&gt;"")</formula>
    </cfRule>
    <cfRule type="expression" dxfId="7332" priority="9552">
      <formula>AND(U$568="",U$569="")</formula>
    </cfRule>
  </conditionalFormatting>
  <conditionalFormatting sqref="U578">
    <cfRule type="expression" dxfId="7331" priority="9549">
      <formula>OR(U$568&lt;&gt;"",U$569&lt;&gt;"")</formula>
    </cfRule>
    <cfRule type="expression" dxfId="7330" priority="9550">
      <formula>AND(U$568="",U$569="")</formula>
    </cfRule>
  </conditionalFormatting>
  <conditionalFormatting sqref="U579:U584">
    <cfRule type="expression" dxfId="7329" priority="9547">
      <formula>OR(U$568&lt;&gt;"",U$569&lt;&gt;"")</formula>
    </cfRule>
    <cfRule type="expression" dxfId="7328" priority="9548">
      <formula>AND(U$568="",U$569="")</formula>
    </cfRule>
  </conditionalFormatting>
  <conditionalFormatting sqref="U586:U591">
    <cfRule type="expression" dxfId="7327" priority="9545">
      <formula>OR(U$568&lt;&gt;"",U$569&lt;&gt;"")</formula>
    </cfRule>
    <cfRule type="expression" dxfId="7326" priority="9546">
      <formula>AND(U$568="",U$569="")</formula>
    </cfRule>
  </conditionalFormatting>
  <conditionalFormatting sqref="U585">
    <cfRule type="expression" dxfId="7325" priority="9543">
      <formula>OR(U$568&lt;&gt;"",U$569&lt;&gt;"")</formula>
    </cfRule>
    <cfRule type="expression" dxfId="7324" priority="9544">
      <formula>AND(U$568="",U$569="")</formula>
    </cfRule>
  </conditionalFormatting>
  <conditionalFormatting sqref="V572:V577">
    <cfRule type="expression" dxfId="7323" priority="9541">
      <formula>OR(V$568&lt;&gt;"",V$569&lt;&gt;"")</formula>
    </cfRule>
    <cfRule type="expression" dxfId="7322" priority="9542">
      <formula>AND(V$568="",V$569="")</formula>
    </cfRule>
  </conditionalFormatting>
  <conditionalFormatting sqref="V578">
    <cfRule type="expression" dxfId="7321" priority="9539">
      <formula>OR(V$568&lt;&gt;"",V$569&lt;&gt;"")</formula>
    </cfRule>
    <cfRule type="expression" dxfId="7320" priority="9540">
      <formula>AND(V$568="",V$569="")</formula>
    </cfRule>
  </conditionalFormatting>
  <conditionalFormatting sqref="V579:V584">
    <cfRule type="expression" dxfId="7319" priority="9537">
      <formula>OR(V$568&lt;&gt;"",V$569&lt;&gt;"")</formula>
    </cfRule>
    <cfRule type="expression" dxfId="7318" priority="9538">
      <formula>AND(V$568="",V$569="")</formula>
    </cfRule>
  </conditionalFormatting>
  <conditionalFormatting sqref="V586:V591">
    <cfRule type="expression" dxfId="7317" priority="9535">
      <formula>OR(V$568&lt;&gt;"",V$569&lt;&gt;"")</formula>
    </cfRule>
    <cfRule type="expression" dxfId="7316" priority="9536">
      <formula>AND(V$568="",V$569="")</formula>
    </cfRule>
  </conditionalFormatting>
  <conditionalFormatting sqref="V585">
    <cfRule type="expression" dxfId="7315" priority="9533">
      <formula>OR(V$568&lt;&gt;"",V$569&lt;&gt;"")</formula>
    </cfRule>
    <cfRule type="expression" dxfId="7314" priority="9534">
      <formula>AND(V$568="",V$569="")</formula>
    </cfRule>
  </conditionalFormatting>
  <conditionalFormatting sqref="W572:W577">
    <cfRule type="expression" dxfId="7313" priority="9531">
      <formula>OR(W$568&lt;&gt;"",W$569&lt;&gt;"")</formula>
    </cfRule>
    <cfRule type="expression" dxfId="7312" priority="9532">
      <formula>AND(W$568="",W$569="")</formula>
    </cfRule>
  </conditionalFormatting>
  <conditionalFormatting sqref="W578">
    <cfRule type="expression" dxfId="7311" priority="9529">
      <formula>OR(W$568&lt;&gt;"",W$569&lt;&gt;"")</formula>
    </cfRule>
    <cfRule type="expression" dxfId="7310" priority="9530">
      <formula>AND(W$568="",W$569="")</formula>
    </cfRule>
  </conditionalFormatting>
  <conditionalFormatting sqref="W579:W584">
    <cfRule type="expression" dxfId="7309" priority="9527">
      <formula>OR(W$568&lt;&gt;"",W$569&lt;&gt;"")</formula>
    </cfRule>
    <cfRule type="expression" dxfId="7308" priority="9528">
      <formula>AND(W$568="",W$569="")</formula>
    </cfRule>
  </conditionalFormatting>
  <conditionalFormatting sqref="W586:W591">
    <cfRule type="expression" dxfId="7307" priority="9525">
      <formula>OR(W$568&lt;&gt;"",W$569&lt;&gt;"")</formula>
    </cfRule>
    <cfRule type="expression" dxfId="7306" priority="9526">
      <formula>AND(W$568="",W$569="")</formula>
    </cfRule>
  </conditionalFormatting>
  <conditionalFormatting sqref="W585">
    <cfRule type="expression" dxfId="7305" priority="9523">
      <formula>OR(W$568&lt;&gt;"",W$569&lt;&gt;"")</formula>
    </cfRule>
    <cfRule type="expression" dxfId="7304" priority="9524">
      <formula>AND(W$568="",W$569="")</formula>
    </cfRule>
  </conditionalFormatting>
  <conditionalFormatting sqref="X572:X577">
    <cfRule type="expression" dxfId="7303" priority="9521">
      <formula>OR(X$568&lt;&gt;"",X$569&lt;&gt;"")</formula>
    </cfRule>
    <cfRule type="expression" dxfId="7302" priority="9522">
      <formula>AND(X$568="",X$569="")</formula>
    </cfRule>
  </conditionalFormatting>
  <conditionalFormatting sqref="X578">
    <cfRule type="expression" dxfId="7301" priority="9519">
      <formula>OR(X$568&lt;&gt;"",X$569&lt;&gt;"")</formula>
    </cfRule>
    <cfRule type="expression" dxfId="7300" priority="9520">
      <formula>AND(X$568="",X$569="")</formula>
    </cfRule>
  </conditionalFormatting>
  <conditionalFormatting sqref="X579:X584">
    <cfRule type="expression" dxfId="7299" priority="9517">
      <formula>OR(X$568&lt;&gt;"",X$569&lt;&gt;"")</formula>
    </cfRule>
    <cfRule type="expression" dxfId="7298" priority="9518">
      <formula>AND(X$568="",X$569="")</formula>
    </cfRule>
  </conditionalFormatting>
  <conditionalFormatting sqref="X586:X591">
    <cfRule type="expression" dxfId="7297" priority="9515">
      <formula>OR(X$568&lt;&gt;"",X$569&lt;&gt;"")</formula>
    </cfRule>
    <cfRule type="expression" dxfId="7296" priority="9516">
      <formula>AND(X$568="",X$569="")</formula>
    </cfRule>
  </conditionalFormatting>
  <conditionalFormatting sqref="X585">
    <cfRule type="expression" dxfId="7295" priority="9513">
      <formula>OR(X$568&lt;&gt;"",X$569&lt;&gt;"")</formula>
    </cfRule>
    <cfRule type="expression" dxfId="7294" priority="9514">
      <formula>AND(X$568="",X$569="")</formula>
    </cfRule>
  </conditionalFormatting>
  <conditionalFormatting sqref="Y572:Y577">
    <cfRule type="expression" dxfId="7293" priority="9511">
      <formula>OR(Y$568&lt;&gt;"",Y$569&lt;&gt;"")</formula>
    </cfRule>
    <cfRule type="expression" dxfId="7292" priority="9512">
      <formula>AND(Y$568="",Y$569="")</formula>
    </cfRule>
  </conditionalFormatting>
  <conditionalFormatting sqref="Y578">
    <cfRule type="expression" dxfId="7291" priority="9509">
      <formula>OR(Y$568&lt;&gt;"",Y$569&lt;&gt;"")</formula>
    </cfRule>
    <cfRule type="expression" dxfId="7290" priority="9510">
      <formula>AND(Y$568="",Y$569="")</formula>
    </cfRule>
  </conditionalFormatting>
  <conditionalFormatting sqref="Y579:Y584">
    <cfRule type="expression" dxfId="7289" priority="9507">
      <formula>OR(Y$568&lt;&gt;"",Y$569&lt;&gt;"")</formula>
    </cfRule>
    <cfRule type="expression" dxfId="7288" priority="9508">
      <formula>AND(Y$568="",Y$569="")</formula>
    </cfRule>
  </conditionalFormatting>
  <conditionalFormatting sqref="Y586:Y591">
    <cfRule type="expression" dxfId="7287" priority="9505">
      <formula>OR(Y$568&lt;&gt;"",Y$569&lt;&gt;"")</formula>
    </cfRule>
    <cfRule type="expression" dxfId="7286" priority="9506">
      <formula>AND(Y$568="",Y$569="")</formula>
    </cfRule>
  </conditionalFormatting>
  <conditionalFormatting sqref="Y585">
    <cfRule type="expression" dxfId="7285" priority="9503">
      <formula>OR(Y$568&lt;&gt;"",Y$569&lt;&gt;"")</formula>
    </cfRule>
    <cfRule type="expression" dxfId="7284" priority="9504">
      <formula>AND(Y$568="",Y$569="")</formula>
    </cfRule>
  </conditionalFormatting>
  <conditionalFormatting sqref="Z572:Z577">
    <cfRule type="expression" dxfId="7283" priority="9501">
      <formula>OR(Z$568&lt;&gt;"",Z$569&lt;&gt;"")</formula>
    </cfRule>
    <cfRule type="expression" dxfId="7282" priority="9502">
      <formula>AND(Z$568="",Z$569="")</formula>
    </cfRule>
  </conditionalFormatting>
  <conditionalFormatting sqref="Z578">
    <cfRule type="expression" dxfId="7281" priority="9499">
      <formula>OR(Z$568&lt;&gt;"",Z$569&lt;&gt;"")</formula>
    </cfRule>
    <cfRule type="expression" dxfId="7280" priority="9500">
      <formula>AND(Z$568="",Z$569="")</formula>
    </cfRule>
  </conditionalFormatting>
  <conditionalFormatting sqref="Z579:Z584">
    <cfRule type="expression" dxfId="7279" priority="9497">
      <formula>OR(Z$568&lt;&gt;"",Z$569&lt;&gt;"")</formula>
    </cfRule>
    <cfRule type="expression" dxfId="7278" priority="9498">
      <formula>AND(Z$568="",Z$569="")</formula>
    </cfRule>
  </conditionalFormatting>
  <conditionalFormatting sqref="Z586:Z591">
    <cfRule type="expression" dxfId="7277" priority="9495">
      <formula>OR(Z$568&lt;&gt;"",Z$569&lt;&gt;"")</formula>
    </cfRule>
    <cfRule type="expression" dxfId="7276" priority="9496">
      <formula>AND(Z$568="",Z$569="")</formula>
    </cfRule>
  </conditionalFormatting>
  <conditionalFormatting sqref="Z585">
    <cfRule type="expression" dxfId="7275" priority="9493">
      <formula>OR(Z$568&lt;&gt;"",Z$569&lt;&gt;"")</formula>
    </cfRule>
    <cfRule type="expression" dxfId="7274" priority="9494">
      <formula>AND(Z$568="",Z$569="")</formula>
    </cfRule>
  </conditionalFormatting>
  <conditionalFormatting sqref="AA572:AA577">
    <cfRule type="expression" dxfId="7273" priority="9491">
      <formula>OR(AA$568&lt;&gt;"",AA$569&lt;&gt;"")</formula>
    </cfRule>
    <cfRule type="expression" dxfId="7272" priority="9492">
      <formula>AND(AA$568="",AA$569="")</formula>
    </cfRule>
  </conditionalFormatting>
  <conditionalFormatting sqref="AA578">
    <cfRule type="expression" dxfId="7271" priority="9489">
      <formula>OR(AA$568&lt;&gt;"",AA$569&lt;&gt;"")</formula>
    </cfRule>
    <cfRule type="expression" dxfId="7270" priority="9490">
      <formula>AND(AA$568="",AA$569="")</formula>
    </cfRule>
  </conditionalFormatting>
  <conditionalFormatting sqref="AA579:AA584">
    <cfRule type="expression" dxfId="7269" priority="9487">
      <formula>OR(AA$568&lt;&gt;"",AA$569&lt;&gt;"")</formula>
    </cfRule>
    <cfRule type="expression" dxfId="7268" priority="9488">
      <formula>AND(AA$568="",AA$569="")</formula>
    </cfRule>
  </conditionalFormatting>
  <conditionalFormatting sqref="AA586:AA591">
    <cfRule type="expression" dxfId="7267" priority="9485">
      <formula>OR(AA$568&lt;&gt;"",AA$569&lt;&gt;"")</formula>
    </cfRule>
    <cfRule type="expression" dxfId="7266" priority="9486">
      <formula>AND(AA$568="",AA$569="")</formula>
    </cfRule>
  </conditionalFormatting>
  <conditionalFormatting sqref="AA585">
    <cfRule type="expression" dxfId="7265" priority="9483">
      <formula>OR(AA$568&lt;&gt;"",AA$569&lt;&gt;"")</formula>
    </cfRule>
    <cfRule type="expression" dxfId="7264" priority="9484">
      <formula>AND(AA$568="",AA$569="")</formula>
    </cfRule>
  </conditionalFormatting>
  <conditionalFormatting sqref="AB572:AB577">
    <cfRule type="expression" dxfId="7263" priority="9481">
      <formula>OR(AB$568&lt;&gt;"",AB$569&lt;&gt;"")</formula>
    </cfRule>
    <cfRule type="expression" dxfId="7262" priority="9482">
      <formula>AND(AB$568="",AB$569="")</formula>
    </cfRule>
  </conditionalFormatting>
  <conditionalFormatting sqref="AB578">
    <cfRule type="expression" dxfId="7261" priority="9479">
      <formula>OR(AB$568&lt;&gt;"",AB$569&lt;&gt;"")</formula>
    </cfRule>
    <cfRule type="expression" dxfId="7260" priority="9480">
      <formula>AND(AB$568="",AB$569="")</formula>
    </cfRule>
  </conditionalFormatting>
  <conditionalFormatting sqref="AB579:AB584">
    <cfRule type="expression" dxfId="7259" priority="9477">
      <formula>OR(AB$568&lt;&gt;"",AB$569&lt;&gt;"")</formula>
    </cfRule>
    <cfRule type="expression" dxfId="7258" priority="9478">
      <formula>AND(AB$568="",AB$569="")</formula>
    </cfRule>
  </conditionalFormatting>
  <conditionalFormatting sqref="AB586:AB591">
    <cfRule type="expression" dxfId="7257" priority="9475">
      <formula>OR(AB$568&lt;&gt;"",AB$569&lt;&gt;"")</formula>
    </cfRule>
    <cfRule type="expression" dxfId="7256" priority="9476">
      <formula>AND(AB$568="",AB$569="")</formula>
    </cfRule>
  </conditionalFormatting>
  <conditionalFormatting sqref="AB585">
    <cfRule type="expression" dxfId="7255" priority="9473">
      <formula>OR(AB$568&lt;&gt;"",AB$569&lt;&gt;"")</formula>
    </cfRule>
    <cfRule type="expression" dxfId="7254" priority="9474">
      <formula>AND(AB$568="",AB$569="")</formula>
    </cfRule>
  </conditionalFormatting>
  <conditionalFormatting sqref="AC572:AC577">
    <cfRule type="expression" dxfId="7253" priority="9471">
      <formula>OR(AC$568&lt;&gt;"",AC$569&lt;&gt;"")</formula>
    </cfRule>
    <cfRule type="expression" dxfId="7252" priority="9472">
      <formula>AND(AC$568="",AC$569="")</formula>
    </cfRule>
  </conditionalFormatting>
  <conditionalFormatting sqref="AC578">
    <cfRule type="expression" dxfId="7251" priority="9469">
      <formula>OR(AC$568&lt;&gt;"",AC$569&lt;&gt;"")</formula>
    </cfRule>
    <cfRule type="expression" dxfId="7250" priority="9470">
      <formula>AND(AC$568="",AC$569="")</formula>
    </cfRule>
  </conditionalFormatting>
  <conditionalFormatting sqref="AC579:AC584">
    <cfRule type="expression" dxfId="7249" priority="9467">
      <formula>OR(AC$568&lt;&gt;"",AC$569&lt;&gt;"")</formula>
    </cfRule>
    <cfRule type="expression" dxfId="7248" priority="9468">
      <formula>AND(AC$568="",AC$569="")</formula>
    </cfRule>
  </conditionalFormatting>
  <conditionalFormatting sqref="AC586:AC591">
    <cfRule type="expression" dxfId="7247" priority="9465">
      <formula>OR(AC$568&lt;&gt;"",AC$569&lt;&gt;"")</formula>
    </cfRule>
    <cfRule type="expression" dxfId="7246" priority="9466">
      <formula>AND(AC$568="",AC$569="")</formula>
    </cfRule>
  </conditionalFormatting>
  <conditionalFormatting sqref="AC585">
    <cfRule type="expression" dxfId="7245" priority="9463">
      <formula>OR(AC$568&lt;&gt;"",AC$569&lt;&gt;"")</formula>
    </cfRule>
    <cfRule type="expression" dxfId="7244" priority="9464">
      <formula>AND(AC$568="",AC$569="")</formula>
    </cfRule>
  </conditionalFormatting>
  <conditionalFormatting sqref="AD572:AD577">
    <cfRule type="expression" dxfId="7243" priority="9461">
      <formula>OR(AD$568&lt;&gt;"",AD$569&lt;&gt;"")</formula>
    </cfRule>
    <cfRule type="expression" dxfId="7242" priority="9462">
      <formula>AND(AD$568="",AD$569="")</formula>
    </cfRule>
  </conditionalFormatting>
  <conditionalFormatting sqref="AD578">
    <cfRule type="expression" dxfId="7241" priority="9459">
      <formula>OR(AD$568&lt;&gt;"",AD$569&lt;&gt;"")</formula>
    </cfRule>
    <cfRule type="expression" dxfId="7240" priority="9460">
      <formula>AND(AD$568="",AD$569="")</formula>
    </cfRule>
  </conditionalFormatting>
  <conditionalFormatting sqref="AD579:AD584">
    <cfRule type="expression" dxfId="7239" priority="9457">
      <formula>OR(AD$568&lt;&gt;"",AD$569&lt;&gt;"")</formula>
    </cfRule>
    <cfRule type="expression" dxfId="7238" priority="9458">
      <formula>AND(AD$568="",AD$569="")</formula>
    </cfRule>
  </conditionalFormatting>
  <conditionalFormatting sqref="AD586:AD591">
    <cfRule type="expression" dxfId="7237" priority="9455">
      <formula>OR(AD$568&lt;&gt;"",AD$569&lt;&gt;"")</formula>
    </cfRule>
    <cfRule type="expression" dxfId="7236" priority="9456">
      <formula>AND(AD$568="",AD$569="")</formula>
    </cfRule>
  </conditionalFormatting>
  <conditionalFormatting sqref="AD585">
    <cfRule type="expression" dxfId="7235" priority="9453">
      <formula>OR(AD$568&lt;&gt;"",AD$569&lt;&gt;"")</formula>
    </cfRule>
    <cfRule type="expression" dxfId="7234" priority="9454">
      <formula>AND(AD$568="",AD$569="")</formula>
    </cfRule>
  </conditionalFormatting>
  <conditionalFormatting sqref="AE572:AE577">
    <cfRule type="expression" dxfId="7233" priority="9451">
      <formula>OR(AE$568&lt;&gt;"",AE$569&lt;&gt;"")</formula>
    </cfRule>
    <cfRule type="expression" dxfId="7232" priority="9452">
      <formula>AND(AE$568="",AE$569="")</formula>
    </cfRule>
  </conditionalFormatting>
  <conditionalFormatting sqref="AE578">
    <cfRule type="expression" dxfId="7231" priority="9449">
      <formula>OR(AE$568&lt;&gt;"",AE$569&lt;&gt;"")</formula>
    </cfRule>
    <cfRule type="expression" dxfId="7230" priority="9450">
      <formula>AND(AE$568="",AE$569="")</formula>
    </cfRule>
  </conditionalFormatting>
  <conditionalFormatting sqref="AE579:AE584">
    <cfRule type="expression" dxfId="7229" priority="9447">
      <formula>OR(AE$568&lt;&gt;"",AE$569&lt;&gt;"")</formula>
    </cfRule>
    <cfRule type="expression" dxfId="7228" priority="9448">
      <formula>AND(AE$568="",AE$569="")</formula>
    </cfRule>
  </conditionalFormatting>
  <conditionalFormatting sqref="AE586:AE591">
    <cfRule type="expression" dxfId="7227" priority="9445">
      <formula>OR(AE$568&lt;&gt;"",AE$569&lt;&gt;"")</formula>
    </cfRule>
    <cfRule type="expression" dxfId="7226" priority="9446">
      <formula>AND(AE$568="",AE$569="")</formula>
    </cfRule>
  </conditionalFormatting>
  <conditionalFormatting sqref="AE585">
    <cfRule type="expression" dxfId="7225" priority="9443">
      <formula>OR(AE$568&lt;&gt;"",AE$569&lt;&gt;"")</formula>
    </cfRule>
    <cfRule type="expression" dxfId="7224" priority="9444">
      <formula>AND(AE$568="",AE$569="")</formula>
    </cfRule>
  </conditionalFormatting>
  <conditionalFormatting sqref="AF572:AF577">
    <cfRule type="expression" dxfId="7223" priority="9441">
      <formula>OR(AF$568&lt;&gt;"",AF$569&lt;&gt;"")</formula>
    </cfRule>
    <cfRule type="expression" dxfId="7222" priority="9442">
      <formula>AND(AF$568="",AF$569="")</formula>
    </cfRule>
  </conditionalFormatting>
  <conditionalFormatting sqref="AF578">
    <cfRule type="expression" dxfId="7221" priority="9439">
      <formula>OR(AF$568&lt;&gt;"",AF$569&lt;&gt;"")</formula>
    </cfRule>
    <cfRule type="expression" dxfId="7220" priority="9440">
      <formula>AND(AF$568="",AF$569="")</formula>
    </cfRule>
  </conditionalFormatting>
  <conditionalFormatting sqref="AF579:AF584">
    <cfRule type="expression" dxfId="7219" priority="9437">
      <formula>OR(AF$568&lt;&gt;"",AF$569&lt;&gt;"")</formula>
    </cfRule>
    <cfRule type="expression" dxfId="7218" priority="9438">
      <formula>AND(AF$568="",AF$569="")</formula>
    </cfRule>
  </conditionalFormatting>
  <conditionalFormatting sqref="AF586:AF591">
    <cfRule type="expression" dxfId="7217" priority="9435">
      <formula>OR(AF$568&lt;&gt;"",AF$569&lt;&gt;"")</formula>
    </cfRule>
    <cfRule type="expression" dxfId="7216" priority="9436">
      <formula>AND(AF$568="",AF$569="")</formula>
    </cfRule>
  </conditionalFormatting>
  <conditionalFormatting sqref="AF585">
    <cfRule type="expression" dxfId="7215" priority="9433">
      <formula>OR(AF$568&lt;&gt;"",AF$569&lt;&gt;"")</formula>
    </cfRule>
    <cfRule type="expression" dxfId="7214" priority="9434">
      <formula>AND(AF$568="",AF$569="")</formula>
    </cfRule>
  </conditionalFormatting>
  <conditionalFormatting sqref="AG572:AG577">
    <cfRule type="expression" dxfId="7213" priority="9431">
      <formula>OR(AG$568&lt;&gt;"",AG$569&lt;&gt;"")</formula>
    </cfRule>
    <cfRule type="expression" dxfId="7212" priority="9432">
      <formula>AND(AG$568="",AG$569="")</formula>
    </cfRule>
  </conditionalFormatting>
  <conditionalFormatting sqref="AG578">
    <cfRule type="expression" dxfId="7211" priority="9429">
      <formula>OR(AG$568&lt;&gt;"",AG$569&lt;&gt;"")</formula>
    </cfRule>
    <cfRule type="expression" dxfId="7210" priority="9430">
      <formula>AND(AG$568="",AG$569="")</formula>
    </cfRule>
  </conditionalFormatting>
  <conditionalFormatting sqref="AG579:AG584">
    <cfRule type="expression" dxfId="7209" priority="9427">
      <formula>OR(AG$568&lt;&gt;"",AG$569&lt;&gt;"")</formula>
    </cfRule>
    <cfRule type="expression" dxfId="7208" priority="9428">
      <formula>AND(AG$568="",AG$569="")</formula>
    </cfRule>
  </conditionalFormatting>
  <conditionalFormatting sqref="AG586:AG591">
    <cfRule type="expression" dxfId="7207" priority="9425">
      <formula>OR(AG$568&lt;&gt;"",AG$569&lt;&gt;"")</formula>
    </cfRule>
    <cfRule type="expression" dxfId="7206" priority="9426">
      <formula>AND(AG$568="",AG$569="")</formula>
    </cfRule>
  </conditionalFormatting>
  <conditionalFormatting sqref="AG585">
    <cfRule type="expression" dxfId="7205" priority="9423">
      <formula>OR(AG$568&lt;&gt;"",AG$569&lt;&gt;"")</formula>
    </cfRule>
    <cfRule type="expression" dxfId="7204" priority="9424">
      <formula>AND(AG$568="",AG$569="")</formula>
    </cfRule>
  </conditionalFormatting>
  <conditionalFormatting sqref="AH572:AH577">
    <cfRule type="expression" dxfId="7203" priority="9421">
      <formula>OR(AH$568&lt;&gt;"",AH$569&lt;&gt;"")</formula>
    </cfRule>
    <cfRule type="expression" dxfId="7202" priority="9422">
      <formula>AND(AH$568="",AH$569="")</formula>
    </cfRule>
  </conditionalFormatting>
  <conditionalFormatting sqref="AH578">
    <cfRule type="expression" dxfId="7201" priority="9419">
      <formula>OR(AH$568&lt;&gt;"",AH$569&lt;&gt;"")</formula>
    </cfRule>
    <cfRule type="expression" dxfId="7200" priority="9420">
      <formula>AND(AH$568="",AH$569="")</formula>
    </cfRule>
  </conditionalFormatting>
  <conditionalFormatting sqref="AH579:AH584">
    <cfRule type="expression" dxfId="7199" priority="9417">
      <formula>OR(AH$568&lt;&gt;"",AH$569&lt;&gt;"")</formula>
    </cfRule>
    <cfRule type="expression" dxfId="7198" priority="9418">
      <formula>AND(AH$568="",AH$569="")</formula>
    </cfRule>
  </conditionalFormatting>
  <conditionalFormatting sqref="AH586:AH591">
    <cfRule type="expression" dxfId="7197" priority="9415">
      <formula>OR(AH$568&lt;&gt;"",AH$569&lt;&gt;"")</formula>
    </cfRule>
    <cfRule type="expression" dxfId="7196" priority="9416">
      <formula>AND(AH$568="",AH$569="")</formula>
    </cfRule>
  </conditionalFormatting>
  <conditionalFormatting sqref="AH585">
    <cfRule type="expression" dxfId="7195" priority="9413">
      <formula>OR(AH$568&lt;&gt;"",AH$569&lt;&gt;"")</formula>
    </cfRule>
    <cfRule type="expression" dxfId="7194" priority="9414">
      <formula>AND(AH$568="",AH$569="")</formula>
    </cfRule>
  </conditionalFormatting>
  <conditionalFormatting sqref="AI572:AI577">
    <cfRule type="expression" dxfId="7193" priority="9411">
      <formula>OR(AI$568&lt;&gt;"",AI$569&lt;&gt;"")</formula>
    </cfRule>
    <cfRule type="expression" dxfId="7192" priority="9412">
      <formula>AND(AI$568="",AI$569="")</formula>
    </cfRule>
  </conditionalFormatting>
  <conditionalFormatting sqref="AI578">
    <cfRule type="expression" dxfId="7191" priority="9409">
      <formula>OR(AI$568&lt;&gt;"",AI$569&lt;&gt;"")</formula>
    </cfRule>
    <cfRule type="expression" dxfId="7190" priority="9410">
      <formula>AND(AI$568="",AI$569="")</formula>
    </cfRule>
  </conditionalFormatting>
  <conditionalFormatting sqref="AI579:AI584">
    <cfRule type="expression" dxfId="7189" priority="9407">
      <formula>OR(AI$568&lt;&gt;"",AI$569&lt;&gt;"")</formula>
    </cfRule>
    <cfRule type="expression" dxfId="7188" priority="9408">
      <formula>AND(AI$568="",AI$569="")</formula>
    </cfRule>
  </conditionalFormatting>
  <conditionalFormatting sqref="AI586:AI591">
    <cfRule type="expression" dxfId="7187" priority="9405">
      <formula>OR(AI$568&lt;&gt;"",AI$569&lt;&gt;"")</formula>
    </cfRule>
    <cfRule type="expression" dxfId="7186" priority="9406">
      <formula>AND(AI$568="",AI$569="")</formula>
    </cfRule>
  </conditionalFormatting>
  <conditionalFormatting sqref="AI585">
    <cfRule type="expression" dxfId="7185" priority="9403">
      <formula>OR(AI$568&lt;&gt;"",AI$569&lt;&gt;"")</formula>
    </cfRule>
    <cfRule type="expression" dxfId="7184" priority="9404">
      <formula>AND(AI$568="",AI$569="")</formula>
    </cfRule>
  </conditionalFormatting>
  <conditionalFormatting sqref="AJ572:AJ577">
    <cfRule type="expression" dxfId="7183" priority="9401">
      <formula>OR(AJ$568&lt;&gt;"",AJ$569&lt;&gt;"")</formula>
    </cfRule>
    <cfRule type="expression" dxfId="7182" priority="9402">
      <formula>AND(AJ$568="",AJ$569="")</formula>
    </cfRule>
  </conditionalFormatting>
  <conditionalFormatting sqref="AJ578">
    <cfRule type="expression" dxfId="7181" priority="9399">
      <formula>OR(AJ$568&lt;&gt;"",AJ$569&lt;&gt;"")</formula>
    </cfRule>
    <cfRule type="expression" dxfId="7180" priority="9400">
      <formula>AND(AJ$568="",AJ$569="")</formula>
    </cfRule>
  </conditionalFormatting>
  <conditionalFormatting sqref="AJ579:AJ584">
    <cfRule type="expression" dxfId="7179" priority="9397">
      <formula>OR(AJ$568&lt;&gt;"",AJ$569&lt;&gt;"")</formula>
    </cfRule>
    <cfRule type="expression" dxfId="7178" priority="9398">
      <formula>AND(AJ$568="",AJ$569="")</formula>
    </cfRule>
  </conditionalFormatting>
  <conditionalFormatting sqref="AJ586:AJ591">
    <cfRule type="expression" dxfId="7177" priority="9395">
      <formula>OR(AJ$568&lt;&gt;"",AJ$569&lt;&gt;"")</formula>
    </cfRule>
    <cfRule type="expression" dxfId="7176" priority="9396">
      <formula>AND(AJ$568="",AJ$569="")</formula>
    </cfRule>
  </conditionalFormatting>
  <conditionalFormatting sqref="AJ585">
    <cfRule type="expression" dxfId="7175" priority="9393">
      <formula>OR(AJ$568&lt;&gt;"",AJ$569&lt;&gt;"")</formula>
    </cfRule>
    <cfRule type="expression" dxfId="7174" priority="9394">
      <formula>AND(AJ$568="",AJ$569="")</formula>
    </cfRule>
  </conditionalFormatting>
  <conditionalFormatting sqref="AK572:AK577">
    <cfRule type="expression" dxfId="7173" priority="9391">
      <formula>OR(AK$568&lt;&gt;"",AK$569&lt;&gt;"")</formula>
    </cfRule>
    <cfRule type="expression" dxfId="7172" priority="9392">
      <formula>AND(AK$568="",AK$569="")</formula>
    </cfRule>
  </conditionalFormatting>
  <conditionalFormatting sqref="AK578">
    <cfRule type="expression" dxfId="7171" priority="9389">
      <formula>OR(AK$568&lt;&gt;"",AK$569&lt;&gt;"")</formula>
    </cfRule>
    <cfRule type="expression" dxfId="7170" priority="9390">
      <formula>AND(AK$568="",AK$569="")</formula>
    </cfRule>
  </conditionalFormatting>
  <conditionalFormatting sqref="AK579:AK584">
    <cfRule type="expression" dxfId="7169" priority="9387">
      <formula>OR(AK$568&lt;&gt;"",AK$569&lt;&gt;"")</formula>
    </cfRule>
    <cfRule type="expression" dxfId="7168" priority="9388">
      <formula>AND(AK$568="",AK$569="")</formula>
    </cfRule>
  </conditionalFormatting>
  <conditionalFormatting sqref="AK586:AK591">
    <cfRule type="expression" dxfId="7167" priority="9385">
      <formula>OR(AK$568&lt;&gt;"",AK$569&lt;&gt;"")</formula>
    </cfRule>
    <cfRule type="expression" dxfId="7166" priority="9386">
      <formula>AND(AK$568="",AK$569="")</formula>
    </cfRule>
  </conditionalFormatting>
  <conditionalFormatting sqref="AK585">
    <cfRule type="expression" dxfId="7165" priority="9383">
      <formula>OR(AK$568&lt;&gt;"",AK$569&lt;&gt;"")</formula>
    </cfRule>
    <cfRule type="expression" dxfId="7164" priority="9384">
      <formula>AND(AK$568="",AK$569="")</formula>
    </cfRule>
  </conditionalFormatting>
  <conditionalFormatting sqref="AL572:AL577">
    <cfRule type="expression" dxfId="7163" priority="9381">
      <formula>OR(AL$568&lt;&gt;"",AL$569&lt;&gt;"")</formula>
    </cfRule>
    <cfRule type="expression" dxfId="7162" priority="9382">
      <formula>AND(AL$568="",AL$569="")</formula>
    </cfRule>
  </conditionalFormatting>
  <conditionalFormatting sqref="AL578">
    <cfRule type="expression" dxfId="7161" priority="9379">
      <formula>OR(AL$568&lt;&gt;"",AL$569&lt;&gt;"")</formula>
    </cfRule>
    <cfRule type="expression" dxfId="7160" priority="9380">
      <formula>AND(AL$568="",AL$569="")</formula>
    </cfRule>
  </conditionalFormatting>
  <conditionalFormatting sqref="AL579:AL584">
    <cfRule type="expression" dxfId="7159" priority="9377">
      <formula>OR(AL$568&lt;&gt;"",AL$569&lt;&gt;"")</formula>
    </cfRule>
    <cfRule type="expression" dxfId="7158" priority="9378">
      <formula>AND(AL$568="",AL$569="")</formula>
    </cfRule>
  </conditionalFormatting>
  <conditionalFormatting sqref="AL586:AL591">
    <cfRule type="expression" dxfId="7157" priority="9375">
      <formula>OR(AL$568&lt;&gt;"",AL$569&lt;&gt;"")</formula>
    </cfRule>
    <cfRule type="expression" dxfId="7156" priority="9376">
      <formula>AND(AL$568="",AL$569="")</formula>
    </cfRule>
  </conditionalFormatting>
  <conditionalFormatting sqref="AL585">
    <cfRule type="expression" dxfId="7155" priority="9373">
      <formula>OR(AL$568&lt;&gt;"",AL$569&lt;&gt;"")</formula>
    </cfRule>
    <cfRule type="expression" dxfId="7154" priority="9374">
      <formula>AND(AL$568="",AL$569="")</formula>
    </cfRule>
  </conditionalFormatting>
  <conditionalFormatting sqref="AM572:AM577">
    <cfRule type="expression" dxfId="7153" priority="9371">
      <formula>OR(AM$568&lt;&gt;"",AM$569&lt;&gt;"")</formula>
    </cfRule>
    <cfRule type="expression" dxfId="7152" priority="9372">
      <formula>AND(AM$568="",AM$569="")</formula>
    </cfRule>
  </conditionalFormatting>
  <conditionalFormatting sqref="AM578">
    <cfRule type="expression" dxfId="7151" priority="9369">
      <formula>OR(AM$568&lt;&gt;"",AM$569&lt;&gt;"")</formula>
    </cfRule>
    <cfRule type="expression" dxfId="7150" priority="9370">
      <formula>AND(AM$568="",AM$569="")</formula>
    </cfRule>
  </conditionalFormatting>
  <conditionalFormatting sqref="AM579:AM584">
    <cfRule type="expression" dxfId="7149" priority="9367">
      <formula>OR(AM$568&lt;&gt;"",AM$569&lt;&gt;"")</formula>
    </cfRule>
    <cfRule type="expression" dxfId="7148" priority="9368">
      <formula>AND(AM$568="",AM$569="")</formula>
    </cfRule>
  </conditionalFormatting>
  <conditionalFormatting sqref="AM586:AM591">
    <cfRule type="expression" dxfId="7147" priority="9365">
      <formula>OR(AM$568&lt;&gt;"",AM$569&lt;&gt;"")</formula>
    </cfRule>
    <cfRule type="expression" dxfId="7146" priority="9366">
      <formula>AND(AM$568="",AM$569="")</formula>
    </cfRule>
  </conditionalFormatting>
  <conditionalFormatting sqref="AM585">
    <cfRule type="expression" dxfId="7145" priority="9363">
      <formula>OR(AM$568&lt;&gt;"",AM$569&lt;&gt;"")</formula>
    </cfRule>
    <cfRule type="expression" dxfId="7144" priority="9364">
      <formula>AND(AM$568="",AM$569="")</formula>
    </cfRule>
  </conditionalFormatting>
  <conditionalFormatting sqref="AN572:AN577">
    <cfRule type="expression" dxfId="7143" priority="9361">
      <formula>OR(AN$568&lt;&gt;"",AN$569&lt;&gt;"")</formula>
    </cfRule>
    <cfRule type="expression" dxfId="7142" priority="9362">
      <formula>AND(AN$568="",AN$569="")</formula>
    </cfRule>
  </conditionalFormatting>
  <conditionalFormatting sqref="AN578">
    <cfRule type="expression" dxfId="7141" priority="9359">
      <formula>OR(AN$568&lt;&gt;"",AN$569&lt;&gt;"")</formula>
    </cfRule>
    <cfRule type="expression" dxfId="7140" priority="9360">
      <formula>AND(AN$568="",AN$569="")</formula>
    </cfRule>
  </conditionalFormatting>
  <conditionalFormatting sqref="AN579:AN584">
    <cfRule type="expression" dxfId="7139" priority="9357">
      <formula>OR(AN$568&lt;&gt;"",AN$569&lt;&gt;"")</formula>
    </cfRule>
    <cfRule type="expression" dxfId="7138" priority="9358">
      <formula>AND(AN$568="",AN$569="")</formula>
    </cfRule>
  </conditionalFormatting>
  <conditionalFormatting sqref="AN586:AN591">
    <cfRule type="expression" dxfId="7137" priority="9355">
      <formula>OR(AN$568&lt;&gt;"",AN$569&lt;&gt;"")</formula>
    </cfRule>
    <cfRule type="expression" dxfId="7136" priority="9356">
      <formula>AND(AN$568="",AN$569="")</formula>
    </cfRule>
  </conditionalFormatting>
  <conditionalFormatting sqref="AN585">
    <cfRule type="expression" dxfId="7135" priority="9353">
      <formula>OR(AN$568&lt;&gt;"",AN$569&lt;&gt;"")</formula>
    </cfRule>
    <cfRule type="expression" dxfId="7134" priority="9354">
      <formula>AND(AN$568="",AN$569="")</formula>
    </cfRule>
  </conditionalFormatting>
  <conditionalFormatting sqref="AO572:AO577">
    <cfRule type="expression" dxfId="7133" priority="9351">
      <formula>OR(AO$568&lt;&gt;"",AO$569&lt;&gt;"")</formula>
    </cfRule>
    <cfRule type="expression" dxfId="7132" priority="9352">
      <formula>AND(AO$568="",AO$569="")</formula>
    </cfRule>
  </conditionalFormatting>
  <conditionalFormatting sqref="AO578">
    <cfRule type="expression" dxfId="7131" priority="9349">
      <formula>OR(AO$568&lt;&gt;"",AO$569&lt;&gt;"")</formula>
    </cfRule>
    <cfRule type="expression" dxfId="7130" priority="9350">
      <formula>AND(AO$568="",AO$569="")</formula>
    </cfRule>
  </conditionalFormatting>
  <conditionalFormatting sqref="AO579:AO584">
    <cfRule type="expression" dxfId="7129" priority="9347">
      <formula>OR(AO$568&lt;&gt;"",AO$569&lt;&gt;"")</formula>
    </cfRule>
    <cfRule type="expression" dxfId="7128" priority="9348">
      <formula>AND(AO$568="",AO$569="")</formula>
    </cfRule>
  </conditionalFormatting>
  <conditionalFormatting sqref="AO586:AO591">
    <cfRule type="expression" dxfId="7127" priority="9345">
      <formula>OR(AO$568&lt;&gt;"",AO$569&lt;&gt;"")</formula>
    </cfRule>
    <cfRule type="expression" dxfId="7126" priority="9346">
      <formula>AND(AO$568="",AO$569="")</formula>
    </cfRule>
  </conditionalFormatting>
  <conditionalFormatting sqref="AO585">
    <cfRule type="expression" dxfId="7125" priority="9343">
      <formula>OR(AO$568&lt;&gt;"",AO$569&lt;&gt;"")</formula>
    </cfRule>
    <cfRule type="expression" dxfId="7124" priority="9344">
      <formula>AND(AO$568="",AO$569="")</formula>
    </cfRule>
  </conditionalFormatting>
  <conditionalFormatting sqref="AP572:AP577">
    <cfRule type="expression" dxfId="7123" priority="9341">
      <formula>OR(AP$568&lt;&gt;"",AP$569&lt;&gt;"")</formula>
    </cfRule>
    <cfRule type="expression" dxfId="7122" priority="9342">
      <formula>AND(AP$568="",AP$569="")</formula>
    </cfRule>
  </conditionalFormatting>
  <conditionalFormatting sqref="AP578">
    <cfRule type="expression" dxfId="7121" priority="9339">
      <formula>OR(AP$568&lt;&gt;"",AP$569&lt;&gt;"")</formula>
    </cfRule>
    <cfRule type="expression" dxfId="7120" priority="9340">
      <formula>AND(AP$568="",AP$569="")</formula>
    </cfRule>
  </conditionalFormatting>
  <conditionalFormatting sqref="AP579:AP584">
    <cfRule type="expression" dxfId="7119" priority="9337">
      <formula>OR(AP$568&lt;&gt;"",AP$569&lt;&gt;"")</formula>
    </cfRule>
    <cfRule type="expression" dxfId="7118" priority="9338">
      <formula>AND(AP$568="",AP$569="")</formula>
    </cfRule>
  </conditionalFormatting>
  <conditionalFormatting sqref="AP586:AP591">
    <cfRule type="expression" dxfId="7117" priority="9335">
      <formula>OR(AP$568&lt;&gt;"",AP$569&lt;&gt;"")</formula>
    </cfRule>
    <cfRule type="expression" dxfId="7116" priority="9336">
      <formula>AND(AP$568="",AP$569="")</formula>
    </cfRule>
  </conditionalFormatting>
  <conditionalFormatting sqref="AP585">
    <cfRule type="expression" dxfId="7115" priority="9333">
      <formula>OR(AP$568&lt;&gt;"",AP$569&lt;&gt;"")</formula>
    </cfRule>
    <cfRule type="expression" dxfId="7114" priority="9334">
      <formula>AND(AP$568="",AP$569="")</formula>
    </cfRule>
  </conditionalFormatting>
  <conditionalFormatting sqref="AQ572:AQ577">
    <cfRule type="expression" dxfId="7113" priority="9331">
      <formula>OR(AQ$568&lt;&gt;"",AQ$569&lt;&gt;"")</formula>
    </cfRule>
    <cfRule type="expression" dxfId="7112" priority="9332">
      <formula>AND(AQ$568="",AQ$569="")</formula>
    </cfRule>
  </conditionalFormatting>
  <conditionalFormatting sqref="AQ578">
    <cfRule type="expression" dxfId="7111" priority="9329">
      <formula>OR(AQ$568&lt;&gt;"",AQ$569&lt;&gt;"")</formula>
    </cfRule>
    <cfRule type="expression" dxfId="7110" priority="9330">
      <formula>AND(AQ$568="",AQ$569="")</formula>
    </cfRule>
  </conditionalFormatting>
  <conditionalFormatting sqref="AQ579:AQ584">
    <cfRule type="expression" dxfId="7109" priority="9327">
      <formula>OR(AQ$568&lt;&gt;"",AQ$569&lt;&gt;"")</formula>
    </cfRule>
    <cfRule type="expression" dxfId="7108" priority="9328">
      <formula>AND(AQ$568="",AQ$569="")</formula>
    </cfRule>
  </conditionalFormatting>
  <conditionalFormatting sqref="AQ586:AQ591">
    <cfRule type="expression" dxfId="7107" priority="9325">
      <formula>OR(AQ$568&lt;&gt;"",AQ$569&lt;&gt;"")</formula>
    </cfRule>
    <cfRule type="expression" dxfId="7106" priority="9326">
      <formula>AND(AQ$568="",AQ$569="")</formula>
    </cfRule>
  </conditionalFormatting>
  <conditionalFormatting sqref="AQ585">
    <cfRule type="expression" dxfId="7105" priority="9323">
      <formula>OR(AQ$568&lt;&gt;"",AQ$569&lt;&gt;"")</formula>
    </cfRule>
    <cfRule type="expression" dxfId="7104" priority="9324">
      <formula>AND(AQ$568="",AQ$569="")</formula>
    </cfRule>
  </conditionalFormatting>
  <conditionalFormatting sqref="AR572:AR577">
    <cfRule type="expression" dxfId="7103" priority="9321">
      <formula>OR(AR$568&lt;&gt;"",AR$569&lt;&gt;"")</formula>
    </cfRule>
    <cfRule type="expression" dxfId="7102" priority="9322">
      <formula>AND(AR$568="",AR$569="")</formula>
    </cfRule>
  </conditionalFormatting>
  <conditionalFormatting sqref="AR578">
    <cfRule type="expression" dxfId="7101" priority="9319">
      <formula>OR(AR$568&lt;&gt;"",AR$569&lt;&gt;"")</formula>
    </cfRule>
    <cfRule type="expression" dxfId="7100" priority="9320">
      <formula>AND(AR$568="",AR$569="")</formula>
    </cfRule>
  </conditionalFormatting>
  <conditionalFormatting sqref="AR579:AR584">
    <cfRule type="expression" dxfId="7099" priority="9317">
      <formula>OR(AR$568&lt;&gt;"",AR$569&lt;&gt;"")</formula>
    </cfRule>
    <cfRule type="expression" dxfId="7098" priority="9318">
      <formula>AND(AR$568="",AR$569="")</formula>
    </cfRule>
  </conditionalFormatting>
  <conditionalFormatting sqref="AR586:AR591">
    <cfRule type="expression" dxfId="7097" priority="9315">
      <formula>OR(AR$568&lt;&gt;"",AR$569&lt;&gt;"")</formula>
    </cfRule>
    <cfRule type="expression" dxfId="7096" priority="9316">
      <formula>AND(AR$568="",AR$569="")</formula>
    </cfRule>
  </conditionalFormatting>
  <conditionalFormatting sqref="AR585">
    <cfRule type="expression" dxfId="7095" priority="9313">
      <formula>OR(AR$568&lt;&gt;"",AR$569&lt;&gt;"")</formula>
    </cfRule>
    <cfRule type="expression" dxfId="7094" priority="9314">
      <formula>AND(AR$568="",AR$569="")</formula>
    </cfRule>
  </conditionalFormatting>
  <conditionalFormatting sqref="AS572:AS577">
    <cfRule type="expression" dxfId="7093" priority="9311">
      <formula>OR(AS$568&lt;&gt;"",AS$569&lt;&gt;"")</formula>
    </cfRule>
    <cfRule type="expression" dxfId="7092" priority="9312">
      <formula>AND(AS$568="",AS$569="")</formula>
    </cfRule>
  </conditionalFormatting>
  <conditionalFormatting sqref="AS578">
    <cfRule type="expression" dxfId="7091" priority="9309">
      <formula>OR(AS$568&lt;&gt;"",AS$569&lt;&gt;"")</formula>
    </cfRule>
    <cfRule type="expression" dxfId="7090" priority="9310">
      <formula>AND(AS$568="",AS$569="")</formula>
    </cfRule>
  </conditionalFormatting>
  <conditionalFormatting sqref="AS579:AS584">
    <cfRule type="expression" dxfId="7089" priority="9307">
      <formula>OR(AS$568&lt;&gt;"",AS$569&lt;&gt;"")</formula>
    </cfRule>
    <cfRule type="expression" dxfId="7088" priority="9308">
      <formula>AND(AS$568="",AS$569="")</formula>
    </cfRule>
  </conditionalFormatting>
  <conditionalFormatting sqref="AS586:AS591">
    <cfRule type="expression" dxfId="7087" priority="9305">
      <formula>OR(AS$568&lt;&gt;"",AS$569&lt;&gt;"")</formula>
    </cfRule>
    <cfRule type="expression" dxfId="7086" priority="9306">
      <formula>AND(AS$568="",AS$569="")</formula>
    </cfRule>
  </conditionalFormatting>
  <conditionalFormatting sqref="AS585">
    <cfRule type="expression" dxfId="7085" priority="9303">
      <formula>OR(AS$568&lt;&gt;"",AS$569&lt;&gt;"")</formula>
    </cfRule>
    <cfRule type="expression" dxfId="7084" priority="9304">
      <formula>AND(AS$568="",AS$569="")</formula>
    </cfRule>
  </conditionalFormatting>
  <conditionalFormatting sqref="AT572:AT577">
    <cfRule type="expression" dxfId="7083" priority="9301">
      <formula>OR(AT$568&lt;&gt;"",AT$569&lt;&gt;"")</formula>
    </cfRule>
    <cfRule type="expression" dxfId="7082" priority="9302">
      <formula>AND(AT$568="",AT$569="")</formula>
    </cfRule>
  </conditionalFormatting>
  <conditionalFormatting sqref="AT578">
    <cfRule type="expression" dxfId="7081" priority="9299">
      <formula>OR(AT$568&lt;&gt;"",AT$569&lt;&gt;"")</formula>
    </cfRule>
    <cfRule type="expression" dxfId="7080" priority="9300">
      <formula>AND(AT$568="",AT$569="")</formula>
    </cfRule>
  </conditionalFormatting>
  <conditionalFormatting sqref="AT579:AT584">
    <cfRule type="expression" dxfId="7079" priority="9297">
      <formula>OR(AT$568&lt;&gt;"",AT$569&lt;&gt;"")</formula>
    </cfRule>
    <cfRule type="expression" dxfId="7078" priority="9298">
      <formula>AND(AT$568="",AT$569="")</formula>
    </cfRule>
  </conditionalFormatting>
  <conditionalFormatting sqref="AT586:AT591">
    <cfRule type="expression" dxfId="7077" priority="9295">
      <formula>OR(AT$568&lt;&gt;"",AT$569&lt;&gt;"")</formula>
    </cfRule>
    <cfRule type="expression" dxfId="7076" priority="9296">
      <formula>AND(AT$568="",AT$569="")</formula>
    </cfRule>
  </conditionalFormatting>
  <conditionalFormatting sqref="AT585">
    <cfRule type="expression" dxfId="7075" priority="9293">
      <formula>OR(AT$568&lt;&gt;"",AT$569&lt;&gt;"")</formula>
    </cfRule>
    <cfRule type="expression" dxfId="7074" priority="9294">
      <formula>AND(AT$568="",AT$569="")</formula>
    </cfRule>
  </conditionalFormatting>
  <conditionalFormatting sqref="AU572:AU577">
    <cfRule type="expression" dxfId="7073" priority="9291">
      <formula>OR(AU$568&lt;&gt;"",AU$569&lt;&gt;"")</formula>
    </cfRule>
    <cfRule type="expression" dxfId="7072" priority="9292">
      <formula>AND(AU$568="",AU$569="")</formula>
    </cfRule>
  </conditionalFormatting>
  <conditionalFormatting sqref="AU578">
    <cfRule type="expression" dxfId="7071" priority="9289">
      <formula>OR(AU$568&lt;&gt;"",AU$569&lt;&gt;"")</formula>
    </cfRule>
    <cfRule type="expression" dxfId="7070" priority="9290">
      <formula>AND(AU$568="",AU$569="")</formula>
    </cfRule>
  </conditionalFormatting>
  <conditionalFormatting sqref="AU579:AU584">
    <cfRule type="expression" dxfId="7069" priority="9287">
      <formula>OR(AU$568&lt;&gt;"",AU$569&lt;&gt;"")</formula>
    </cfRule>
    <cfRule type="expression" dxfId="7068" priority="9288">
      <formula>AND(AU$568="",AU$569="")</formula>
    </cfRule>
  </conditionalFormatting>
  <conditionalFormatting sqref="AU586:AU591">
    <cfRule type="expression" dxfId="7067" priority="9285">
      <formula>OR(AU$568&lt;&gt;"",AU$569&lt;&gt;"")</formula>
    </cfRule>
    <cfRule type="expression" dxfId="7066" priority="9286">
      <formula>AND(AU$568="",AU$569="")</formula>
    </cfRule>
  </conditionalFormatting>
  <conditionalFormatting sqref="AU585">
    <cfRule type="expression" dxfId="7065" priority="9283">
      <formula>OR(AU$568&lt;&gt;"",AU$569&lt;&gt;"")</formula>
    </cfRule>
    <cfRule type="expression" dxfId="7064" priority="9284">
      <formula>AND(AU$568="",AU$569="")</formula>
    </cfRule>
  </conditionalFormatting>
  <conditionalFormatting sqref="AV572:AV577">
    <cfRule type="expression" dxfId="7063" priority="9281">
      <formula>OR(AV$568&lt;&gt;"",AV$569&lt;&gt;"")</formula>
    </cfRule>
    <cfRule type="expression" dxfId="7062" priority="9282">
      <formula>AND(AV$568="",AV$569="")</formula>
    </cfRule>
  </conditionalFormatting>
  <conditionalFormatting sqref="AV578">
    <cfRule type="expression" dxfId="7061" priority="9279">
      <formula>OR(AV$568&lt;&gt;"",AV$569&lt;&gt;"")</formula>
    </cfRule>
    <cfRule type="expression" dxfId="7060" priority="9280">
      <formula>AND(AV$568="",AV$569="")</formula>
    </cfRule>
  </conditionalFormatting>
  <conditionalFormatting sqref="AV579:AV584">
    <cfRule type="expression" dxfId="7059" priority="9277">
      <formula>OR(AV$568&lt;&gt;"",AV$569&lt;&gt;"")</formula>
    </cfRule>
    <cfRule type="expression" dxfId="7058" priority="9278">
      <formula>AND(AV$568="",AV$569="")</formula>
    </cfRule>
  </conditionalFormatting>
  <conditionalFormatting sqref="AV586:AV591">
    <cfRule type="expression" dxfId="7057" priority="9275">
      <formula>OR(AV$568&lt;&gt;"",AV$569&lt;&gt;"")</formula>
    </cfRule>
    <cfRule type="expression" dxfId="7056" priority="9276">
      <formula>AND(AV$568="",AV$569="")</formula>
    </cfRule>
  </conditionalFormatting>
  <conditionalFormatting sqref="AV585">
    <cfRule type="expression" dxfId="7055" priority="9273">
      <formula>OR(AV$568&lt;&gt;"",AV$569&lt;&gt;"")</formula>
    </cfRule>
    <cfRule type="expression" dxfId="7054" priority="9274">
      <formula>AND(AV$568="",AV$569="")</formula>
    </cfRule>
  </conditionalFormatting>
  <conditionalFormatting sqref="AW572:AW577">
    <cfRule type="expression" dxfId="7053" priority="9271">
      <formula>OR(AW$568&lt;&gt;"",AW$569&lt;&gt;"")</formula>
    </cfRule>
    <cfRule type="expression" dxfId="7052" priority="9272">
      <formula>AND(AW$568="",AW$569="")</formula>
    </cfRule>
  </conditionalFormatting>
  <conditionalFormatting sqref="AW578">
    <cfRule type="expression" dxfId="7051" priority="9269">
      <formula>OR(AW$568&lt;&gt;"",AW$569&lt;&gt;"")</formula>
    </cfRule>
    <cfRule type="expression" dxfId="7050" priority="9270">
      <formula>AND(AW$568="",AW$569="")</formula>
    </cfRule>
  </conditionalFormatting>
  <conditionalFormatting sqref="AW579:AW584">
    <cfRule type="expression" dxfId="7049" priority="9267">
      <formula>OR(AW$568&lt;&gt;"",AW$569&lt;&gt;"")</formula>
    </cfRule>
    <cfRule type="expression" dxfId="7048" priority="9268">
      <formula>AND(AW$568="",AW$569="")</formula>
    </cfRule>
  </conditionalFormatting>
  <conditionalFormatting sqref="AW586:AW591">
    <cfRule type="expression" dxfId="7047" priority="9265">
      <formula>OR(AW$568&lt;&gt;"",AW$569&lt;&gt;"")</formula>
    </cfRule>
    <cfRule type="expression" dxfId="7046" priority="9266">
      <formula>AND(AW$568="",AW$569="")</formula>
    </cfRule>
  </conditionalFormatting>
  <conditionalFormatting sqref="AW585">
    <cfRule type="expression" dxfId="7045" priority="9263">
      <formula>OR(AW$568&lt;&gt;"",AW$569&lt;&gt;"")</formula>
    </cfRule>
    <cfRule type="expression" dxfId="7044" priority="9264">
      <formula>AND(AW$568="",AW$569="")</formula>
    </cfRule>
  </conditionalFormatting>
  <conditionalFormatting sqref="AX572:AX577">
    <cfRule type="expression" dxfId="7043" priority="9261">
      <formula>OR(AX$568&lt;&gt;"",AX$569&lt;&gt;"")</formula>
    </cfRule>
    <cfRule type="expression" dxfId="7042" priority="9262">
      <formula>AND(AX$568="",AX$569="")</formula>
    </cfRule>
  </conditionalFormatting>
  <conditionalFormatting sqref="AX578">
    <cfRule type="expression" dxfId="7041" priority="9259">
      <formula>OR(AX$568&lt;&gt;"",AX$569&lt;&gt;"")</formula>
    </cfRule>
    <cfRule type="expression" dxfId="7040" priority="9260">
      <formula>AND(AX$568="",AX$569="")</formula>
    </cfRule>
  </conditionalFormatting>
  <conditionalFormatting sqref="AX579:AX584">
    <cfRule type="expression" dxfId="7039" priority="9257">
      <formula>OR(AX$568&lt;&gt;"",AX$569&lt;&gt;"")</formula>
    </cfRule>
    <cfRule type="expression" dxfId="7038" priority="9258">
      <formula>AND(AX$568="",AX$569="")</formula>
    </cfRule>
  </conditionalFormatting>
  <conditionalFormatting sqref="AX586:AX591">
    <cfRule type="expression" dxfId="7037" priority="9255">
      <formula>OR(AX$568&lt;&gt;"",AX$569&lt;&gt;"")</formula>
    </cfRule>
    <cfRule type="expression" dxfId="7036" priority="9256">
      <formula>AND(AX$568="",AX$569="")</formula>
    </cfRule>
  </conditionalFormatting>
  <conditionalFormatting sqref="AX585">
    <cfRule type="expression" dxfId="7035" priority="9253">
      <formula>OR(AX$568&lt;&gt;"",AX$569&lt;&gt;"")</formula>
    </cfRule>
    <cfRule type="expression" dxfId="7034" priority="9254">
      <formula>AND(AX$568="",AX$569="")</formula>
    </cfRule>
  </conditionalFormatting>
  <conditionalFormatting sqref="AY572:AY577">
    <cfRule type="expression" dxfId="7033" priority="9251">
      <formula>OR(AY$568&lt;&gt;"",AY$569&lt;&gt;"")</formula>
    </cfRule>
    <cfRule type="expression" dxfId="7032" priority="9252">
      <formula>AND(AY$568="",AY$569="")</formula>
    </cfRule>
  </conditionalFormatting>
  <conditionalFormatting sqref="AY578">
    <cfRule type="expression" dxfId="7031" priority="9249">
      <formula>OR(AY$568&lt;&gt;"",AY$569&lt;&gt;"")</formula>
    </cfRule>
    <cfRule type="expression" dxfId="7030" priority="9250">
      <formula>AND(AY$568="",AY$569="")</formula>
    </cfRule>
  </conditionalFormatting>
  <conditionalFormatting sqref="AY579:AY584">
    <cfRule type="expression" dxfId="7029" priority="9247">
      <formula>OR(AY$568&lt;&gt;"",AY$569&lt;&gt;"")</formula>
    </cfRule>
    <cfRule type="expression" dxfId="7028" priority="9248">
      <formula>AND(AY$568="",AY$569="")</formula>
    </cfRule>
  </conditionalFormatting>
  <conditionalFormatting sqref="AY586:AY591">
    <cfRule type="expression" dxfId="7027" priority="9245">
      <formula>OR(AY$568&lt;&gt;"",AY$569&lt;&gt;"")</formula>
    </cfRule>
    <cfRule type="expression" dxfId="7026" priority="9246">
      <formula>AND(AY$568="",AY$569="")</formula>
    </cfRule>
  </conditionalFormatting>
  <conditionalFormatting sqref="AY585">
    <cfRule type="expression" dxfId="7025" priority="9243">
      <formula>OR(AY$568&lt;&gt;"",AY$569&lt;&gt;"")</formula>
    </cfRule>
    <cfRule type="expression" dxfId="7024" priority="9244">
      <formula>AND(AY$568="",AY$569="")</formula>
    </cfRule>
  </conditionalFormatting>
  <conditionalFormatting sqref="AZ572:AZ577">
    <cfRule type="expression" dxfId="7023" priority="9241">
      <formula>OR(AZ$568&lt;&gt;"",AZ$569&lt;&gt;"")</formula>
    </cfRule>
    <cfRule type="expression" dxfId="7022" priority="9242">
      <formula>AND(AZ$568="",AZ$569="")</formula>
    </cfRule>
  </conditionalFormatting>
  <conditionalFormatting sqref="AZ578">
    <cfRule type="expression" dxfId="7021" priority="9239">
      <formula>OR(AZ$568&lt;&gt;"",AZ$569&lt;&gt;"")</formula>
    </cfRule>
    <cfRule type="expression" dxfId="7020" priority="9240">
      <formula>AND(AZ$568="",AZ$569="")</formula>
    </cfRule>
  </conditionalFormatting>
  <conditionalFormatting sqref="AZ579:AZ584">
    <cfRule type="expression" dxfId="7019" priority="9237">
      <formula>OR(AZ$568&lt;&gt;"",AZ$569&lt;&gt;"")</formula>
    </cfRule>
    <cfRule type="expression" dxfId="7018" priority="9238">
      <formula>AND(AZ$568="",AZ$569="")</formula>
    </cfRule>
  </conditionalFormatting>
  <conditionalFormatting sqref="AZ586:AZ591">
    <cfRule type="expression" dxfId="7017" priority="9235">
      <formula>OR(AZ$568&lt;&gt;"",AZ$569&lt;&gt;"")</formula>
    </cfRule>
    <cfRule type="expression" dxfId="7016" priority="9236">
      <formula>AND(AZ$568="",AZ$569="")</formula>
    </cfRule>
  </conditionalFormatting>
  <conditionalFormatting sqref="AZ585">
    <cfRule type="expression" dxfId="7015" priority="9233">
      <formula>OR(AZ$568&lt;&gt;"",AZ$569&lt;&gt;"")</formula>
    </cfRule>
    <cfRule type="expression" dxfId="7014" priority="9234">
      <formula>AND(AZ$568="",AZ$569="")</formula>
    </cfRule>
  </conditionalFormatting>
  <conditionalFormatting sqref="BA572:BA577">
    <cfRule type="expression" dxfId="7013" priority="9231">
      <formula>OR(BA$568&lt;&gt;"",BA$569&lt;&gt;"")</formula>
    </cfRule>
    <cfRule type="expression" dxfId="7012" priority="9232">
      <formula>AND(BA$568="",BA$569="")</formula>
    </cfRule>
  </conditionalFormatting>
  <conditionalFormatting sqref="BA578">
    <cfRule type="expression" dxfId="7011" priority="9229">
      <formula>OR(BA$568&lt;&gt;"",BA$569&lt;&gt;"")</formula>
    </cfRule>
    <cfRule type="expression" dxfId="7010" priority="9230">
      <formula>AND(BA$568="",BA$569="")</formula>
    </cfRule>
  </conditionalFormatting>
  <conditionalFormatting sqref="BA579:BA584">
    <cfRule type="expression" dxfId="7009" priority="9227">
      <formula>OR(BA$568&lt;&gt;"",BA$569&lt;&gt;"")</formula>
    </cfRule>
    <cfRule type="expression" dxfId="7008" priority="9228">
      <formula>AND(BA$568="",BA$569="")</formula>
    </cfRule>
  </conditionalFormatting>
  <conditionalFormatting sqref="BA586:BA591">
    <cfRule type="expression" dxfId="7007" priority="9225">
      <formula>OR(BA$568&lt;&gt;"",BA$569&lt;&gt;"")</formula>
    </cfRule>
    <cfRule type="expression" dxfId="7006" priority="9226">
      <formula>AND(BA$568="",BA$569="")</formula>
    </cfRule>
  </conditionalFormatting>
  <conditionalFormatting sqref="BA585">
    <cfRule type="expression" dxfId="7005" priority="9223">
      <formula>OR(BA$568&lt;&gt;"",BA$569&lt;&gt;"")</formula>
    </cfRule>
    <cfRule type="expression" dxfId="7004" priority="9224">
      <formula>AND(BA$568="",BA$569="")</formula>
    </cfRule>
  </conditionalFormatting>
  <conditionalFormatting sqref="BB572:BB577">
    <cfRule type="expression" dxfId="7003" priority="9221">
      <formula>OR(BB$568&lt;&gt;"",BB$569&lt;&gt;"")</formula>
    </cfRule>
    <cfRule type="expression" dxfId="7002" priority="9222">
      <formula>AND(BB$568="",BB$569="")</formula>
    </cfRule>
  </conditionalFormatting>
  <conditionalFormatting sqref="BB578">
    <cfRule type="expression" dxfId="7001" priority="9219">
      <formula>OR(BB$568&lt;&gt;"",BB$569&lt;&gt;"")</formula>
    </cfRule>
    <cfRule type="expression" dxfId="7000" priority="9220">
      <formula>AND(BB$568="",BB$569="")</formula>
    </cfRule>
  </conditionalFormatting>
  <conditionalFormatting sqref="BB579:BB584">
    <cfRule type="expression" dxfId="6999" priority="9217">
      <formula>OR(BB$568&lt;&gt;"",BB$569&lt;&gt;"")</formula>
    </cfRule>
    <cfRule type="expression" dxfId="6998" priority="9218">
      <formula>AND(BB$568="",BB$569="")</formula>
    </cfRule>
  </conditionalFormatting>
  <conditionalFormatting sqref="BB586:BB591">
    <cfRule type="expression" dxfId="6997" priority="9215">
      <formula>OR(BB$568&lt;&gt;"",BB$569&lt;&gt;"")</formula>
    </cfRule>
    <cfRule type="expression" dxfId="6996" priority="9216">
      <formula>AND(BB$568="",BB$569="")</formula>
    </cfRule>
  </conditionalFormatting>
  <conditionalFormatting sqref="BB585">
    <cfRule type="expression" dxfId="6995" priority="9213">
      <formula>OR(BB$568&lt;&gt;"",BB$569&lt;&gt;"")</formula>
    </cfRule>
    <cfRule type="expression" dxfId="6994" priority="9214">
      <formula>AND(BB$568="",BB$569="")</formula>
    </cfRule>
  </conditionalFormatting>
  <conditionalFormatting sqref="BC572:BC577">
    <cfRule type="expression" dxfId="6993" priority="9211">
      <formula>OR(BC$568&lt;&gt;"",BC$569&lt;&gt;"")</formula>
    </cfRule>
    <cfRule type="expression" dxfId="6992" priority="9212">
      <formula>AND(BC$568="",BC$569="")</formula>
    </cfRule>
  </conditionalFormatting>
  <conditionalFormatting sqref="BC578">
    <cfRule type="expression" dxfId="6991" priority="9209">
      <formula>OR(BC$568&lt;&gt;"",BC$569&lt;&gt;"")</formula>
    </cfRule>
    <cfRule type="expression" dxfId="6990" priority="9210">
      <formula>AND(BC$568="",BC$569="")</formula>
    </cfRule>
  </conditionalFormatting>
  <conditionalFormatting sqref="BC579:BC584">
    <cfRule type="expression" dxfId="6989" priority="9207">
      <formula>OR(BC$568&lt;&gt;"",BC$569&lt;&gt;"")</formula>
    </cfRule>
    <cfRule type="expression" dxfId="6988" priority="9208">
      <formula>AND(BC$568="",BC$569="")</formula>
    </cfRule>
  </conditionalFormatting>
  <conditionalFormatting sqref="BC586:BC591">
    <cfRule type="expression" dxfId="6987" priority="9205">
      <formula>OR(BC$568&lt;&gt;"",BC$569&lt;&gt;"")</formula>
    </cfRule>
    <cfRule type="expression" dxfId="6986" priority="9206">
      <formula>AND(BC$568="",BC$569="")</formula>
    </cfRule>
  </conditionalFormatting>
  <conditionalFormatting sqref="BC585">
    <cfRule type="expression" dxfId="6985" priority="9203">
      <formula>OR(BC$568&lt;&gt;"",BC$569&lt;&gt;"")</formula>
    </cfRule>
    <cfRule type="expression" dxfId="6984" priority="9204">
      <formula>AND(BC$568="",BC$569="")</formula>
    </cfRule>
  </conditionalFormatting>
  <conditionalFormatting sqref="BD572:BD577">
    <cfRule type="expression" dxfId="6983" priority="9201">
      <formula>OR(BD$568&lt;&gt;"",BD$569&lt;&gt;"")</formula>
    </cfRule>
    <cfRule type="expression" dxfId="6982" priority="9202">
      <formula>AND(BD$568="",BD$569="")</formula>
    </cfRule>
  </conditionalFormatting>
  <conditionalFormatting sqref="BD578">
    <cfRule type="expression" dxfId="6981" priority="9199">
      <formula>OR(BD$568&lt;&gt;"",BD$569&lt;&gt;"")</formula>
    </cfRule>
    <cfRule type="expression" dxfId="6980" priority="9200">
      <formula>AND(BD$568="",BD$569="")</formula>
    </cfRule>
  </conditionalFormatting>
  <conditionalFormatting sqref="BD579:BD584">
    <cfRule type="expression" dxfId="6979" priority="9197">
      <formula>OR(BD$568&lt;&gt;"",BD$569&lt;&gt;"")</formula>
    </cfRule>
    <cfRule type="expression" dxfId="6978" priority="9198">
      <formula>AND(BD$568="",BD$569="")</formula>
    </cfRule>
  </conditionalFormatting>
  <conditionalFormatting sqref="BD586:BD591">
    <cfRule type="expression" dxfId="6977" priority="9195">
      <formula>OR(BD$568&lt;&gt;"",BD$569&lt;&gt;"")</formula>
    </cfRule>
    <cfRule type="expression" dxfId="6976" priority="9196">
      <formula>AND(BD$568="",BD$569="")</formula>
    </cfRule>
  </conditionalFormatting>
  <conditionalFormatting sqref="BD585">
    <cfRule type="expression" dxfId="6975" priority="9193">
      <formula>OR(BD$568&lt;&gt;"",BD$569&lt;&gt;"")</formula>
    </cfRule>
    <cfRule type="expression" dxfId="6974" priority="9194">
      <formula>AND(BD$568="",BD$569="")</formula>
    </cfRule>
  </conditionalFormatting>
  <conditionalFormatting sqref="BE572:BE577">
    <cfRule type="expression" dxfId="6973" priority="9191">
      <formula>OR(BE$568&lt;&gt;"",BE$569&lt;&gt;"")</formula>
    </cfRule>
    <cfRule type="expression" dxfId="6972" priority="9192">
      <formula>AND(BE$568="",BE$569="")</formula>
    </cfRule>
  </conditionalFormatting>
  <conditionalFormatting sqref="BE578">
    <cfRule type="expression" dxfId="6971" priority="9189">
      <formula>OR(BE$568&lt;&gt;"",BE$569&lt;&gt;"")</formula>
    </cfRule>
    <cfRule type="expression" dxfId="6970" priority="9190">
      <formula>AND(BE$568="",BE$569="")</formula>
    </cfRule>
  </conditionalFormatting>
  <conditionalFormatting sqref="BE579:BE584">
    <cfRule type="expression" dxfId="6969" priority="9187">
      <formula>OR(BE$568&lt;&gt;"",BE$569&lt;&gt;"")</formula>
    </cfRule>
    <cfRule type="expression" dxfId="6968" priority="9188">
      <formula>AND(BE$568="",BE$569="")</formula>
    </cfRule>
  </conditionalFormatting>
  <conditionalFormatting sqref="BE586:BE591">
    <cfRule type="expression" dxfId="6967" priority="9185">
      <formula>OR(BE$568&lt;&gt;"",BE$569&lt;&gt;"")</formula>
    </cfRule>
    <cfRule type="expression" dxfId="6966" priority="9186">
      <formula>AND(BE$568="",BE$569="")</formula>
    </cfRule>
  </conditionalFormatting>
  <conditionalFormatting sqref="BE585">
    <cfRule type="expression" dxfId="6965" priority="9183">
      <formula>OR(BE$568&lt;&gt;"",BE$569&lt;&gt;"")</formula>
    </cfRule>
    <cfRule type="expression" dxfId="6964" priority="9184">
      <formula>AND(BE$568="",BE$569="")</formula>
    </cfRule>
  </conditionalFormatting>
  <conditionalFormatting sqref="BF572:BF577">
    <cfRule type="expression" dxfId="6963" priority="9181">
      <formula>OR(BF$568&lt;&gt;"",BF$569&lt;&gt;"")</formula>
    </cfRule>
    <cfRule type="expression" dxfId="6962" priority="9182">
      <formula>AND(BF$568="",BF$569="")</formula>
    </cfRule>
  </conditionalFormatting>
  <conditionalFormatting sqref="BF578">
    <cfRule type="expression" dxfId="6961" priority="9179">
      <formula>OR(BF$568&lt;&gt;"",BF$569&lt;&gt;"")</formula>
    </cfRule>
    <cfRule type="expression" dxfId="6960" priority="9180">
      <formula>AND(BF$568="",BF$569="")</formula>
    </cfRule>
  </conditionalFormatting>
  <conditionalFormatting sqref="BF579:BF584">
    <cfRule type="expression" dxfId="6959" priority="9177">
      <formula>OR(BF$568&lt;&gt;"",BF$569&lt;&gt;"")</formula>
    </cfRule>
    <cfRule type="expression" dxfId="6958" priority="9178">
      <formula>AND(BF$568="",BF$569="")</formula>
    </cfRule>
  </conditionalFormatting>
  <conditionalFormatting sqref="BF586:BF591">
    <cfRule type="expression" dxfId="6957" priority="9175">
      <formula>OR(BF$568&lt;&gt;"",BF$569&lt;&gt;"")</formula>
    </cfRule>
    <cfRule type="expression" dxfId="6956" priority="9176">
      <formula>AND(BF$568="",BF$569="")</formula>
    </cfRule>
  </conditionalFormatting>
  <conditionalFormatting sqref="BF585">
    <cfRule type="expression" dxfId="6955" priority="9173">
      <formula>OR(BF$568&lt;&gt;"",BF$569&lt;&gt;"")</formula>
    </cfRule>
    <cfRule type="expression" dxfId="6954" priority="9174">
      <formula>AND(BF$568="",BF$569="")</formula>
    </cfRule>
  </conditionalFormatting>
  <conditionalFormatting sqref="BG572:BG577">
    <cfRule type="expression" dxfId="6953" priority="9171">
      <formula>OR(BG$568&lt;&gt;"",BG$569&lt;&gt;"")</formula>
    </cfRule>
    <cfRule type="expression" dxfId="6952" priority="9172">
      <formula>AND(BG$568="",BG$569="")</formula>
    </cfRule>
  </conditionalFormatting>
  <conditionalFormatting sqref="BG578">
    <cfRule type="expression" dxfId="6951" priority="9169">
      <formula>OR(BG$568&lt;&gt;"",BG$569&lt;&gt;"")</formula>
    </cfRule>
    <cfRule type="expression" dxfId="6950" priority="9170">
      <formula>AND(BG$568="",BG$569="")</formula>
    </cfRule>
  </conditionalFormatting>
  <conditionalFormatting sqref="BG579:BG584">
    <cfRule type="expression" dxfId="6949" priority="9167">
      <formula>OR(BG$568&lt;&gt;"",BG$569&lt;&gt;"")</formula>
    </cfRule>
    <cfRule type="expression" dxfId="6948" priority="9168">
      <formula>AND(BG$568="",BG$569="")</formula>
    </cfRule>
  </conditionalFormatting>
  <conditionalFormatting sqref="BG586:BG591">
    <cfRule type="expression" dxfId="6947" priority="9165">
      <formula>OR(BG$568&lt;&gt;"",BG$569&lt;&gt;"")</formula>
    </cfRule>
    <cfRule type="expression" dxfId="6946" priority="9166">
      <formula>AND(BG$568="",BG$569="")</formula>
    </cfRule>
  </conditionalFormatting>
  <conditionalFormatting sqref="BG585">
    <cfRule type="expression" dxfId="6945" priority="9163">
      <formula>OR(BG$568&lt;&gt;"",BG$569&lt;&gt;"")</formula>
    </cfRule>
    <cfRule type="expression" dxfId="6944" priority="9164">
      <formula>AND(BG$568="",BG$569="")</formula>
    </cfRule>
  </conditionalFormatting>
  <conditionalFormatting sqref="BH572:BH577">
    <cfRule type="expression" dxfId="6943" priority="9161">
      <formula>OR(BH$568&lt;&gt;"",BH$569&lt;&gt;"")</formula>
    </cfRule>
    <cfRule type="expression" dxfId="6942" priority="9162">
      <formula>AND(BH$568="",BH$569="")</formula>
    </cfRule>
  </conditionalFormatting>
  <conditionalFormatting sqref="BH578">
    <cfRule type="expression" dxfId="6941" priority="9159">
      <formula>OR(BH$568&lt;&gt;"",BH$569&lt;&gt;"")</formula>
    </cfRule>
    <cfRule type="expression" dxfId="6940" priority="9160">
      <formula>AND(BH$568="",BH$569="")</formula>
    </cfRule>
  </conditionalFormatting>
  <conditionalFormatting sqref="BH579:BH584">
    <cfRule type="expression" dxfId="6939" priority="9157">
      <formula>OR(BH$568&lt;&gt;"",BH$569&lt;&gt;"")</formula>
    </cfRule>
    <cfRule type="expression" dxfId="6938" priority="9158">
      <formula>AND(BH$568="",BH$569="")</formula>
    </cfRule>
  </conditionalFormatting>
  <conditionalFormatting sqref="BH586:BH591">
    <cfRule type="expression" dxfId="6937" priority="9155">
      <formula>OR(BH$568&lt;&gt;"",BH$569&lt;&gt;"")</formula>
    </cfRule>
    <cfRule type="expression" dxfId="6936" priority="9156">
      <formula>AND(BH$568="",BH$569="")</formula>
    </cfRule>
  </conditionalFormatting>
  <conditionalFormatting sqref="BH585">
    <cfRule type="expression" dxfId="6935" priority="9153">
      <formula>OR(BH$568&lt;&gt;"",BH$569&lt;&gt;"")</formula>
    </cfRule>
    <cfRule type="expression" dxfId="6934" priority="9154">
      <formula>AND(BH$568="",BH$569="")</formula>
    </cfRule>
  </conditionalFormatting>
  <conditionalFormatting sqref="BI572:BI577">
    <cfRule type="expression" dxfId="6933" priority="9151">
      <formula>OR(BI$568&lt;&gt;"",BI$569&lt;&gt;"")</formula>
    </cfRule>
    <cfRule type="expression" dxfId="6932" priority="9152">
      <formula>AND(BI$568="",BI$569="")</formula>
    </cfRule>
  </conditionalFormatting>
  <conditionalFormatting sqref="BI578">
    <cfRule type="expression" dxfId="6931" priority="9149">
      <formula>OR(BI$568&lt;&gt;"",BI$569&lt;&gt;"")</formula>
    </cfRule>
    <cfRule type="expression" dxfId="6930" priority="9150">
      <formula>AND(BI$568="",BI$569="")</formula>
    </cfRule>
  </conditionalFormatting>
  <conditionalFormatting sqref="BI579:BI584">
    <cfRule type="expression" dxfId="6929" priority="9147">
      <formula>OR(BI$568&lt;&gt;"",BI$569&lt;&gt;"")</formula>
    </cfRule>
    <cfRule type="expression" dxfId="6928" priority="9148">
      <formula>AND(BI$568="",BI$569="")</formula>
    </cfRule>
  </conditionalFormatting>
  <conditionalFormatting sqref="BI586:BI591">
    <cfRule type="expression" dxfId="6927" priority="9145">
      <formula>OR(BI$568&lt;&gt;"",BI$569&lt;&gt;"")</formula>
    </cfRule>
    <cfRule type="expression" dxfId="6926" priority="9146">
      <formula>AND(BI$568="",BI$569="")</formula>
    </cfRule>
  </conditionalFormatting>
  <conditionalFormatting sqref="BI585">
    <cfRule type="expression" dxfId="6925" priority="9143">
      <formula>OR(BI$568&lt;&gt;"",BI$569&lt;&gt;"")</formula>
    </cfRule>
    <cfRule type="expression" dxfId="6924" priority="9144">
      <formula>AND(BI$568="",BI$569="")</formula>
    </cfRule>
  </conditionalFormatting>
  <conditionalFormatting sqref="BJ572:BJ577">
    <cfRule type="expression" dxfId="6923" priority="9141">
      <formula>OR(BJ$568&lt;&gt;"",BJ$569&lt;&gt;"")</formula>
    </cfRule>
    <cfRule type="expression" dxfId="6922" priority="9142">
      <formula>AND(BJ$568="",BJ$569="")</formula>
    </cfRule>
  </conditionalFormatting>
  <conditionalFormatting sqref="BJ578">
    <cfRule type="expression" dxfId="6921" priority="9139">
      <formula>OR(BJ$568&lt;&gt;"",BJ$569&lt;&gt;"")</formula>
    </cfRule>
    <cfRule type="expression" dxfId="6920" priority="9140">
      <formula>AND(BJ$568="",BJ$569="")</formula>
    </cfRule>
  </conditionalFormatting>
  <conditionalFormatting sqref="BJ579:BJ584">
    <cfRule type="expression" dxfId="6919" priority="9137">
      <formula>OR(BJ$568&lt;&gt;"",BJ$569&lt;&gt;"")</formula>
    </cfRule>
    <cfRule type="expression" dxfId="6918" priority="9138">
      <formula>AND(BJ$568="",BJ$569="")</formula>
    </cfRule>
  </conditionalFormatting>
  <conditionalFormatting sqref="BJ586:BJ591">
    <cfRule type="expression" dxfId="6917" priority="9135">
      <formula>OR(BJ$568&lt;&gt;"",BJ$569&lt;&gt;"")</formula>
    </cfRule>
    <cfRule type="expression" dxfId="6916" priority="9136">
      <formula>AND(BJ$568="",BJ$569="")</formula>
    </cfRule>
  </conditionalFormatting>
  <conditionalFormatting sqref="BJ585">
    <cfRule type="expression" dxfId="6915" priority="9133">
      <formula>OR(BJ$568&lt;&gt;"",BJ$569&lt;&gt;"")</formula>
    </cfRule>
    <cfRule type="expression" dxfId="6914" priority="9134">
      <formula>AND(BJ$568="",BJ$569="")</formula>
    </cfRule>
  </conditionalFormatting>
  <conditionalFormatting sqref="BK572:BK577">
    <cfRule type="expression" dxfId="6913" priority="9131">
      <formula>OR(BK$568&lt;&gt;"",BK$569&lt;&gt;"")</formula>
    </cfRule>
    <cfRule type="expression" dxfId="6912" priority="9132">
      <formula>AND(BK$568="",BK$569="")</formula>
    </cfRule>
  </conditionalFormatting>
  <conditionalFormatting sqref="BK578">
    <cfRule type="expression" dxfId="6911" priority="9129">
      <formula>OR(BK$568&lt;&gt;"",BK$569&lt;&gt;"")</formula>
    </cfRule>
    <cfRule type="expression" dxfId="6910" priority="9130">
      <formula>AND(BK$568="",BK$569="")</formula>
    </cfRule>
  </conditionalFormatting>
  <conditionalFormatting sqref="BK579:BK584">
    <cfRule type="expression" dxfId="6909" priority="9127">
      <formula>OR(BK$568&lt;&gt;"",BK$569&lt;&gt;"")</formula>
    </cfRule>
    <cfRule type="expression" dxfId="6908" priority="9128">
      <formula>AND(BK$568="",BK$569="")</formula>
    </cfRule>
  </conditionalFormatting>
  <conditionalFormatting sqref="BK586:BK591">
    <cfRule type="expression" dxfId="6907" priority="9125">
      <formula>OR(BK$568&lt;&gt;"",BK$569&lt;&gt;"")</formula>
    </cfRule>
    <cfRule type="expression" dxfId="6906" priority="9126">
      <formula>AND(BK$568="",BK$569="")</formula>
    </cfRule>
  </conditionalFormatting>
  <conditionalFormatting sqref="BK585">
    <cfRule type="expression" dxfId="6905" priority="9123">
      <formula>OR(BK$568&lt;&gt;"",BK$569&lt;&gt;"")</formula>
    </cfRule>
    <cfRule type="expression" dxfId="6904" priority="9124">
      <formula>AND(BK$568="",BK$569="")</formula>
    </cfRule>
  </conditionalFormatting>
  <conditionalFormatting sqref="BL572:BL577">
    <cfRule type="expression" dxfId="6903" priority="9121">
      <formula>OR(BL$568&lt;&gt;"",BL$569&lt;&gt;"")</formula>
    </cfRule>
    <cfRule type="expression" dxfId="6902" priority="9122">
      <formula>AND(BL$568="",BL$569="")</formula>
    </cfRule>
  </conditionalFormatting>
  <conditionalFormatting sqref="BL578">
    <cfRule type="expression" dxfId="6901" priority="9119">
      <formula>OR(BL$568&lt;&gt;"",BL$569&lt;&gt;"")</formula>
    </cfRule>
    <cfRule type="expression" dxfId="6900" priority="9120">
      <formula>AND(BL$568="",BL$569="")</formula>
    </cfRule>
  </conditionalFormatting>
  <conditionalFormatting sqref="BL579:BL584">
    <cfRule type="expression" dxfId="6899" priority="9117">
      <formula>OR(BL$568&lt;&gt;"",BL$569&lt;&gt;"")</formula>
    </cfRule>
    <cfRule type="expression" dxfId="6898" priority="9118">
      <formula>AND(BL$568="",BL$569="")</formula>
    </cfRule>
  </conditionalFormatting>
  <conditionalFormatting sqref="BL586:BL591">
    <cfRule type="expression" dxfId="6897" priority="9115">
      <formula>OR(BL$568&lt;&gt;"",BL$569&lt;&gt;"")</formula>
    </cfRule>
    <cfRule type="expression" dxfId="6896" priority="9116">
      <formula>AND(BL$568="",BL$569="")</formula>
    </cfRule>
  </conditionalFormatting>
  <conditionalFormatting sqref="BL585">
    <cfRule type="expression" dxfId="6895" priority="9113">
      <formula>OR(BL$568&lt;&gt;"",BL$569&lt;&gt;"")</formula>
    </cfRule>
    <cfRule type="expression" dxfId="6894" priority="9114">
      <formula>AND(BL$568="",BL$569="")</formula>
    </cfRule>
  </conditionalFormatting>
  <conditionalFormatting sqref="BM572:BM577">
    <cfRule type="expression" dxfId="6893" priority="9111">
      <formula>OR(BM$568&lt;&gt;"",BM$569&lt;&gt;"")</formula>
    </cfRule>
    <cfRule type="expression" dxfId="6892" priority="9112">
      <formula>AND(BM$568="",BM$569="")</formula>
    </cfRule>
  </conditionalFormatting>
  <conditionalFormatting sqref="BM578">
    <cfRule type="expression" dxfId="6891" priority="9109">
      <formula>OR(BM$568&lt;&gt;"",BM$569&lt;&gt;"")</formula>
    </cfRule>
    <cfRule type="expression" dxfId="6890" priority="9110">
      <formula>AND(BM$568="",BM$569="")</formula>
    </cfRule>
  </conditionalFormatting>
  <conditionalFormatting sqref="BM579:BM584">
    <cfRule type="expression" dxfId="6889" priority="9107">
      <formula>OR(BM$568&lt;&gt;"",BM$569&lt;&gt;"")</formula>
    </cfRule>
    <cfRule type="expression" dxfId="6888" priority="9108">
      <formula>AND(BM$568="",BM$569="")</formula>
    </cfRule>
  </conditionalFormatting>
  <conditionalFormatting sqref="BM586:BM591">
    <cfRule type="expression" dxfId="6887" priority="9105">
      <formula>OR(BM$568&lt;&gt;"",BM$569&lt;&gt;"")</formula>
    </cfRule>
    <cfRule type="expression" dxfId="6886" priority="9106">
      <formula>AND(BM$568="",BM$569="")</formula>
    </cfRule>
  </conditionalFormatting>
  <conditionalFormatting sqref="BM585">
    <cfRule type="expression" dxfId="6885" priority="9103">
      <formula>OR(BM$568&lt;&gt;"",BM$569&lt;&gt;"")</formula>
    </cfRule>
    <cfRule type="expression" dxfId="6884" priority="9104">
      <formula>AND(BM$568="",BM$569="")</formula>
    </cfRule>
  </conditionalFormatting>
  <conditionalFormatting sqref="BN572:BN577">
    <cfRule type="expression" dxfId="6883" priority="9101">
      <formula>OR(BN$568&lt;&gt;"",BN$569&lt;&gt;"")</formula>
    </cfRule>
    <cfRule type="expression" dxfId="6882" priority="9102">
      <formula>AND(BN$568="",BN$569="")</formula>
    </cfRule>
  </conditionalFormatting>
  <conditionalFormatting sqref="BN578">
    <cfRule type="expression" dxfId="6881" priority="9099">
      <formula>OR(BN$568&lt;&gt;"",BN$569&lt;&gt;"")</formula>
    </cfRule>
    <cfRule type="expression" dxfId="6880" priority="9100">
      <formula>AND(BN$568="",BN$569="")</formula>
    </cfRule>
  </conditionalFormatting>
  <conditionalFormatting sqref="BN579:BN584">
    <cfRule type="expression" dxfId="6879" priority="9097">
      <formula>OR(BN$568&lt;&gt;"",BN$569&lt;&gt;"")</formula>
    </cfRule>
    <cfRule type="expression" dxfId="6878" priority="9098">
      <formula>AND(BN$568="",BN$569="")</formula>
    </cfRule>
  </conditionalFormatting>
  <conditionalFormatting sqref="BN586:BN591">
    <cfRule type="expression" dxfId="6877" priority="9095">
      <formula>OR(BN$568&lt;&gt;"",BN$569&lt;&gt;"")</formula>
    </cfRule>
    <cfRule type="expression" dxfId="6876" priority="9096">
      <formula>AND(BN$568="",BN$569="")</formula>
    </cfRule>
  </conditionalFormatting>
  <conditionalFormatting sqref="BN585">
    <cfRule type="expression" dxfId="6875" priority="9093">
      <formula>OR(BN$568&lt;&gt;"",BN$569&lt;&gt;"")</formula>
    </cfRule>
    <cfRule type="expression" dxfId="6874" priority="9094">
      <formula>AND(BN$568="",BN$569="")</formula>
    </cfRule>
  </conditionalFormatting>
  <conditionalFormatting sqref="BO572:BO577">
    <cfRule type="expression" dxfId="6873" priority="9091">
      <formula>OR(BO$568&lt;&gt;"",BO$569&lt;&gt;"")</formula>
    </cfRule>
    <cfRule type="expression" dxfId="6872" priority="9092">
      <formula>AND(BO$568="",BO$569="")</formula>
    </cfRule>
  </conditionalFormatting>
  <conditionalFormatting sqref="BO578">
    <cfRule type="expression" dxfId="6871" priority="9089">
      <formula>OR(BO$568&lt;&gt;"",BO$569&lt;&gt;"")</formula>
    </cfRule>
    <cfRule type="expression" dxfId="6870" priority="9090">
      <formula>AND(BO$568="",BO$569="")</formula>
    </cfRule>
  </conditionalFormatting>
  <conditionalFormatting sqref="BO579:BO584">
    <cfRule type="expression" dxfId="6869" priority="9087">
      <formula>OR(BO$568&lt;&gt;"",BO$569&lt;&gt;"")</formula>
    </cfRule>
    <cfRule type="expression" dxfId="6868" priority="9088">
      <formula>AND(BO$568="",BO$569="")</formula>
    </cfRule>
  </conditionalFormatting>
  <conditionalFormatting sqref="BO586:BO591">
    <cfRule type="expression" dxfId="6867" priority="9085">
      <formula>OR(BO$568&lt;&gt;"",BO$569&lt;&gt;"")</formula>
    </cfRule>
    <cfRule type="expression" dxfId="6866" priority="9086">
      <formula>AND(BO$568="",BO$569="")</formula>
    </cfRule>
  </conditionalFormatting>
  <conditionalFormatting sqref="BO585">
    <cfRule type="expression" dxfId="6865" priority="9083">
      <formula>OR(BO$568&lt;&gt;"",BO$569&lt;&gt;"")</formula>
    </cfRule>
    <cfRule type="expression" dxfId="6864" priority="9084">
      <formula>AND(BO$568="",BO$569="")</formula>
    </cfRule>
  </conditionalFormatting>
  <conditionalFormatting sqref="BP572:BP577">
    <cfRule type="expression" dxfId="6863" priority="9081">
      <formula>OR(BP$568&lt;&gt;"",BP$569&lt;&gt;"")</formula>
    </cfRule>
    <cfRule type="expression" dxfId="6862" priority="9082">
      <formula>AND(BP$568="",BP$569="")</formula>
    </cfRule>
  </conditionalFormatting>
  <conditionalFormatting sqref="BP578">
    <cfRule type="expression" dxfId="6861" priority="9079">
      <formula>OR(BP$568&lt;&gt;"",BP$569&lt;&gt;"")</formula>
    </cfRule>
    <cfRule type="expression" dxfId="6860" priority="9080">
      <formula>AND(BP$568="",BP$569="")</formula>
    </cfRule>
  </conditionalFormatting>
  <conditionalFormatting sqref="BP579:BP584">
    <cfRule type="expression" dxfId="6859" priority="9077">
      <formula>OR(BP$568&lt;&gt;"",BP$569&lt;&gt;"")</formula>
    </cfRule>
    <cfRule type="expression" dxfId="6858" priority="9078">
      <formula>AND(BP$568="",BP$569="")</formula>
    </cfRule>
  </conditionalFormatting>
  <conditionalFormatting sqref="BP586:BP591">
    <cfRule type="expression" dxfId="6857" priority="9075">
      <formula>OR(BP$568&lt;&gt;"",BP$569&lt;&gt;"")</formula>
    </cfRule>
    <cfRule type="expression" dxfId="6856" priority="9076">
      <formula>AND(BP$568="",BP$569="")</formula>
    </cfRule>
  </conditionalFormatting>
  <conditionalFormatting sqref="BP585">
    <cfRule type="expression" dxfId="6855" priority="9073">
      <formula>OR(BP$568&lt;&gt;"",BP$569&lt;&gt;"")</formula>
    </cfRule>
    <cfRule type="expression" dxfId="6854" priority="9074">
      <formula>AND(BP$568="",BP$569="")</formula>
    </cfRule>
  </conditionalFormatting>
  <conditionalFormatting sqref="BQ572:BQ577">
    <cfRule type="expression" dxfId="6853" priority="9071">
      <formula>OR(BQ$568&lt;&gt;"",BQ$569&lt;&gt;"")</formula>
    </cfRule>
    <cfRule type="expression" dxfId="6852" priority="9072">
      <formula>AND(BQ$568="",BQ$569="")</formula>
    </cfRule>
  </conditionalFormatting>
  <conditionalFormatting sqref="BQ578">
    <cfRule type="expression" dxfId="6851" priority="9069">
      <formula>OR(BQ$568&lt;&gt;"",BQ$569&lt;&gt;"")</formula>
    </cfRule>
    <cfRule type="expression" dxfId="6850" priority="9070">
      <formula>AND(BQ$568="",BQ$569="")</formula>
    </cfRule>
  </conditionalFormatting>
  <conditionalFormatting sqref="BQ579:BQ584">
    <cfRule type="expression" dxfId="6849" priority="9067">
      <formula>OR(BQ$568&lt;&gt;"",BQ$569&lt;&gt;"")</formula>
    </cfRule>
    <cfRule type="expression" dxfId="6848" priority="9068">
      <formula>AND(BQ$568="",BQ$569="")</formula>
    </cfRule>
  </conditionalFormatting>
  <conditionalFormatting sqref="BQ586:BQ591">
    <cfRule type="expression" dxfId="6847" priority="9065">
      <formula>OR(BQ$568&lt;&gt;"",BQ$569&lt;&gt;"")</formula>
    </cfRule>
    <cfRule type="expression" dxfId="6846" priority="9066">
      <formula>AND(BQ$568="",BQ$569="")</formula>
    </cfRule>
  </conditionalFormatting>
  <conditionalFormatting sqref="BQ585">
    <cfRule type="expression" dxfId="6845" priority="9063">
      <formula>OR(BQ$568&lt;&gt;"",BQ$569&lt;&gt;"")</formula>
    </cfRule>
    <cfRule type="expression" dxfId="6844" priority="9064">
      <formula>AND(BQ$568="",BQ$569="")</formula>
    </cfRule>
  </conditionalFormatting>
  <conditionalFormatting sqref="BR572:BR577">
    <cfRule type="expression" dxfId="6843" priority="9061">
      <formula>OR(BR$568&lt;&gt;"",BR$569&lt;&gt;"")</formula>
    </cfRule>
    <cfRule type="expression" dxfId="6842" priority="9062">
      <formula>AND(BR$568="",BR$569="")</formula>
    </cfRule>
  </conditionalFormatting>
  <conditionalFormatting sqref="BR578">
    <cfRule type="expression" dxfId="6841" priority="9059">
      <formula>OR(BR$568&lt;&gt;"",BR$569&lt;&gt;"")</formula>
    </cfRule>
    <cfRule type="expression" dxfId="6840" priority="9060">
      <formula>AND(BR$568="",BR$569="")</formula>
    </cfRule>
  </conditionalFormatting>
  <conditionalFormatting sqref="BR579:BR584">
    <cfRule type="expression" dxfId="6839" priority="9057">
      <formula>OR(BR$568&lt;&gt;"",BR$569&lt;&gt;"")</formula>
    </cfRule>
    <cfRule type="expression" dxfId="6838" priority="9058">
      <formula>AND(BR$568="",BR$569="")</formula>
    </cfRule>
  </conditionalFormatting>
  <conditionalFormatting sqref="BR586:BR591">
    <cfRule type="expression" dxfId="6837" priority="9055">
      <formula>OR(BR$568&lt;&gt;"",BR$569&lt;&gt;"")</formula>
    </cfRule>
    <cfRule type="expression" dxfId="6836" priority="9056">
      <formula>AND(BR$568="",BR$569="")</formula>
    </cfRule>
  </conditionalFormatting>
  <conditionalFormatting sqref="BR585">
    <cfRule type="expression" dxfId="6835" priority="9053">
      <formula>OR(BR$568&lt;&gt;"",BR$569&lt;&gt;"")</formula>
    </cfRule>
    <cfRule type="expression" dxfId="6834" priority="9054">
      <formula>AND(BR$568="",BR$569="")</formula>
    </cfRule>
  </conditionalFormatting>
  <conditionalFormatting sqref="BS572:BS577">
    <cfRule type="expression" dxfId="6833" priority="9051">
      <formula>OR(BS$568&lt;&gt;"",BS$569&lt;&gt;"")</formula>
    </cfRule>
    <cfRule type="expression" dxfId="6832" priority="9052">
      <formula>AND(BS$568="",BS$569="")</formula>
    </cfRule>
  </conditionalFormatting>
  <conditionalFormatting sqref="BS578">
    <cfRule type="expression" dxfId="6831" priority="9049">
      <formula>OR(BS$568&lt;&gt;"",BS$569&lt;&gt;"")</formula>
    </cfRule>
    <cfRule type="expression" dxfId="6830" priority="9050">
      <formula>AND(BS$568="",BS$569="")</formula>
    </cfRule>
  </conditionalFormatting>
  <conditionalFormatting sqref="BS579:BS584">
    <cfRule type="expression" dxfId="6829" priority="9047">
      <formula>OR(BS$568&lt;&gt;"",BS$569&lt;&gt;"")</formula>
    </cfRule>
    <cfRule type="expression" dxfId="6828" priority="9048">
      <formula>AND(BS$568="",BS$569="")</formula>
    </cfRule>
  </conditionalFormatting>
  <conditionalFormatting sqref="BS586:BS591">
    <cfRule type="expression" dxfId="6827" priority="9045">
      <formula>OR(BS$568&lt;&gt;"",BS$569&lt;&gt;"")</formula>
    </cfRule>
    <cfRule type="expression" dxfId="6826" priority="9046">
      <formula>AND(BS$568="",BS$569="")</formula>
    </cfRule>
  </conditionalFormatting>
  <conditionalFormatting sqref="BS585">
    <cfRule type="expression" dxfId="6825" priority="9043">
      <formula>OR(BS$568&lt;&gt;"",BS$569&lt;&gt;"")</formula>
    </cfRule>
    <cfRule type="expression" dxfId="6824" priority="9044">
      <formula>AND(BS$568="",BS$569="")</formula>
    </cfRule>
  </conditionalFormatting>
  <conditionalFormatting sqref="M597:M598">
    <cfRule type="expression" dxfId="6823" priority="9041">
      <formula>OR(M$597&lt;&gt;"",M$598&lt;&gt;"")</formula>
    </cfRule>
    <cfRule type="expression" dxfId="6822" priority="9042">
      <formula>AND(M$597="",M$598="")</formula>
    </cfRule>
  </conditionalFormatting>
  <conditionalFormatting sqref="N597:N598">
    <cfRule type="expression" dxfId="6821" priority="9039">
      <formula>OR(N$597&lt;&gt;"",N$598&lt;&gt;"")</formula>
    </cfRule>
    <cfRule type="expression" dxfId="6820" priority="9040">
      <formula>AND(N$597="",N$598="")</formula>
    </cfRule>
  </conditionalFormatting>
  <conditionalFormatting sqref="M599:M603">
    <cfRule type="expression" dxfId="6819" priority="9037">
      <formula>OR($M$597&lt;&gt;"",$M$598&lt;&gt;"")</formula>
    </cfRule>
    <cfRule type="expression" dxfId="6818" priority="9038">
      <formula>AND($M$597="",$M$598="")</formula>
    </cfRule>
  </conditionalFormatting>
  <conditionalFormatting sqref="N599:N603">
    <cfRule type="expression" dxfId="6817" priority="9035">
      <formula>OR(N$597&lt;&gt;"",N$598&lt;&gt;"")</formula>
    </cfRule>
    <cfRule type="expression" dxfId="6816" priority="9036">
      <formula>AND(N$597="",N$598="")</formula>
    </cfRule>
  </conditionalFormatting>
  <conditionalFormatting sqref="M604:M608">
    <cfRule type="expression" dxfId="6815" priority="9033">
      <formula>OR($M$597&lt;&gt;"",$M$598&lt;&gt;"")</formula>
    </cfRule>
    <cfRule type="expression" dxfId="6814" priority="9034">
      <formula>AND($M$597="",$M$598="")</formula>
    </cfRule>
  </conditionalFormatting>
  <conditionalFormatting sqref="N604:N608">
    <cfRule type="expression" dxfId="6813" priority="9031">
      <formula>OR(N$597&lt;&gt;"",N$598&lt;&gt;"")</formula>
    </cfRule>
    <cfRule type="expression" dxfId="6812" priority="9032">
      <formula>AND(N$597="",N$598="")</formula>
    </cfRule>
  </conditionalFormatting>
  <conditionalFormatting sqref="M609:M614">
    <cfRule type="expression" dxfId="6811" priority="9029">
      <formula>OR($M$597&lt;&gt;"",$M$598&lt;&gt;"")</formula>
    </cfRule>
    <cfRule type="expression" dxfId="6810" priority="9030">
      <formula>AND($M$597="",$M$598="")</formula>
    </cfRule>
  </conditionalFormatting>
  <conditionalFormatting sqref="N609:N614">
    <cfRule type="expression" dxfId="6809" priority="9027">
      <formula>OR(N$597&lt;&gt;"",N$598&lt;&gt;"")</formula>
    </cfRule>
    <cfRule type="expression" dxfId="6808" priority="9028">
      <formula>AND(N$597="",N$598="")</formula>
    </cfRule>
  </conditionalFormatting>
  <conditionalFormatting sqref="O597:O598">
    <cfRule type="expression" dxfId="6807" priority="9025">
      <formula>OR(O$597&lt;&gt;"",O$598&lt;&gt;"")</formula>
    </cfRule>
    <cfRule type="expression" dxfId="6806" priority="9026">
      <formula>AND(O$597="",O$598="")</formula>
    </cfRule>
  </conditionalFormatting>
  <conditionalFormatting sqref="O599:O603">
    <cfRule type="expression" dxfId="6805" priority="9023">
      <formula>OR(O$597&lt;&gt;"",O$598&lt;&gt;"")</formula>
    </cfRule>
    <cfRule type="expression" dxfId="6804" priority="9024">
      <formula>AND(O$597="",O$598="")</formula>
    </cfRule>
  </conditionalFormatting>
  <conditionalFormatting sqref="O604:O608">
    <cfRule type="expression" dxfId="6803" priority="9021">
      <formula>OR(O$597&lt;&gt;"",O$598&lt;&gt;"")</formula>
    </cfRule>
    <cfRule type="expression" dxfId="6802" priority="9022">
      <formula>AND(O$597="",O$598="")</formula>
    </cfRule>
  </conditionalFormatting>
  <conditionalFormatting sqref="O609:O614">
    <cfRule type="expression" dxfId="6801" priority="9019">
      <formula>OR(O$597&lt;&gt;"",O$598&lt;&gt;"")</formula>
    </cfRule>
    <cfRule type="expression" dxfId="6800" priority="9020">
      <formula>AND(O$597="",O$598="")</formula>
    </cfRule>
  </conditionalFormatting>
  <conditionalFormatting sqref="P597:P598">
    <cfRule type="expression" dxfId="6799" priority="9017">
      <formula>OR(P$597&lt;&gt;"",P$598&lt;&gt;"")</formula>
    </cfRule>
    <cfRule type="expression" dxfId="6798" priority="9018">
      <formula>AND(P$597="",P$598="")</formula>
    </cfRule>
  </conditionalFormatting>
  <conditionalFormatting sqref="P599:P603">
    <cfRule type="expression" dxfId="6797" priority="9015">
      <formula>OR(P$597&lt;&gt;"",P$598&lt;&gt;"")</formula>
    </cfRule>
    <cfRule type="expression" dxfId="6796" priority="9016">
      <formula>AND(P$597="",P$598="")</formula>
    </cfRule>
  </conditionalFormatting>
  <conditionalFormatting sqref="P604:P608">
    <cfRule type="expression" dxfId="6795" priority="9013">
      <formula>OR(P$597&lt;&gt;"",P$598&lt;&gt;"")</formula>
    </cfRule>
    <cfRule type="expression" dxfId="6794" priority="9014">
      <formula>AND(P$597="",P$598="")</formula>
    </cfRule>
  </conditionalFormatting>
  <conditionalFormatting sqref="P609:P614">
    <cfRule type="expression" dxfId="6793" priority="9011">
      <formula>OR(P$597&lt;&gt;"",P$598&lt;&gt;"")</formula>
    </cfRule>
    <cfRule type="expression" dxfId="6792" priority="9012">
      <formula>AND(P$597="",P$598="")</formula>
    </cfRule>
  </conditionalFormatting>
  <conditionalFormatting sqref="Q597:Q598">
    <cfRule type="expression" dxfId="6791" priority="9009">
      <formula>OR(Q$597&lt;&gt;"",Q$598&lt;&gt;"")</formula>
    </cfRule>
    <cfRule type="expression" dxfId="6790" priority="9010">
      <formula>AND(Q$597="",Q$598="")</formula>
    </cfRule>
  </conditionalFormatting>
  <conditionalFormatting sqref="Q599:Q603">
    <cfRule type="expression" dxfId="6789" priority="9007">
      <formula>OR(Q$597&lt;&gt;"",Q$598&lt;&gt;"")</formula>
    </cfRule>
    <cfRule type="expression" dxfId="6788" priority="9008">
      <formula>AND(Q$597="",Q$598="")</formula>
    </cfRule>
  </conditionalFormatting>
  <conditionalFormatting sqref="Q604:Q608">
    <cfRule type="expression" dxfId="6787" priority="9005">
      <formula>OR(Q$597&lt;&gt;"",Q$598&lt;&gt;"")</formula>
    </cfRule>
    <cfRule type="expression" dxfId="6786" priority="9006">
      <formula>AND(Q$597="",Q$598="")</formula>
    </cfRule>
  </conditionalFormatting>
  <conditionalFormatting sqref="Q609:Q614">
    <cfRule type="expression" dxfId="6785" priority="9003">
      <formula>OR(Q$597&lt;&gt;"",Q$598&lt;&gt;"")</formula>
    </cfRule>
    <cfRule type="expression" dxfId="6784" priority="9004">
      <formula>AND(Q$597="",Q$598="")</formula>
    </cfRule>
  </conditionalFormatting>
  <conditionalFormatting sqref="R597:R598">
    <cfRule type="expression" dxfId="6783" priority="9001">
      <formula>OR(R$597&lt;&gt;"",R$598&lt;&gt;"")</formula>
    </cfRule>
    <cfRule type="expression" dxfId="6782" priority="9002">
      <formula>AND(R$597="",R$598="")</formula>
    </cfRule>
  </conditionalFormatting>
  <conditionalFormatting sqref="R599:R603">
    <cfRule type="expression" dxfId="6781" priority="8999">
      <formula>OR(R$597&lt;&gt;"",R$598&lt;&gt;"")</formula>
    </cfRule>
    <cfRule type="expression" dxfId="6780" priority="9000">
      <formula>AND(R$597="",R$598="")</formula>
    </cfRule>
  </conditionalFormatting>
  <conditionalFormatting sqref="R604:R608">
    <cfRule type="expression" dxfId="6779" priority="8997">
      <formula>OR(R$597&lt;&gt;"",R$598&lt;&gt;"")</formula>
    </cfRule>
    <cfRule type="expression" dxfId="6778" priority="8998">
      <formula>AND(R$597="",R$598="")</formula>
    </cfRule>
  </conditionalFormatting>
  <conditionalFormatting sqref="R609:R614">
    <cfRule type="expression" dxfId="6777" priority="8995">
      <formula>OR(R$597&lt;&gt;"",R$598&lt;&gt;"")</formula>
    </cfRule>
    <cfRule type="expression" dxfId="6776" priority="8996">
      <formula>AND(R$597="",R$598="")</formula>
    </cfRule>
  </conditionalFormatting>
  <conditionalFormatting sqref="S597:S598">
    <cfRule type="expression" dxfId="6775" priority="8993">
      <formula>OR(S$597&lt;&gt;"",S$598&lt;&gt;"")</formula>
    </cfRule>
    <cfRule type="expression" dxfId="6774" priority="8994">
      <formula>AND(S$597="",S$598="")</formula>
    </cfRule>
  </conditionalFormatting>
  <conditionalFormatting sqref="S599:S603">
    <cfRule type="expression" dxfId="6773" priority="8991">
      <formula>OR(S$597&lt;&gt;"",S$598&lt;&gt;"")</formula>
    </cfRule>
    <cfRule type="expression" dxfId="6772" priority="8992">
      <formula>AND(S$597="",S$598="")</formula>
    </cfRule>
  </conditionalFormatting>
  <conditionalFormatting sqref="S604:S608">
    <cfRule type="expression" dxfId="6771" priority="8989">
      <formula>OR(S$597&lt;&gt;"",S$598&lt;&gt;"")</formula>
    </cfRule>
    <cfRule type="expression" dxfId="6770" priority="8990">
      <formula>AND(S$597="",S$598="")</formula>
    </cfRule>
  </conditionalFormatting>
  <conditionalFormatting sqref="S609:S614">
    <cfRule type="expression" dxfId="6769" priority="8987">
      <formula>OR(S$597&lt;&gt;"",S$598&lt;&gt;"")</formula>
    </cfRule>
    <cfRule type="expression" dxfId="6768" priority="8988">
      <formula>AND(S$597="",S$598="")</formula>
    </cfRule>
  </conditionalFormatting>
  <conditionalFormatting sqref="T597:T598">
    <cfRule type="expression" dxfId="6767" priority="8985">
      <formula>OR(T$597&lt;&gt;"",T$598&lt;&gt;"")</formula>
    </cfRule>
    <cfRule type="expression" dxfId="6766" priority="8986">
      <formula>AND(T$597="",T$598="")</formula>
    </cfRule>
  </conditionalFormatting>
  <conditionalFormatting sqref="T599:T603">
    <cfRule type="expression" dxfId="6765" priority="8983">
      <formula>OR(T$597&lt;&gt;"",T$598&lt;&gt;"")</formula>
    </cfRule>
    <cfRule type="expression" dxfId="6764" priority="8984">
      <formula>AND(T$597="",T$598="")</formula>
    </cfRule>
  </conditionalFormatting>
  <conditionalFormatting sqref="T604:T608">
    <cfRule type="expression" dxfId="6763" priority="8981">
      <formula>OR(T$597&lt;&gt;"",T$598&lt;&gt;"")</formula>
    </cfRule>
    <cfRule type="expression" dxfId="6762" priority="8982">
      <formula>AND(T$597="",T$598="")</formula>
    </cfRule>
  </conditionalFormatting>
  <conditionalFormatting sqref="T609:T614">
    <cfRule type="expression" dxfId="6761" priority="8979">
      <formula>OR(T$597&lt;&gt;"",T$598&lt;&gt;"")</formula>
    </cfRule>
    <cfRule type="expression" dxfId="6760" priority="8980">
      <formula>AND(T$597="",T$598="")</formula>
    </cfRule>
  </conditionalFormatting>
  <conditionalFormatting sqref="U597:U598">
    <cfRule type="expression" dxfId="6759" priority="8977">
      <formula>OR(U$597&lt;&gt;"",U$598&lt;&gt;"")</formula>
    </cfRule>
    <cfRule type="expression" dxfId="6758" priority="8978">
      <formula>AND(U$597="",U$598="")</formula>
    </cfRule>
  </conditionalFormatting>
  <conditionalFormatting sqref="U599:U603">
    <cfRule type="expression" dxfId="6757" priority="8975">
      <formula>OR(U$597&lt;&gt;"",U$598&lt;&gt;"")</formula>
    </cfRule>
    <cfRule type="expression" dxfId="6756" priority="8976">
      <formula>AND(U$597="",U$598="")</formula>
    </cfRule>
  </conditionalFormatting>
  <conditionalFormatting sqref="U604:U608">
    <cfRule type="expression" dxfId="6755" priority="8973">
      <formula>OR(U$597&lt;&gt;"",U$598&lt;&gt;"")</formula>
    </cfRule>
    <cfRule type="expression" dxfId="6754" priority="8974">
      <formula>AND(U$597="",U$598="")</formula>
    </cfRule>
  </conditionalFormatting>
  <conditionalFormatting sqref="U609:U614">
    <cfRule type="expression" dxfId="6753" priority="8971">
      <formula>OR(U$597&lt;&gt;"",U$598&lt;&gt;"")</formula>
    </cfRule>
    <cfRule type="expression" dxfId="6752" priority="8972">
      <formula>AND(U$597="",U$598="")</formula>
    </cfRule>
  </conditionalFormatting>
  <conditionalFormatting sqref="V597:V598">
    <cfRule type="expression" dxfId="6751" priority="8969">
      <formula>OR(V$597&lt;&gt;"",V$598&lt;&gt;"")</formula>
    </cfRule>
    <cfRule type="expression" dxfId="6750" priority="8970">
      <formula>AND(V$597="",V$598="")</formula>
    </cfRule>
  </conditionalFormatting>
  <conditionalFormatting sqref="V599:V603">
    <cfRule type="expression" dxfId="6749" priority="8967">
      <formula>OR(V$597&lt;&gt;"",V$598&lt;&gt;"")</formula>
    </cfRule>
    <cfRule type="expression" dxfId="6748" priority="8968">
      <formula>AND(V$597="",V$598="")</formula>
    </cfRule>
  </conditionalFormatting>
  <conditionalFormatting sqref="V604:V608">
    <cfRule type="expression" dxfId="6747" priority="8965">
      <formula>OR(V$597&lt;&gt;"",V$598&lt;&gt;"")</formula>
    </cfRule>
    <cfRule type="expression" dxfId="6746" priority="8966">
      <formula>AND(V$597="",V$598="")</formula>
    </cfRule>
  </conditionalFormatting>
  <conditionalFormatting sqref="V609:V614">
    <cfRule type="expression" dxfId="6745" priority="8963">
      <formula>OR(V$597&lt;&gt;"",V$598&lt;&gt;"")</formula>
    </cfRule>
    <cfRule type="expression" dxfId="6744" priority="8964">
      <formula>AND(V$597="",V$598="")</formula>
    </cfRule>
  </conditionalFormatting>
  <conditionalFormatting sqref="W597:W598">
    <cfRule type="expression" dxfId="6743" priority="8961">
      <formula>OR(W$597&lt;&gt;"",W$598&lt;&gt;"")</formula>
    </cfRule>
    <cfRule type="expression" dxfId="6742" priority="8962">
      <formula>AND(W$597="",W$598="")</formula>
    </cfRule>
  </conditionalFormatting>
  <conditionalFormatting sqref="W599:W603">
    <cfRule type="expression" dxfId="6741" priority="8959">
      <formula>OR(W$597&lt;&gt;"",W$598&lt;&gt;"")</formula>
    </cfRule>
    <cfRule type="expression" dxfId="6740" priority="8960">
      <formula>AND(W$597="",W$598="")</formula>
    </cfRule>
  </conditionalFormatting>
  <conditionalFormatting sqref="W604:W608">
    <cfRule type="expression" dxfId="6739" priority="8957">
      <formula>OR(W$597&lt;&gt;"",W$598&lt;&gt;"")</formula>
    </cfRule>
    <cfRule type="expression" dxfId="6738" priority="8958">
      <formula>AND(W$597="",W$598="")</formula>
    </cfRule>
  </conditionalFormatting>
  <conditionalFormatting sqref="W609:W614">
    <cfRule type="expression" dxfId="6737" priority="8955">
      <formula>OR(W$597&lt;&gt;"",W$598&lt;&gt;"")</formula>
    </cfRule>
    <cfRule type="expression" dxfId="6736" priority="8956">
      <formula>AND(W$597="",W$598="")</formula>
    </cfRule>
  </conditionalFormatting>
  <conditionalFormatting sqref="X597:X598">
    <cfRule type="expression" dxfId="6735" priority="8953">
      <formula>OR(X$597&lt;&gt;"",X$598&lt;&gt;"")</formula>
    </cfRule>
    <cfRule type="expression" dxfId="6734" priority="8954">
      <formula>AND(X$597="",X$598="")</formula>
    </cfRule>
  </conditionalFormatting>
  <conditionalFormatting sqref="X599:X603">
    <cfRule type="expression" dxfId="6733" priority="8951">
      <formula>OR(X$597&lt;&gt;"",X$598&lt;&gt;"")</formula>
    </cfRule>
    <cfRule type="expression" dxfId="6732" priority="8952">
      <formula>AND(X$597="",X$598="")</formula>
    </cfRule>
  </conditionalFormatting>
  <conditionalFormatting sqref="X604:X608">
    <cfRule type="expression" dxfId="6731" priority="8949">
      <formula>OR(X$597&lt;&gt;"",X$598&lt;&gt;"")</formula>
    </cfRule>
    <cfRule type="expression" dxfId="6730" priority="8950">
      <formula>AND(X$597="",X$598="")</formula>
    </cfRule>
  </conditionalFormatting>
  <conditionalFormatting sqref="X609:X614">
    <cfRule type="expression" dxfId="6729" priority="8947">
      <formula>OR(X$597&lt;&gt;"",X$598&lt;&gt;"")</formula>
    </cfRule>
    <cfRule type="expression" dxfId="6728" priority="8948">
      <formula>AND(X$597="",X$598="")</formula>
    </cfRule>
  </conditionalFormatting>
  <conditionalFormatting sqref="Y597:Y598">
    <cfRule type="expression" dxfId="6727" priority="8945">
      <formula>OR(Y$597&lt;&gt;"",Y$598&lt;&gt;"")</formula>
    </cfRule>
    <cfRule type="expression" dxfId="6726" priority="8946">
      <formula>AND(Y$597="",Y$598="")</formula>
    </cfRule>
  </conditionalFormatting>
  <conditionalFormatting sqref="Y599:Y603">
    <cfRule type="expression" dxfId="6725" priority="8943">
      <formula>OR(Y$597&lt;&gt;"",Y$598&lt;&gt;"")</formula>
    </cfRule>
    <cfRule type="expression" dxfId="6724" priority="8944">
      <formula>AND(Y$597="",Y$598="")</formula>
    </cfRule>
  </conditionalFormatting>
  <conditionalFormatting sqref="Y604:Y608">
    <cfRule type="expression" dxfId="6723" priority="8941">
      <formula>OR(Y$597&lt;&gt;"",Y$598&lt;&gt;"")</formula>
    </cfRule>
    <cfRule type="expression" dxfId="6722" priority="8942">
      <formula>AND(Y$597="",Y$598="")</formula>
    </cfRule>
  </conditionalFormatting>
  <conditionalFormatting sqref="Y609:Y614">
    <cfRule type="expression" dxfId="6721" priority="8939">
      <formula>OR(Y$597&lt;&gt;"",Y$598&lt;&gt;"")</formula>
    </cfRule>
    <cfRule type="expression" dxfId="6720" priority="8940">
      <formula>AND(Y$597="",Y$598="")</formula>
    </cfRule>
  </conditionalFormatting>
  <conditionalFormatting sqref="Z597:Z598">
    <cfRule type="expression" dxfId="6719" priority="8937">
      <formula>OR(Z$597&lt;&gt;"",Z$598&lt;&gt;"")</formula>
    </cfRule>
    <cfRule type="expression" dxfId="6718" priority="8938">
      <formula>AND(Z$597="",Z$598="")</formula>
    </cfRule>
  </conditionalFormatting>
  <conditionalFormatting sqref="Z599:Z603">
    <cfRule type="expression" dxfId="6717" priority="8935">
      <formula>OR(Z$597&lt;&gt;"",Z$598&lt;&gt;"")</formula>
    </cfRule>
    <cfRule type="expression" dxfId="6716" priority="8936">
      <formula>AND(Z$597="",Z$598="")</formula>
    </cfRule>
  </conditionalFormatting>
  <conditionalFormatting sqref="Z604:Z608">
    <cfRule type="expression" dxfId="6715" priority="8933">
      <formula>OR(Z$597&lt;&gt;"",Z$598&lt;&gt;"")</formula>
    </cfRule>
    <cfRule type="expression" dxfId="6714" priority="8934">
      <formula>AND(Z$597="",Z$598="")</formula>
    </cfRule>
  </conditionalFormatting>
  <conditionalFormatting sqref="Z609:Z614">
    <cfRule type="expression" dxfId="6713" priority="8931">
      <formula>OR(Z$597&lt;&gt;"",Z$598&lt;&gt;"")</formula>
    </cfRule>
    <cfRule type="expression" dxfId="6712" priority="8932">
      <formula>AND(Z$597="",Z$598="")</formula>
    </cfRule>
  </conditionalFormatting>
  <conditionalFormatting sqref="AA597:AA598">
    <cfRule type="expression" dxfId="6711" priority="8929">
      <formula>OR(AA$597&lt;&gt;"",AA$598&lt;&gt;"")</formula>
    </cfRule>
    <cfRule type="expression" dxfId="6710" priority="8930">
      <formula>AND(AA$597="",AA$598="")</formula>
    </cfRule>
  </conditionalFormatting>
  <conditionalFormatting sqref="AA599:AA603">
    <cfRule type="expression" dxfId="6709" priority="8927">
      <formula>OR(AA$597&lt;&gt;"",AA$598&lt;&gt;"")</formula>
    </cfRule>
    <cfRule type="expression" dxfId="6708" priority="8928">
      <formula>AND(AA$597="",AA$598="")</formula>
    </cfRule>
  </conditionalFormatting>
  <conditionalFormatting sqref="AA604:AA608">
    <cfRule type="expression" dxfId="6707" priority="8925">
      <formula>OR(AA$597&lt;&gt;"",AA$598&lt;&gt;"")</formula>
    </cfRule>
    <cfRule type="expression" dxfId="6706" priority="8926">
      <formula>AND(AA$597="",AA$598="")</formula>
    </cfRule>
  </conditionalFormatting>
  <conditionalFormatting sqref="AA609:AA614">
    <cfRule type="expression" dxfId="6705" priority="8923">
      <formula>OR(AA$597&lt;&gt;"",AA$598&lt;&gt;"")</formula>
    </cfRule>
    <cfRule type="expression" dxfId="6704" priority="8924">
      <formula>AND(AA$597="",AA$598="")</formula>
    </cfRule>
  </conditionalFormatting>
  <conditionalFormatting sqref="AB597:AB598">
    <cfRule type="expression" dxfId="6703" priority="8921">
      <formula>OR(AB$597&lt;&gt;"",AB$598&lt;&gt;"")</formula>
    </cfRule>
    <cfRule type="expression" dxfId="6702" priority="8922">
      <formula>AND(AB$597="",AB$598="")</formula>
    </cfRule>
  </conditionalFormatting>
  <conditionalFormatting sqref="AB599:AB603">
    <cfRule type="expression" dxfId="6701" priority="8919">
      <formula>OR(AB$597&lt;&gt;"",AB$598&lt;&gt;"")</formula>
    </cfRule>
    <cfRule type="expression" dxfId="6700" priority="8920">
      <formula>AND(AB$597="",AB$598="")</formula>
    </cfRule>
  </conditionalFormatting>
  <conditionalFormatting sqref="AB604:AB608">
    <cfRule type="expression" dxfId="6699" priority="8917">
      <formula>OR(AB$597&lt;&gt;"",AB$598&lt;&gt;"")</formula>
    </cfRule>
    <cfRule type="expression" dxfId="6698" priority="8918">
      <formula>AND(AB$597="",AB$598="")</formula>
    </cfRule>
  </conditionalFormatting>
  <conditionalFormatting sqref="AB609:AB614">
    <cfRule type="expression" dxfId="6697" priority="8915">
      <formula>OR(AB$597&lt;&gt;"",AB$598&lt;&gt;"")</formula>
    </cfRule>
    <cfRule type="expression" dxfId="6696" priority="8916">
      <formula>AND(AB$597="",AB$598="")</formula>
    </cfRule>
  </conditionalFormatting>
  <conditionalFormatting sqref="AC597:AC598">
    <cfRule type="expression" dxfId="6695" priority="8913">
      <formula>OR(AC$597&lt;&gt;"",AC$598&lt;&gt;"")</formula>
    </cfRule>
    <cfRule type="expression" dxfId="6694" priority="8914">
      <formula>AND(AC$597="",AC$598="")</formula>
    </cfRule>
  </conditionalFormatting>
  <conditionalFormatting sqref="AC599:AC603">
    <cfRule type="expression" dxfId="6693" priority="8911">
      <formula>OR(AC$597&lt;&gt;"",AC$598&lt;&gt;"")</formula>
    </cfRule>
    <cfRule type="expression" dxfId="6692" priority="8912">
      <formula>AND(AC$597="",AC$598="")</formula>
    </cfRule>
  </conditionalFormatting>
  <conditionalFormatting sqref="AC604:AC608">
    <cfRule type="expression" dxfId="6691" priority="8909">
      <formula>OR(AC$597&lt;&gt;"",AC$598&lt;&gt;"")</formula>
    </cfRule>
    <cfRule type="expression" dxfId="6690" priority="8910">
      <formula>AND(AC$597="",AC$598="")</formula>
    </cfRule>
  </conditionalFormatting>
  <conditionalFormatting sqref="AC609:AC614">
    <cfRule type="expression" dxfId="6689" priority="8907">
      <formula>OR(AC$597&lt;&gt;"",AC$598&lt;&gt;"")</formula>
    </cfRule>
    <cfRule type="expression" dxfId="6688" priority="8908">
      <formula>AND(AC$597="",AC$598="")</formula>
    </cfRule>
  </conditionalFormatting>
  <conditionalFormatting sqref="AD597:AD598">
    <cfRule type="expression" dxfId="6687" priority="8905">
      <formula>OR(AD$597&lt;&gt;"",AD$598&lt;&gt;"")</formula>
    </cfRule>
    <cfRule type="expression" dxfId="6686" priority="8906">
      <formula>AND(AD$597="",AD$598="")</formula>
    </cfRule>
  </conditionalFormatting>
  <conditionalFormatting sqref="AD599:AD603">
    <cfRule type="expression" dxfId="6685" priority="8903">
      <formula>OR(AD$597&lt;&gt;"",AD$598&lt;&gt;"")</formula>
    </cfRule>
    <cfRule type="expression" dxfId="6684" priority="8904">
      <formula>AND(AD$597="",AD$598="")</formula>
    </cfRule>
  </conditionalFormatting>
  <conditionalFormatting sqref="AD604:AD608">
    <cfRule type="expression" dxfId="6683" priority="8901">
      <formula>OR(AD$597&lt;&gt;"",AD$598&lt;&gt;"")</formula>
    </cfRule>
    <cfRule type="expression" dxfId="6682" priority="8902">
      <formula>AND(AD$597="",AD$598="")</formula>
    </cfRule>
  </conditionalFormatting>
  <conditionalFormatting sqref="AD609:AD614">
    <cfRule type="expression" dxfId="6681" priority="8899">
      <formula>OR(AD$597&lt;&gt;"",AD$598&lt;&gt;"")</formula>
    </cfRule>
    <cfRule type="expression" dxfId="6680" priority="8900">
      <formula>AND(AD$597="",AD$598="")</formula>
    </cfRule>
  </conditionalFormatting>
  <conditionalFormatting sqref="AE597:AE598">
    <cfRule type="expression" dxfId="6679" priority="8897">
      <formula>OR(AE$597&lt;&gt;"",AE$598&lt;&gt;"")</formula>
    </cfRule>
    <cfRule type="expression" dxfId="6678" priority="8898">
      <formula>AND(AE$597="",AE$598="")</formula>
    </cfRule>
  </conditionalFormatting>
  <conditionalFormatting sqref="AE599:AE603">
    <cfRule type="expression" dxfId="6677" priority="8895">
      <formula>OR(AE$597&lt;&gt;"",AE$598&lt;&gt;"")</formula>
    </cfRule>
    <cfRule type="expression" dxfId="6676" priority="8896">
      <formula>AND(AE$597="",AE$598="")</formula>
    </cfRule>
  </conditionalFormatting>
  <conditionalFormatting sqref="AE604:AE608">
    <cfRule type="expression" dxfId="6675" priority="8893">
      <formula>OR(AE$597&lt;&gt;"",AE$598&lt;&gt;"")</formula>
    </cfRule>
    <cfRule type="expression" dxfId="6674" priority="8894">
      <formula>AND(AE$597="",AE$598="")</formula>
    </cfRule>
  </conditionalFormatting>
  <conditionalFormatting sqref="AE609:AE614">
    <cfRule type="expression" dxfId="6673" priority="8891">
      <formula>OR(AE$597&lt;&gt;"",AE$598&lt;&gt;"")</formula>
    </cfRule>
    <cfRule type="expression" dxfId="6672" priority="8892">
      <formula>AND(AE$597="",AE$598="")</formula>
    </cfRule>
  </conditionalFormatting>
  <conditionalFormatting sqref="AF597:AF598">
    <cfRule type="expression" dxfId="6671" priority="8889">
      <formula>OR(AF$597&lt;&gt;"",AF$598&lt;&gt;"")</formula>
    </cfRule>
    <cfRule type="expression" dxfId="6670" priority="8890">
      <formula>AND(AF$597="",AF$598="")</formula>
    </cfRule>
  </conditionalFormatting>
  <conditionalFormatting sqref="AF599:AF603">
    <cfRule type="expression" dxfId="6669" priority="8887">
      <formula>OR(AF$597&lt;&gt;"",AF$598&lt;&gt;"")</formula>
    </cfRule>
    <cfRule type="expression" dxfId="6668" priority="8888">
      <formula>AND(AF$597="",AF$598="")</formula>
    </cfRule>
  </conditionalFormatting>
  <conditionalFormatting sqref="AF604:AF608">
    <cfRule type="expression" dxfId="6667" priority="8885">
      <formula>OR(AF$597&lt;&gt;"",AF$598&lt;&gt;"")</formula>
    </cfRule>
    <cfRule type="expression" dxfId="6666" priority="8886">
      <formula>AND(AF$597="",AF$598="")</formula>
    </cfRule>
  </conditionalFormatting>
  <conditionalFormatting sqref="AF609:AF614">
    <cfRule type="expression" dxfId="6665" priority="8883">
      <formula>OR(AF$597&lt;&gt;"",AF$598&lt;&gt;"")</formula>
    </cfRule>
    <cfRule type="expression" dxfId="6664" priority="8884">
      <formula>AND(AF$597="",AF$598="")</formula>
    </cfRule>
  </conditionalFormatting>
  <conditionalFormatting sqref="AG597:AG598">
    <cfRule type="expression" dxfId="6663" priority="8881">
      <formula>OR(AG$597&lt;&gt;"",AG$598&lt;&gt;"")</formula>
    </cfRule>
    <cfRule type="expression" dxfId="6662" priority="8882">
      <formula>AND(AG$597="",AG$598="")</formula>
    </cfRule>
  </conditionalFormatting>
  <conditionalFormatting sqref="AG599:AG603">
    <cfRule type="expression" dxfId="6661" priority="8879">
      <formula>OR(AG$597&lt;&gt;"",AG$598&lt;&gt;"")</formula>
    </cfRule>
    <cfRule type="expression" dxfId="6660" priority="8880">
      <formula>AND(AG$597="",AG$598="")</formula>
    </cfRule>
  </conditionalFormatting>
  <conditionalFormatting sqref="AG604:AG608">
    <cfRule type="expression" dxfId="6659" priority="8877">
      <formula>OR(AG$597&lt;&gt;"",AG$598&lt;&gt;"")</formula>
    </cfRule>
    <cfRule type="expression" dxfId="6658" priority="8878">
      <formula>AND(AG$597="",AG$598="")</formula>
    </cfRule>
  </conditionalFormatting>
  <conditionalFormatting sqref="AG609:AG614">
    <cfRule type="expression" dxfId="6657" priority="8875">
      <formula>OR(AG$597&lt;&gt;"",AG$598&lt;&gt;"")</formula>
    </cfRule>
    <cfRule type="expression" dxfId="6656" priority="8876">
      <formula>AND(AG$597="",AG$598="")</formula>
    </cfRule>
  </conditionalFormatting>
  <conditionalFormatting sqref="AH597:AH598">
    <cfRule type="expression" dxfId="6655" priority="8873">
      <formula>OR(AH$597&lt;&gt;"",AH$598&lt;&gt;"")</formula>
    </cfRule>
    <cfRule type="expression" dxfId="6654" priority="8874">
      <formula>AND(AH$597="",AH$598="")</formula>
    </cfRule>
  </conditionalFormatting>
  <conditionalFormatting sqref="AH599:AH603">
    <cfRule type="expression" dxfId="6653" priority="8871">
      <formula>OR(AH$597&lt;&gt;"",AH$598&lt;&gt;"")</formula>
    </cfRule>
    <cfRule type="expression" dxfId="6652" priority="8872">
      <formula>AND(AH$597="",AH$598="")</formula>
    </cfRule>
  </conditionalFormatting>
  <conditionalFormatting sqref="AH604:AH608">
    <cfRule type="expression" dxfId="6651" priority="8869">
      <formula>OR(AH$597&lt;&gt;"",AH$598&lt;&gt;"")</formula>
    </cfRule>
    <cfRule type="expression" dxfId="6650" priority="8870">
      <formula>AND(AH$597="",AH$598="")</formula>
    </cfRule>
  </conditionalFormatting>
  <conditionalFormatting sqref="AH609:AH614">
    <cfRule type="expression" dxfId="6649" priority="8867">
      <formula>OR(AH$597&lt;&gt;"",AH$598&lt;&gt;"")</formula>
    </cfRule>
    <cfRule type="expression" dxfId="6648" priority="8868">
      <formula>AND(AH$597="",AH$598="")</formula>
    </cfRule>
  </conditionalFormatting>
  <conditionalFormatting sqref="AI597:AI598">
    <cfRule type="expression" dxfId="6647" priority="8865">
      <formula>OR(AI$597&lt;&gt;"",AI$598&lt;&gt;"")</formula>
    </cfRule>
    <cfRule type="expression" dxfId="6646" priority="8866">
      <formula>AND(AI$597="",AI$598="")</formula>
    </cfRule>
  </conditionalFormatting>
  <conditionalFormatting sqref="AI599:AI603">
    <cfRule type="expression" dxfId="6645" priority="8863">
      <formula>OR(AI$597&lt;&gt;"",AI$598&lt;&gt;"")</formula>
    </cfRule>
    <cfRule type="expression" dxfId="6644" priority="8864">
      <formula>AND(AI$597="",AI$598="")</formula>
    </cfRule>
  </conditionalFormatting>
  <conditionalFormatting sqref="AI604:AI608">
    <cfRule type="expression" dxfId="6643" priority="8861">
      <formula>OR(AI$597&lt;&gt;"",AI$598&lt;&gt;"")</formula>
    </cfRule>
    <cfRule type="expression" dxfId="6642" priority="8862">
      <formula>AND(AI$597="",AI$598="")</formula>
    </cfRule>
  </conditionalFormatting>
  <conditionalFormatting sqref="AI609:AI614">
    <cfRule type="expression" dxfId="6641" priority="8859">
      <formula>OR(AI$597&lt;&gt;"",AI$598&lt;&gt;"")</formula>
    </cfRule>
    <cfRule type="expression" dxfId="6640" priority="8860">
      <formula>AND(AI$597="",AI$598="")</formula>
    </cfRule>
  </conditionalFormatting>
  <conditionalFormatting sqref="AJ597:AJ598">
    <cfRule type="expression" dxfId="6639" priority="8857">
      <formula>OR(AJ$597&lt;&gt;"",AJ$598&lt;&gt;"")</formula>
    </cfRule>
    <cfRule type="expression" dxfId="6638" priority="8858">
      <formula>AND(AJ$597="",AJ$598="")</formula>
    </cfRule>
  </conditionalFormatting>
  <conditionalFormatting sqref="AJ599:AJ603">
    <cfRule type="expression" dxfId="6637" priority="8855">
      <formula>OR(AJ$597&lt;&gt;"",AJ$598&lt;&gt;"")</formula>
    </cfRule>
    <cfRule type="expression" dxfId="6636" priority="8856">
      <formula>AND(AJ$597="",AJ$598="")</formula>
    </cfRule>
  </conditionalFormatting>
  <conditionalFormatting sqref="AJ604:AJ608">
    <cfRule type="expression" dxfId="6635" priority="8853">
      <formula>OR(AJ$597&lt;&gt;"",AJ$598&lt;&gt;"")</formula>
    </cfRule>
    <cfRule type="expression" dxfId="6634" priority="8854">
      <formula>AND(AJ$597="",AJ$598="")</formula>
    </cfRule>
  </conditionalFormatting>
  <conditionalFormatting sqref="AJ609:AJ614">
    <cfRule type="expression" dxfId="6633" priority="8851">
      <formula>OR(AJ$597&lt;&gt;"",AJ$598&lt;&gt;"")</formula>
    </cfRule>
    <cfRule type="expression" dxfId="6632" priority="8852">
      <formula>AND(AJ$597="",AJ$598="")</formula>
    </cfRule>
  </conditionalFormatting>
  <conditionalFormatting sqref="AK597:AK598">
    <cfRule type="expression" dxfId="6631" priority="8849">
      <formula>OR(AK$597&lt;&gt;"",AK$598&lt;&gt;"")</formula>
    </cfRule>
    <cfRule type="expression" dxfId="6630" priority="8850">
      <formula>AND(AK$597="",AK$598="")</formula>
    </cfRule>
  </conditionalFormatting>
  <conditionalFormatting sqref="AK599:AK603">
    <cfRule type="expression" dxfId="6629" priority="8847">
      <formula>OR(AK$597&lt;&gt;"",AK$598&lt;&gt;"")</formula>
    </cfRule>
    <cfRule type="expression" dxfId="6628" priority="8848">
      <formula>AND(AK$597="",AK$598="")</formula>
    </cfRule>
  </conditionalFormatting>
  <conditionalFormatting sqref="AK604:AK608">
    <cfRule type="expression" dxfId="6627" priority="8845">
      <formula>OR(AK$597&lt;&gt;"",AK$598&lt;&gt;"")</formula>
    </cfRule>
    <cfRule type="expression" dxfId="6626" priority="8846">
      <formula>AND(AK$597="",AK$598="")</formula>
    </cfRule>
  </conditionalFormatting>
  <conditionalFormatting sqref="AK609:AK614">
    <cfRule type="expression" dxfId="6625" priority="8843">
      <formula>OR(AK$597&lt;&gt;"",AK$598&lt;&gt;"")</formula>
    </cfRule>
    <cfRule type="expression" dxfId="6624" priority="8844">
      <formula>AND(AK$597="",AK$598="")</formula>
    </cfRule>
  </conditionalFormatting>
  <conditionalFormatting sqref="AL597:AL598">
    <cfRule type="expression" dxfId="6623" priority="8841">
      <formula>OR(AL$597&lt;&gt;"",AL$598&lt;&gt;"")</formula>
    </cfRule>
    <cfRule type="expression" dxfId="6622" priority="8842">
      <formula>AND(AL$597="",AL$598="")</formula>
    </cfRule>
  </conditionalFormatting>
  <conditionalFormatting sqref="AL599:AL603">
    <cfRule type="expression" dxfId="6621" priority="8839">
      <formula>OR(AL$597&lt;&gt;"",AL$598&lt;&gt;"")</formula>
    </cfRule>
    <cfRule type="expression" dxfId="6620" priority="8840">
      <formula>AND(AL$597="",AL$598="")</formula>
    </cfRule>
  </conditionalFormatting>
  <conditionalFormatting sqref="AL604:AL608">
    <cfRule type="expression" dxfId="6619" priority="8837">
      <formula>OR(AL$597&lt;&gt;"",AL$598&lt;&gt;"")</formula>
    </cfRule>
    <cfRule type="expression" dxfId="6618" priority="8838">
      <formula>AND(AL$597="",AL$598="")</formula>
    </cfRule>
  </conditionalFormatting>
  <conditionalFormatting sqref="AL609:AL614">
    <cfRule type="expression" dxfId="6617" priority="8835">
      <formula>OR(AL$597&lt;&gt;"",AL$598&lt;&gt;"")</formula>
    </cfRule>
    <cfRule type="expression" dxfId="6616" priority="8836">
      <formula>AND(AL$597="",AL$598="")</formula>
    </cfRule>
  </conditionalFormatting>
  <conditionalFormatting sqref="BS597:BS598">
    <cfRule type="expression" dxfId="6615" priority="8833">
      <formula>OR(BS$597&lt;&gt;"",BS$598&lt;&gt;"")</formula>
    </cfRule>
    <cfRule type="expression" dxfId="6614" priority="8834">
      <formula>AND(BS$597="",BS$598="")</formula>
    </cfRule>
  </conditionalFormatting>
  <conditionalFormatting sqref="BS599:BS603">
    <cfRule type="expression" dxfId="6613" priority="8831">
      <formula>OR(BS$597&lt;&gt;"",BS$598&lt;&gt;"")</formula>
    </cfRule>
    <cfRule type="expression" dxfId="6612" priority="8832">
      <formula>AND(BS$597="",BS$598="")</formula>
    </cfRule>
  </conditionalFormatting>
  <conditionalFormatting sqref="BS604:BS608">
    <cfRule type="expression" dxfId="6611" priority="8829">
      <formula>OR(BS$597&lt;&gt;"",BS$598&lt;&gt;"")</formula>
    </cfRule>
    <cfRule type="expression" dxfId="6610" priority="8830">
      <formula>AND(BS$597="",BS$598="")</formula>
    </cfRule>
  </conditionalFormatting>
  <conditionalFormatting sqref="BS609:BS614">
    <cfRule type="expression" dxfId="6609" priority="8827">
      <formula>OR(BS$597&lt;&gt;"",BS$598&lt;&gt;"")</formula>
    </cfRule>
    <cfRule type="expression" dxfId="6608" priority="8828">
      <formula>AND(BS$597="",BS$598="")</formula>
    </cfRule>
  </conditionalFormatting>
  <conditionalFormatting sqref="BR597:BR598">
    <cfRule type="expression" dxfId="6607" priority="8825">
      <formula>OR(BR$597&lt;&gt;"",BR$598&lt;&gt;"")</formula>
    </cfRule>
    <cfRule type="expression" dxfId="6606" priority="8826">
      <formula>AND(BR$597="",BR$598="")</formula>
    </cfRule>
  </conditionalFormatting>
  <conditionalFormatting sqref="BR599:BR603">
    <cfRule type="expression" dxfId="6605" priority="8823">
      <formula>OR(BR$597&lt;&gt;"",BR$598&lt;&gt;"")</formula>
    </cfRule>
    <cfRule type="expression" dxfId="6604" priority="8824">
      <formula>AND(BR$597="",BR$598="")</formula>
    </cfRule>
  </conditionalFormatting>
  <conditionalFormatting sqref="BR604:BR608">
    <cfRule type="expression" dxfId="6603" priority="8821">
      <formula>OR(BR$597&lt;&gt;"",BR$598&lt;&gt;"")</formula>
    </cfRule>
    <cfRule type="expression" dxfId="6602" priority="8822">
      <formula>AND(BR$597="",BR$598="")</formula>
    </cfRule>
  </conditionalFormatting>
  <conditionalFormatting sqref="BR609:BR614">
    <cfRule type="expression" dxfId="6601" priority="8819">
      <formula>OR(BR$597&lt;&gt;"",BR$598&lt;&gt;"")</formula>
    </cfRule>
    <cfRule type="expression" dxfId="6600" priority="8820">
      <formula>AND(BR$597="",BR$598="")</formula>
    </cfRule>
  </conditionalFormatting>
  <conditionalFormatting sqref="BQ597:BQ598">
    <cfRule type="expression" dxfId="6599" priority="8817">
      <formula>OR(BQ$597&lt;&gt;"",BQ$598&lt;&gt;"")</formula>
    </cfRule>
    <cfRule type="expression" dxfId="6598" priority="8818">
      <formula>AND(BQ$597="",BQ$598="")</formula>
    </cfRule>
  </conditionalFormatting>
  <conditionalFormatting sqref="BQ599:BQ603">
    <cfRule type="expression" dxfId="6597" priority="8815">
      <formula>OR(BQ$597&lt;&gt;"",BQ$598&lt;&gt;"")</formula>
    </cfRule>
    <cfRule type="expression" dxfId="6596" priority="8816">
      <formula>AND(BQ$597="",BQ$598="")</formula>
    </cfRule>
  </conditionalFormatting>
  <conditionalFormatting sqref="BQ604:BQ608">
    <cfRule type="expression" dxfId="6595" priority="8813">
      <formula>OR(BQ$597&lt;&gt;"",BQ$598&lt;&gt;"")</formula>
    </cfRule>
    <cfRule type="expression" dxfId="6594" priority="8814">
      <formula>AND(BQ$597="",BQ$598="")</formula>
    </cfRule>
  </conditionalFormatting>
  <conditionalFormatting sqref="BQ609:BQ614">
    <cfRule type="expression" dxfId="6593" priority="8811">
      <formula>OR(BQ$597&lt;&gt;"",BQ$598&lt;&gt;"")</formula>
    </cfRule>
    <cfRule type="expression" dxfId="6592" priority="8812">
      <formula>AND(BQ$597="",BQ$598="")</formula>
    </cfRule>
  </conditionalFormatting>
  <conditionalFormatting sqref="BP597:BP598">
    <cfRule type="expression" dxfId="6591" priority="8809">
      <formula>OR(BP$597&lt;&gt;"",BP$598&lt;&gt;"")</formula>
    </cfRule>
    <cfRule type="expression" dxfId="6590" priority="8810">
      <formula>AND(BP$597="",BP$598="")</formula>
    </cfRule>
  </conditionalFormatting>
  <conditionalFormatting sqref="BP599:BP603">
    <cfRule type="expression" dxfId="6589" priority="8807">
      <formula>OR(BP$597&lt;&gt;"",BP$598&lt;&gt;"")</formula>
    </cfRule>
    <cfRule type="expression" dxfId="6588" priority="8808">
      <formula>AND(BP$597="",BP$598="")</formula>
    </cfRule>
  </conditionalFormatting>
  <conditionalFormatting sqref="BP604:BP608">
    <cfRule type="expression" dxfId="6587" priority="8805">
      <formula>OR(BP$597&lt;&gt;"",BP$598&lt;&gt;"")</formula>
    </cfRule>
    <cfRule type="expression" dxfId="6586" priority="8806">
      <formula>AND(BP$597="",BP$598="")</formula>
    </cfRule>
  </conditionalFormatting>
  <conditionalFormatting sqref="BP609:BP614">
    <cfRule type="expression" dxfId="6585" priority="8803">
      <formula>OR(BP$597&lt;&gt;"",BP$598&lt;&gt;"")</formula>
    </cfRule>
    <cfRule type="expression" dxfId="6584" priority="8804">
      <formula>AND(BP$597="",BP$598="")</formula>
    </cfRule>
  </conditionalFormatting>
  <conditionalFormatting sqref="BO597:BO598">
    <cfRule type="expression" dxfId="6583" priority="8801">
      <formula>OR(BO$597&lt;&gt;"",BO$598&lt;&gt;"")</formula>
    </cfRule>
    <cfRule type="expression" dxfId="6582" priority="8802">
      <formula>AND(BO$597="",BO$598="")</formula>
    </cfRule>
  </conditionalFormatting>
  <conditionalFormatting sqref="BO599:BO603">
    <cfRule type="expression" dxfId="6581" priority="8799">
      <formula>OR(BO$597&lt;&gt;"",BO$598&lt;&gt;"")</formula>
    </cfRule>
    <cfRule type="expression" dxfId="6580" priority="8800">
      <formula>AND(BO$597="",BO$598="")</formula>
    </cfRule>
  </conditionalFormatting>
  <conditionalFormatting sqref="BO604:BO608">
    <cfRule type="expression" dxfId="6579" priority="8797">
      <formula>OR(BO$597&lt;&gt;"",BO$598&lt;&gt;"")</formula>
    </cfRule>
    <cfRule type="expression" dxfId="6578" priority="8798">
      <formula>AND(BO$597="",BO$598="")</formula>
    </cfRule>
  </conditionalFormatting>
  <conditionalFormatting sqref="BO609:BO614">
    <cfRule type="expression" dxfId="6577" priority="8795">
      <formula>OR(BO$597&lt;&gt;"",BO$598&lt;&gt;"")</formula>
    </cfRule>
    <cfRule type="expression" dxfId="6576" priority="8796">
      <formula>AND(BO$597="",BO$598="")</formula>
    </cfRule>
  </conditionalFormatting>
  <conditionalFormatting sqref="BN597:BN598">
    <cfRule type="expression" dxfId="6575" priority="8793">
      <formula>OR(BN$597&lt;&gt;"",BN$598&lt;&gt;"")</formula>
    </cfRule>
    <cfRule type="expression" dxfId="6574" priority="8794">
      <formula>AND(BN$597="",BN$598="")</formula>
    </cfRule>
  </conditionalFormatting>
  <conditionalFormatting sqref="BN599:BN603">
    <cfRule type="expression" dxfId="6573" priority="8791">
      <formula>OR(BN$597&lt;&gt;"",BN$598&lt;&gt;"")</formula>
    </cfRule>
    <cfRule type="expression" dxfId="6572" priority="8792">
      <formula>AND(BN$597="",BN$598="")</formula>
    </cfRule>
  </conditionalFormatting>
  <conditionalFormatting sqref="BN604:BN608">
    <cfRule type="expression" dxfId="6571" priority="8789">
      <formula>OR(BN$597&lt;&gt;"",BN$598&lt;&gt;"")</formula>
    </cfRule>
    <cfRule type="expression" dxfId="6570" priority="8790">
      <formula>AND(BN$597="",BN$598="")</formula>
    </cfRule>
  </conditionalFormatting>
  <conditionalFormatting sqref="BN609:BN614">
    <cfRule type="expression" dxfId="6569" priority="8787">
      <formula>OR(BN$597&lt;&gt;"",BN$598&lt;&gt;"")</formula>
    </cfRule>
    <cfRule type="expression" dxfId="6568" priority="8788">
      <formula>AND(BN$597="",BN$598="")</formula>
    </cfRule>
  </conditionalFormatting>
  <conditionalFormatting sqref="BM597:BM598">
    <cfRule type="expression" dxfId="6567" priority="8785">
      <formula>OR(BM$597&lt;&gt;"",BM$598&lt;&gt;"")</formula>
    </cfRule>
    <cfRule type="expression" dxfId="6566" priority="8786">
      <formula>AND(BM$597="",BM$598="")</formula>
    </cfRule>
  </conditionalFormatting>
  <conditionalFormatting sqref="BM599:BM603">
    <cfRule type="expression" dxfId="6565" priority="8783">
      <formula>OR(BM$597&lt;&gt;"",BM$598&lt;&gt;"")</formula>
    </cfRule>
    <cfRule type="expression" dxfId="6564" priority="8784">
      <formula>AND(BM$597="",BM$598="")</formula>
    </cfRule>
  </conditionalFormatting>
  <conditionalFormatting sqref="BM604:BM608">
    <cfRule type="expression" dxfId="6563" priority="8781">
      <formula>OR(BM$597&lt;&gt;"",BM$598&lt;&gt;"")</formula>
    </cfRule>
    <cfRule type="expression" dxfId="6562" priority="8782">
      <formula>AND(BM$597="",BM$598="")</formula>
    </cfRule>
  </conditionalFormatting>
  <conditionalFormatting sqref="BM609:BM614">
    <cfRule type="expression" dxfId="6561" priority="8779">
      <formula>OR(BM$597&lt;&gt;"",BM$598&lt;&gt;"")</formula>
    </cfRule>
    <cfRule type="expression" dxfId="6560" priority="8780">
      <formula>AND(BM$597="",BM$598="")</formula>
    </cfRule>
  </conditionalFormatting>
  <conditionalFormatting sqref="BL597:BL598">
    <cfRule type="expression" dxfId="6559" priority="8777">
      <formula>OR(BL$597&lt;&gt;"",BL$598&lt;&gt;"")</formula>
    </cfRule>
    <cfRule type="expression" dxfId="6558" priority="8778">
      <formula>AND(BL$597="",BL$598="")</formula>
    </cfRule>
  </conditionalFormatting>
  <conditionalFormatting sqref="BL599:BL603">
    <cfRule type="expression" dxfId="6557" priority="8775">
      <formula>OR(BL$597&lt;&gt;"",BL$598&lt;&gt;"")</formula>
    </cfRule>
    <cfRule type="expression" dxfId="6556" priority="8776">
      <formula>AND(BL$597="",BL$598="")</formula>
    </cfRule>
  </conditionalFormatting>
  <conditionalFormatting sqref="BL604:BL608">
    <cfRule type="expression" dxfId="6555" priority="8773">
      <formula>OR(BL$597&lt;&gt;"",BL$598&lt;&gt;"")</formula>
    </cfRule>
    <cfRule type="expression" dxfId="6554" priority="8774">
      <formula>AND(BL$597="",BL$598="")</formula>
    </cfRule>
  </conditionalFormatting>
  <conditionalFormatting sqref="BL609:BL614">
    <cfRule type="expression" dxfId="6553" priority="8771">
      <formula>OR(BL$597&lt;&gt;"",BL$598&lt;&gt;"")</formula>
    </cfRule>
    <cfRule type="expression" dxfId="6552" priority="8772">
      <formula>AND(BL$597="",BL$598="")</formula>
    </cfRule>
  </conditionalFormatting>
  <conditionalFormatting sqref="BK597:BK598">
    <cfRule type="expression" dxfId="6551" priority="8769">
      <formula>OR(BK$597&lt;&gt;"",BK$598&lt;&gt;"")</formula>
    </cfRule>
    <cfRule type="expression" dxfId="6550" priority="8770">
      <formula>AND(BK$597="",BK$598="")</formula>
    </cfRule>
  </conditionalFormatting>
  <conditionalFormatting sqref="BK599:BK603">
    <cfRule type="expression" dxfId="6549" priority="8767">
      <formula>OR(BK$597&lt;&gt;"",BK$598&lt;&gt;"")</formula>
    </cfRule>
    <cfRule type="expression" dxfId="6548" priority="8768">
      <formula>AND(BK$597="",BK$598="")</formula>
    </cfRule>
  </conditionalFormatting>
  <conditionalFormatting sqref="BK604:BK608">
    <cfRule type="expression" dxfId="6547" priority="8765">
      <formula>OR(BK$597&lt;&gt;"",BK$598&lt;&gt;"")</formula>
    </cfRule>
    <cfRule type="expression" dxfId="6546" priority="8766">
      <formula>AND(BK$597="",BK$598="")</formula>
    </cfRule>
  </conditionalFormatting>
  <conditionalFormatting sqref="BK609:BK614">
    <cfRule type="expression" dxfId="6545" priority="8763">
      <formula>OR(BK$597&lt;&gt;"",BK$598&lt;&gt;"")</formula>
    </cfRule>
    <cfRule type="expression" dxfId="6544" priority="8764">
      <formula>AND(BK$597="",BK$598="")</formula>
    </cfRule>
  </conditionalFormatting>
  <conditionalFormatting sqref="BJ597:BJ598">
    <cfRule type="expression" dxfId="6543" priority="8761">
      <formula>OR(BJ$597&lt;&gt;"",BJ$598&lt;&gt;"")</formula>
    </cfRule>
    <cfRule type="expression" dxfId="6542" priority="8762">
      <formula>AND(BJ$597="",BJ$598="")</formula>
    </cfRule>
  </conditionalFormatting>
  <conditionalFormatting sqref="BJ599:BJ603">
    <cfRule type="expression" dxfId="6541" priority="8759">
      <formula>OR(BJ$597&lt;&gt;"",BJ$598&lt;&gt;"")</formula>
    </cfRule>
    <cfRule type="expression" dxfId="6540" priority="8760">
      <formula>AND(BJ$597="",BJ$598="")</formula>
    </cfRule>
  </conditionalFormatting>
  <conditionalFormatting sqref="BJ604:BJ608">
    <cfRule type="expression" dxfId="6539" priority="8757">
      <formula>OR(BJ$597&lt;&gt;"",BJ$598&lt;&gt;"")</formula>
    </cfRule>
    <cfRule type="expression" dxfId="6538" priority="8758">
      <formula>AND(BJ$597="",BJ$598="")</formula>
    </cfRule>
  </conditionalFormatting>
  <conditionalFormatting sqref="BJ609:BJ614">
    <cfRule type="expression" dxfId="6537" priority="8755">
      <formula>OR(BJ$597&lt;&gt;"",BJ$598&lt;&gt;"")</formula>
    </cfRule>
    <cfRule type="expression" dxfId="6536" priority="8756">
      <formula>AND(BJ$597="",BJ$598="")</formula>
    </cfRule>
  </conditionalFormatting>
  <conditionalFormatting sqref="BI597:BI598">
    <cfRule type="expression" dxfId="6535" priority="8753">
      <formula>OR(BI$597&lt;&gt;"",BI$598&lt;&gt;"")</formula>
    </cfRule>
    <cfRule type="expression" dxfId="6534" priority="8754">
      <formula>AND(BI$597="",BI$598="")</formula>
    </cfRule>
  </conditionalFormatting>
  <conditionalFormatting sqref="BI599:BI603">
    <cfRule type="expression" dxfId="6533" priority="8751">
      <formula>OR(BI$597&lt;&gt;"",BI$598&lt;&gt;"")</formula>
    </cfRule>
    <cfRule type="expression" dxfId="6532" priority="8752">
      <formula>AND(BI$597="",BI$598="")</formula>
    </cfRule>
  </conditionalFormatting>
  <conditionalFormatting sqref="BI604:BI608">
    <cfRule type="expression" dxfId="6531" priority="8749">
      <formula>OR(BI$597&lt;&gt;"",BI$598&lt;&gt;"")</formula>
    </cfRule>
    <cfRule type="expression" dxfId="6530" priority="8750">
      <formula>AND(BI$597="",BI$598="")</formula>
    </cfRule>
  </conditionalFormatting>
  <conditionalFormatting sqref="BI609:BI614">
    <cfRule type="expression" dxfId="6529" priority="8747">
      <formula>OR(BI$597&lt;&gt;"",BI$598&lt;&gt;"")</formula>
    </cfRule>
    <cfRule type="expression" dxfId="6528" priority="8748">
      <formula>AND(BI$597="",BI$598="")</formula>
    </cfRule>
  </conditionalFormatting>
  <conditionalFormatting sqref="BH597:BH598">
    <cfRule type="expression" dxfId="6527" priority="8745">
      <formula>OR(BH$597&lt;&gt;"",BH$598&lt;&gt;"")</formula>
    </cfRule>
    <cfRule type="expression" dxfId="6526" priority="8746">
      <formula>AND(BH$597="",BH$598="")</formula>
    </cfRule>
  </conditionalFormatting>
  <conditionalFormatting sqref="BH599:BH603">
    <cfRule type="expression" dxfId="6525" priority="8743">
      <formula>OR(BH$597&lt;&gt;"",BH$598&lt;&gt;"")</formula>
    </cfRule>
    <cfRule type="expression" dxfId="6524" priority="8744">
      <formula>AND(BH$597="",BH$598="")</formula>
    </cfRule>
  </conditionalFormatting>
  <conditionalFormatting sqref="BH604:BH608">
    <cfRule type="expression" dxfId="6523" priority="8741">
      <formula>OR(BH$597&lt;&gt;"",BH$598&lt;&gt;"")</formula>
    </cfRule>
    <cfRule type="expression" dxfId="6522" priority="8742">
      <formula>AND(BH$597="",BH$598="")</formula>
    </cfRule>
  </conditionalFormatting>
  <conditionalFormatting sqref="BH609:BH614">
    <cfRule type="expression" dxfId="6521" priority="8739">
      <formula>OR(BH$597&lt;&gt;"",BH$598&lt;&gt;"")</formula>
    </cfRule>
    <cfRule type="expression" dxfId="6520" priority="8740">
      <formula>AND(BH$597="",BH$598="")</formula>
    </cfRule>
  </conditionalFormatting>
  <conditionalFormatting sqref="BG597:BG598">
    <cfRule type="expression" dxfId="6519" priority="8737">
      <formula>OR(BG$597&lt;&gt;"",BG$598&lt;&gt;"")</formula>
    </cfRule>
    <cfRule type="expression" dxfId="6518" priority="8738">
      <formula>AND(BG$597="",BG$598="")</formula>
    </cfRule>
  </conditionalFormatting>
  <conditionalFormatting sqref="BG599:BG603">
    <cfRule type="expression" dxfId="6517" priority="8735">
      <formula>OR(BG$597&lt;&gt;"",BG$598&lt;&gt;"")</formula>
    </cfRule>
    <cfRule type="expression" dxfId="6516" priority="8736">
      <formula>AND(BG$597="",BG$598="")</formula>
    </cfRule>
  </conditionalFormatting>
  <conditionalFormatting sqref="BG604:BG608">
    <cfRule type="expression" dxfId="6515" priority="8733">
      <formula>OR(BG$597&lt;&gt;"",BG$598&lt;&gt;"")</formula>
    </cfRule>
    <cfRule type="expression" dxfId="6514" priority="8734">
      <formula>AND(BG$597="",BG$598="")</formula>
    </cfRule>
  </conditionalFormatting>
  <conditionalFormatting sqref="BG609:BG614">
    <cfRule type="expression" dxfId="6513" priority="8731">
      <formula>OR(BG$597&lt;&gt;"",BG$598&lt;&gt;"")</formula>
    </cfRule>
    <cfRule type="expression" dxfId="6512" priority="8732">
      <formula>AND(BG$597="",BG$598="")</formula>
    </cfRule>
  </conditionalFormatting>
  <conditionalFormatting sqref="BF597:BF598">
    <cfRule type="expression" dxfId="6511" priority="8729">
      <formula>OR(BF$597&lt;&gt;"",BF$598&lt;&gt;"")</formula>
    </cfRule>
    <cfRule type="expression" dxfId="6510" priority="8730">
      <formula>AND(BF$597="",BF$598="")</formula>
    </cfRule>
  </conditionalFormatting>
  <conditionalFormatting sqref="BF599:BF603">
    <cfRule type="expression" dxfId="6509" priority="8727">
      <formula>OR(BF$597&lt;&gt;"",BF$598&lt;&gt;"")</formula>
    </cfRule>
    <cfRule type="expression" dxfId="6508" priority="8728">
      <formula>AND(BF$597="",BF$598="")</formula>
    </cfRule>
  </conditionalFormatting>
  <conditionalFormatting sqref="BF604:BF608">
    <cfRule type="expression" dxfId="6507" priority="8725">
      <formula>OR(BF$597&lt;&gt;"",BF$598&lt;&gt;"")</formula>
    </cfRule>
    <cfRule type="expression" dxfId="6506" priority="8726">
      <formula>AND(BF$597="",BF$598="")</formula>
    </cfRule>
  </conditionalFormatting>
  <conditionalFormatting sqref="BF609:BF614">
    <cfRule type="expression" dxfId="6505" priority="8723">
      <formula>OR(BF$597&lt;&gt;"",BF$598&lt;&gt;"")</formula>
    </cfRule>
    <cfRule type="expression" dxfId="6504" priority="8724">
      <formula>AND(BF$597="",BF$598="")</formula>
    </cfRule>
  </conditionalFormatting>
  <conditionalFormatting sqref="BE597:BE598">
    <cfRule type="expression" dxfId="6503" priority="8721">
      <formula>OR(BE$597&lt;&gt;"",BE$598&lt;&gt;"")</formula>
    </cfRule>
    <cfRule type="expression" dxfId="6502" priority="8722">
      <formula>AND(BE$597="",BE$598="")</formula>
    </cfRule>
  </conditionalFormatting>
  <conditionalFormatting sqref="BE599:BE603">
    <cfRule type="expression" dxfId="6501" priority="8719">
      <formula>OR(BE$597&lt;&gt;"",BE$598&lt;&gt;"")</formula>
    </cfRule>
    <cfRule type="expression" dxfId="6500" priority="8720">
      <formula>AND(BE$597="",BE$598="")</formula>
    </cfRule>
  </conditionalFormatting>
  <conditionalFormatting sqref="BE604:BE608">
    <cfRule type="expression" dxfId="6499" priority="8717">
      <formula>OR(BE$597&lt;&gt;"",BE$598&lt;&gt;"")</formula>
    </cfRule>
    <cfRule type="expression" dxfId="6498" priority="8718">
      <formula>AND(BE$597="",BE$598="")</formula>
    </cfRule>
  </conditionalFormatting>
  <conditionalFormatting sqref="BE609:BE614">
    <cfRule type="expression" dxfId="6497" priority="8715">
      <formula>OR(BE$597&lt;&gt;"",BE$598&lt;&gt;"")</formula>
    </cfRule>
    <cfRule type="expression" dxfId="6496" priority="8716">
      <formula>AND(BE$597="",BE$598="")</formula>
    </cfRule>
  </conditionalFormatting>
  <conditionalFormatting sqref="BD597:BD598">
    <cfRule type="expression" dxfId="6495" priority="8713">
      <formula>OR(BD$597&lt;&gt;"",BD$598&lt;&gt;"")</formula>
    </cfRule>
    <cfRule type="expression" dxfId="6494" priority="8714">
      <formula>AND(BD$597="",BD$598="")</formula>
    </cfRule>
  </conditionalFormatting>
  <conditionalFormatting sqref="BD599:BD603">
    <cfRule type="expression" dxfId="6493" priority="8711">
      <formula>OR(BD$597&lt;&gt;"",BD$598&lt;&gt;"")</formula>
    </cfRule>
    <cfRule type="expression" dxfId="6492" priority="8712">
      <formula>AND(BD$597="",BD$598="")</formula>
    </cfRule>
  </conditionalFormatting>
  <conditionalFormatting sqref="BD604:BD608">
    <cfRule type="expression" dxfId="6491" priority="8709">
      <formula>OR(BD$597&lt;&gt;"",BD$598&lt;&gt;"")</formula>
    </cfRule>
    <cfRule type="expression" dxfId="6490" priority="8710">
      <formula>AND(BD$597="",BD$598="")</formula>
    </cfRule>
  </conditionalFormatting>
  <conditionalFormatting sqref="BD609:BD614">
    <cfRule type="expression" dxfId="6489" priority="8707">
      <formula>OR(BD$597&lt;&gt;"",BD$598&lt;&gt;"")</formula>
    </cfRule>
    <cfRule type="expression" dxfId="6488" priority="8708">
      <formula>AND(BD$597="",BD$598="")</formula>
    </cfRule>
  </conditionalFormatting>
  <conditionalFormatting sqref="BC597:BC598">
    <cfRule type="expression" dxfId="6487" priority="8705">
      <formula>OR(BC$597&lt;&gt;"",BC$598&lt;&gt;"")</formula>
    </cfRule>
    <cfRule type="expression" dxfId="6486" priority="8706">
      <formula>AND(BC$597="",BC$598="")</formula>
    </cfRule>
  </conditionalFormatting>
  <conditionalFormatting sqref="BC599:BC603">
    <cfRule type="expression" dxfId="6485" priority="8703">
      <formula>OR(BC$597&lt;&gt;"",BC$598&lt;&gt;"")</formula>
    </cfRule>
    <cfRule type="expression" dxfId="6484" priority="8704">
      <formula>AND(BC$597="",BC$598="")</formula>
    </cfRule>
  </conditionalFormatting>
  <conditionalFormatting sqref="BC604:BC608">
    <cfRule type="expression" dxfId="6483" priority="8701">
      <formula>OR(BC$597&lt;&gt;"",BC$598&lt;&gt;"")</formula>
    </cfRule>
    <cfRule type="expression" dxfId="6482" priority="8702">
      <formula>AND(BC$597="",BC$598="")</formula>
    </cfRule>
  </conditionalFormatting>
  <conditionalFormatting sqref="BC609:BC614">
    <cfRule type="expression" dxfId="6481" priority="8699">
      <formula>OR(BC$597&lt;&gt;"",BC$598&lt;&gt;"")</formula>
    </cfRule>
    <cfRule type="expression" dxfId="6480" priority="8700">
      <formula>AND(BC$597="",BC$598="")</formula>
    </cfRule>
  </conditionalFormatting>
  <conditionalFormatting sqref="BB597:BB598">
    <cfRule type="expression" dxfId="6479" priority="8697">
      <formula>OR(BB$597&lt;&gt;"",BB$598&lt;&gt;"")</formula>
    </cfRule>
    <cfRule type="expression" dxfId="6478" priority="8698">
      <formula>AND(BB$597="",BB$598="")</formula>
    </cfRule>
  </conditionalFormatting>
  <conditionalFormatting sqref="BB599:BB603">
    <cfRule type="expression" dxfId="6477" priority="8695">
      <formula>OR(BB$597&lt;&gt;"",BB$598&lt;&gt;"")</formula>
    </cfRule>
    <cfRule type="expression" dxfId="6476" priority="8696">
      <formula>AND(BB$597="",BB$598="")</formula>
    </cfRule>
  </conditionalFormatting>
  <conditionalFormatting sqref="BB604:BB608">
    <cfRule type="expression" dxfId="6475" priority="8693">
      <formula>OR(BB$597&lt;&gt;"",BB$598&lt;&gt;"")</formula>
    </cfRule>
    <cfRule type="expression" dxfId="6474" priority="8694">
      <formula>AND(BB$597="",BB$598="")</formula>
    </cfRule>
  </conditionalFormatting>
  <conditionalFormatting sqref="BB609:BB614">
    <cfRule type="expression" dxfId="6473" priority="8691">
      <formula>OR(BB$597&lt;&gt;"",BB$598&lt;&gt;"")</formula>
    </cfRule>
    <cfRule type="expression" dxfId="6472" priority="8692">
      <formula>AND(BB$597="",BB$598="")</formula>
    </cfRule>
  </conditionalFormatting>
  <conditionalFormatting sqref="BA597:BA598">
    <cfRule type="expression" dxfId="6471" priority="8689">
      <formula>OR(BA$597&lt;&gt;"",BA$598&lt;&gt;"")</formula>
    </cfRule>
    <cfRule type="expression" dxfId="6470" priority="8690">
      <formula>AND(BA$597="",BA$598="")</formula>
    </cfRule>
  </conditionalFormatting>
  <conditionalFormatting sqref="BA599:BA603">
    <cfRule type="expression" dxfId="6469" priority="8687">
      <formula>OR(BA$597&lt;&gt;"",BA$598&lt;&gt;"")</formula>
    </cfRule>
    <cfRule type="expression" dxfId="6468" priority="8688">
      <formula>AND(BA$597="",BA$598="")</formula>
    </cfRule>
  </conditionalFormatting>
  <conditionalFormatting sqref="BA604:BA608">
    <cfRule type="expression" dxfId="6467" priority="8685">
      <formula>OR(BA$597&lt;&gt;"",BA$598&lt;&gt;"")</formula>
    </cfRule>
    <cfRule type="expression" dxfId="6466" priority="8686">
      <formula>AND(BA$597="",BA$598="")</formula>
    </cfRule>
  </conditionalFormatting>
  <conditionalFormatting sqref="BA609:BA614">
    <cfRule type="expression" dxfId="6465" priority="8683">
      <formula>OR(BA$597&lt;&gt;"",BA$598&lt;&gt;"")</formula>
    </cfRule>
    <cfRule type="expression" dxfId="6464" priority="8684">
      <formula>AND(BA$597="",BA$598="")</formula>
    </cfRule>
  </conditionalFormatting>
  <conditionalFormatting sqref="AZ597:AZ598">
    <cfRule type="expression" dxfId="6463" priority="8681">
      <formula>OR(AZ$597&lt;&gt;"",AZ$598&lt;&gt;"")</formula>
    </cfRule>
    <cfRule type="expression" dxfId="6462" priority="8682">
      <formula>AND(AZ$597="",AZ$598="")</formula>
    </cfRule>
  </conditionalFormatting>
  <conditionalFormatting sqref="AZ599:AZ603">
    <cfRule type="expression" dxfId="6461" priority="8679">
      <formula>OR(AZ$597&lt;&gt;"",AZ$598&lt;&gt;"")</formula>
    </cfRule>
    <cfRule type="expression" dxfId="6460" priority="8680">
      <formula>AND(AZ$597="",AZ$598="")</formula>
    </cfRule>
  </conditionalFormatting>
  <conditionalFormatting sqref="AZ604:AZ608">
    <cfRule type="expression" dxfId="6459" priority="8677">
      <formula>OR(AZ$597&lt;&gt;"",AZ$598&lt;&gt;"")</formula>
    </cfRule>
    <cfRule type="expression" dxfId="6458" priority="8678">
      <formula>AND(AZ$597="",AZ$598="")</formula>
    </cfRule>
  </conditionalFormatting>
  <conditionalFormatting sqref="AZ609:AZ614">
    <cfRule type="expression" dxfId="6457" priority="8675">
      <formula>OR(AZ$597&lt;&gt;"",AZ$598&lt;&gt;"")</formula>
    </cfRule>
    <cfRule type="expression" dxfId="6456" priority="8676">
      <formula>AND(AZ$597="",AZ$598="")</formula>
    </cfRule>
  </conditionalFormatting>
  <conditionalFormatting sqref="AY597:AY598">
    <cfRule type="expression" dxfId="6455" priority="8673">
      <formula>OR(AY$597&lt;&gt;"",AY$598&lt;&gt;"")</formula>
    </cfRule>
    <cfRule type="expression" dxfId="6454" priority="8674">
      <formula>AND(AY$597="",AY$598="")</formula>
    </cfRule>
  </conditionalFormatting>
  <conditionalFormatting sqref="AY599:AY603">
    <cfRule type="expression" dxfId="6453" priority="8671">
      <formula>OR(AY$597&lt;&gt;"",AY$598&lt;&gt;"")</formula>
    </cfRule>
    <cfRule type="expression" dxfId="6452" priority="8672">
      <formula>AND(AY$597="",AY$598="")</formula>
    </cfRule>
  </conditionalFormatting>
  <conditionalFormatting sqref="AY604:AY608">
    <cfRule type="expression" dxfId="6451" priority="8669">
      <formula>OR(AY$597&lt;&gt;"",AY$598&lt;&gt;"")</formula>
    </cfRule>
    <cfRule type="expression" dxfId="6450" priority="8670">
      <formula>AND(AY$597="",AY$598="")</formula>
    </cfRule>
  </conditionalFormatting>
  <conditionalFormatting sqref="AY609:AY614">
    <cfRule type="expression" dxfId="6449" priority="8667">
      <formula>OR(AY$597&lt;&gt;"",AY$598&lt;&gt;"")</formula>
    </cfRule>
    <cfRule type="expression" dxfId="6448" priority="8668">
      <formula>AND(AY$597="",AY$598="")</formula>
    </cfRule>
  </conditionalFormatting>
  <conditionalFormatting sqref="AX597:AX598">
    <cfRule type="expression" dxfId="6447" priority="8665">
      <formula>OR(AX$597&lt;&gt;"",AX$598&lt;&gt;"")</formula>
    </cfRule>
    <cfRule type="expression" dxfId="6446" priority="8666">
      <formula>AND(AX$597="",AX$598="")</formula>
    </cfRule>
  </conditionalFormatting>
  <conditionalFormatting sqref="AX599:AX603">
    <cfRule type="expression" dxfId="6445" priority="8663">
      <formula>OR(AX$597&lt;&gt;"",AX$598&lt;&gt;"")</formula>
    </cfRule>
    <cfRule type="expression" dxfId="6444" priority="8664">
      <formula>AND(AX$597="",AX$598="")</formula>
    </cfRule>
  </conditionalFormatting>
  <conditionalFormatting sqref="AX604:AX608">
    <cfRule type="expression" dxfId="6443" priority="8661">
      <formula>OR(AX$597&lt;&gt;"",AX$598&lt;&gt;"")</formula>
    </cfRule>
    <cfRule type="expression" dxfId="6442" priority="8662">
      <formula>AND(AX$597="",AX$598="")</formula>
    </cfRule>
  </conditionalFormatting>
  <conditionalFormatting sqref="AX609:AX614">
    <cfRule type="expression" dxfId="6441" priority="8659">
      <formula>OR(AX$597&lt;&gt;"",AX$598&lt;&gt;"")</formula>
    </cfRule>
    <cfRule type="expression" dxfId="6440" priority="8660">
      <formula>AND(AX$597="",AX$598="")</formula>
    </cfRule>
  </conditionalFormatting>
  <conditionalFormatting sqref="AW597:AW598">
    <cfRule type="expression" dxfId="6439" priority="8657">
      <formula>OR(AW$597&lt;&gt;"",AW$598&lt;&gt;"")</formula>
    </cfRule>
    <cfRule type="expression" dxfId="6438" priority="8658">
      <formula>AND(AW$597="",AW$598="")</formula>
    </cfRule>
  </conditionalFormatting>
  <conditionalFormatting sqref="AW599:AW603">
    <cfRule type="expression" dxfId="6437" priority="8655">
      <formula>OR(AW$597&lt;&gt;"",AW$598&lt;&gt;"")</formula>
    </cfRule>
    <cfRule type="expression" dxfId="6436" priority="8656">
      <formula>AND(AW$597="",AW$598="")</formula>
    </cfRule>
  </conditionalFormatting>
  <conditionalFormatting sqref="AW604:AW608">
    <cfRule type="expression" dxfId="6435" priority="8653">
      <formula>OR(AW$597&lt;&gt;"",AW$598&lt;&gt;"")</formula>
    </cfRule>
    <cfRule type="expression" dxfId="6434" priority="8654">
      <formula>AND(AW$597="",AW$598="")</formula>
    </cfRule>
  </conditionalFormatting>
  <conditionalFormatting sqref="AW609:AW614">
    <cfRule type="expression" dxfId="6433" priority="8651">
      <formula>OR(AW$597&lt;&gt;"",AW$598&lt;&gt;"")</formula>
    </cfRule>
    <cfRule type="expression" dxfId="6432" priority="8652">
      <formula>AND(AW$597="",AW$598="")</formula>
    </cfRule>
  </conditionalFormatting>
  <conditionalFormatting sqref="AV597:AV598">
    <cfRule type="expression" dxfId="6431" priority="8649">
      <formula>OR(AV$597&lt;&gt;"",AV$598&lt;&gt;"")</formula>
    </cfRule>
    <cfRule type="expression" dxfId="6430" priority="8650">
      <formula>AND(AV$597="",AV$598="")</formula>
    </cfRule>
  </conditionalFormatting>
  <conditionalFormatting sqref="AV599:AV603">
    <cfRule type="expression" dxfId="6429" priority="8647">
      <formula>OR(AV$597&lt;&gt;"",AV$598&lt;&gt;"")</formula>
    </cfRule>
    <cfRule type="expression" dxfId="6428" priority="8648">
      <formula>AND(AV$597="",AV$598="")</formula>
    </cfRule>
  </conditionalFormatting>
  <conditionalFormatting sqref="AV604:AV608">
    <cfRule type="expression" dxfId="6427" priority="8645">
      <formula>OR(AV$597&lt;&gt;"",AV$598&lt;&gt;"")</formula>
    </cfRule>
    <cfRule type="expression" dxfId="6426" priority="8646">
      <formula>AND(AV$597="",AV$598="")</formula>
    </cfRule>
  </conditionalFormatting>
  <conditionalFormatting sqref="AV609:AV614">
    <cfRule type="expression" dxfId="6425" priority="8643">
      <formula>OR(AV$597&lt;&gt;"",AV$598&lt;&gt;"")</formula>
    </cfRule>
    <cfRule type="expression" dxfId="6424" priority="8644">
      <formula>AND(AV$597="",AV$598="")</formula>
    </cfRule>
  </conditionalFormatting>
  <conditionalFormatting sqref="AU597:AU598">
    <cfRule type="expression" dxfId="6423" priority="8641">
      <formula>OR(AU$597&lt;&gt;"",AU$598&lt;&gt;"")</formula>
    </cfRule>
    <cfRule type="expression" dxfId="6422" priority="8642">
      <formula>AND(AU$597="",AU$598="")</formula>
    </cfRule>
  </conditionalFormatting>
  <conditionalFormatting sqref="AU599:AU603">
    <cfRule type="expression" dxfId="6421" priority="8639">
      <formula>OR(AU$597&lt;&gt;"",AU$598&lt;&gt;"")</formula>
    </cfRule>
    <cfRule type="expression" dxfId="6420" priority="8640">
      <formula>AND(AU$597="",AU$598="")</formula>
    </cfRule>
  </conditionalFormatting>
  <conditionalFormatting sqref="AU604:AU608">
    <cfRule type="expression" dxfId="6419" priority="8637">
      <formula>OR(AU$597&lt;&gt;"",AU$598&lt;&gt;"")</formula>
    </cfRule>
    <cfRule type="expression" dxfId="6418" priority="8638">
      <formula>AND(AU$597="",AU$598="")</formula>
    </cfRule>
  </conditionalFormatting>
  <conditionalFormatting sqref="AU609:AU614">
    <cfRule type="expression" dxfId="6417" priority="8635">
      <formula>OR(AU$597&lt;&gt;"",AU$598&lt;&gt;"")</formula>
    </cfRule>
    <cfRule type="expression" dxfId="6416" priority="8636">
      <formula>AND(AU$597="",AU$598="")</formula>
    </cfRule>
  </conditionalFormatting>
  <conditionalFormatting sqref="AT597:AT598">
    <cfRule type="expression" dxfId="6415" priority="8633">
      <formula>OR(AT$597&lt;&gt;"",AT$598&lt;&gt;"")</formula>
    </cfRule>
    <cfRule type="expression" dxfId="6414" priority="8634">
      <formula>AND(AT$597="",AT$598="")</formula>
    </cfRule>
  </conditionalFormatting>
  <conditionalFormatting sqref="AT599:AT603">
    <cfRule type="expression" dxfId="6413" priority="8631">
      <formula>OR(AT$597&lt;&gt;"",AT$598&lt;&gt;"")</formula>
    </cfRule>
    <cfRule type="expression" dxfId="6412" priority="8632">
      <formula>AND(AT$597="",AT$598="")</formula>
    </cfRule>
  </conditionalFormatting>
  <conditionalFormatting sqref="AT604:AT608">
    <cfRule type="expression" dxfId="6411" priority="8629">
      <formula>OR(AT$597&lt;&gt;"",AT$598&lt;&gt;"")</formula>
    </cfRule>
    <cfRule type="expression" dxfId="6410" priority="8630">
      <formula>AND(AT$597="",AT$598="")</formula>
    </cfRule>
  </conditionalFormatting>
  <conditionalFormatting sqref="AT609:AT614">
    <cfRule type="expression" dxfId="6409" priority="8627">
      <formula>OR(AT$597&lt;&gt;"",AT$598&lt;&gt;"")</formula>
    </cfRule>
    <cfRule type="expression" dxfId="6408" priority="8628">
      <formula>AND(AT$597="",AT$598="")</formula>
    </cfRule>
  </conditionalFormatting>
  <conditionalFormatting sqref="AS597:AS598">
    <cfRule type="expression" dxfId="6407" priority="8625">
      <formula>OR(AS$597&lt;&gt;"",AS$598&lt;&gt;"")</formula>
    </cfRule>
    <cfRule type="expression" dxfId="6406" priority="8626">
      <formula>AND(AS$597="",AS$598="")</formula>
    </cfRule>
  </conditionalFormatting>
  <conditionalFormatting sqref="AS599:AS603">
    <cfRule type="expression" dxfId="6405" priority="8623">
      <formula>OR(AS$597&lt;&gt;"",AS$598&lt;&gt;"")</formula>
    </cfRule>
    <cfRule type="expression" dxfId="6404" priority="8624">
      <formula>AND(AS$597="",AS$598="")</formula>
    </cfRule>
  </conditionalFormatting>
  <conditionalFormatting sqref="AS604:AS608">
    <cfRule type="expression" dxfId="6403" priority="8621">
      <formula>OR(AS$597&lt;&gt;"",AS$598&lt;&gt;"")</formula>
    </cfRule>
    <cfRule type="expression" dxfId="6402" priority="8622">
      <formula>AND(AS$597="",AS$598="")</formula>
    </cfRule>
  </conditionalFormatting>
  <conditionalFormatting sqref="AS609:AS614">
    <cfRule type="expression" dxfId="6401" priority="8619">
      <formula>OR(AS$597&lt;&gt;"",AS$598&lt;&gt;"")</formula>
    </cfRule>
    <cfRule type="expression" dxfId="6400" priority="8620">
      <formula>AND(AS$597="",AS$598="")</formula>
    </cfRule>
  </conditionalFormatting>
  <conditionalFormatting sqref="M620:M621">
    <cfRule type="expression" dxfId="6399" priority="8617">
      <formula>OR(M$620&lt;&gt;"",M$621&lt;&gt;"")</formula>
    </cfRule>
    <cfRule type="expression" dxfId="6398" priority="8618">
      <formula>AND(M$620="",M$621="")</formula>
    </cfRule>
  </conditionalFormatting>
  <conditionalFormatting sqref="N620:N621">
    <cfRule type="expression" dxfId="6397" priority="8615">
      <formula>OR(N$620&lt;&gt;"",N$621&lt;&gt;"")</formula>
    </cfRule>
    <cfRule type="expression" dxfId="6396" priority="8616">
      <formula>AND(N$620="",N$621="")</formula>
    </cfRule>
  </conditionalFormatting>
  <conditionalFormatting sqref="M622:M633">
    <cfRule type="expression" dxfId="6395" priority="8613">
      <formula>OR($M$620&lt;&gt;"",$M$621&lt;&gt;"")</formula>
    </cfRule>
    <cfRule type="expression" dxfId="6394" priority="8614">
      <formula>AND($M$620="",$M$621="")</formula>
    </cfRule>
  </conditionalFormatting>
  <conditionalFormatting sqref="N622:N633">
    <cfRule type="expression" dxfId="6393" priority="8611">
      <formula>OR(N$620&lt;&gt;"",N$621&lt;&gt;"")</formula>
    </cfRule>
    <cfRule type="expression" dxfId="6392" priority="8612">
      <formula>AND(N$620="",N$621="")</formula>
    </cfRule>
  </conditionalFormatting>
  <conditionalFormatting sqref="O620:O621">
    <cfRule type="expression" dxfId="6391" priority="8609">
      <formula>OR(O$620&lt;&gt;"",O$621&lt;&gt;"")</formula>
    </cfRule>
    <cfRule type="expression" dxfId="6390" priority="8610">
      <formula>AND(O$620="",O$621="")</formula>
    </cfRule>
  </conditionalFormatting>
  <conditionalFormatting sqref="O622:O633">
    <cfRule type="expression" dxfId="6389" priority="8607">
      <formula>OR(O$620&lt;&gt;"",O$621&lt;&gt;"")</formula>
    </cfRule>
    <cfRule type="expression" dxfId="6388" priority="8608">
      <formula>AND(O$620="",O$621="")</formula>
    </cfRule>
  </conditionalFormatting>
  <conditionalFormatting sqref="P620:P621">
    <cfRule type="expression" dxfId="6387" priority="8605">
      <formula>OR(P$620&lt;&gt;"",P$621&lt;&gt;"")</formula>
    </cfRule>
    <cfRule type="expression" dxfId="6386" priority="8606">
      <formula>AND(P$620="",P$621="")</formula>
    </cfRule>
  </conditionalFormatting>
  <conditionalFormatting sqref="P622:P633">
    <cfRule type="expression" dxfId="6385" priority="8603">
      <formula>OR(P$620&lt;&gt;"",P$621&lt;&gt;"")</formula>
    </cfRule>
    <cfRule type="expression" dxfId="6384" priority="8604">
      <formula>AND(P$620="",P$621="")</formula>
    </cfRule>
  </conditionalFormatting>
  <conditionalFormatting sqref="Q620:Q621">
    <cfRule type="expression" dxfId="6383" priority="8601">
      <formula>OR(Q$620&lt;&gt;"",Q$621&lt;&gt;"")</formula>
    </cfRule>
    <cfRule type="expression" dxfId="6382" priority="8602">
      <formula>AND(Q$620="",Q$621="")</formula>
    </cfRule>
  </conditionalFormatting>
  <conditionalFormatting sqref="Q622:Q633">
    <cfRule type="expression" dxfId="6381" priority="8599">
      <formula>OR(Q$620&lt;&gt;"",Q$621&lt;&gt;"")</formula>
    </cfRule>
    <cfRule type="expression" dxfId="6380" priority="8600">
      <formula>AND(Q$620="",Q$621="")</formula>
    </cfRule>
  </conditionalFormatting>
  <conditionalFormatting sqref="R620:R621">
    <cfRule type="expression" dxfId="6379" priority="8597">
      <formula>OR(R$620&lt;&gt;"",R$621&lt;&gt;"")</formula>
    </cfRule>
    <cfRule type="expression" dxfId="6378" priority="8598">
      <formula>AND(R$620="",R$621="")</formula>
    </cfRule>
  </conditionalFormatting>
  <conditionalFormatting sqref="R622:R633">
    <cfRule type="expression" dxfId="6377" priority="8595">
      <formula>OR(R$620&lt;&gt;"",R$621&lt;&gt;"")</formula>
    </cfRule>
    <cfRule type="expression" dxfId="6376" priority="8596">
      <formula>AND(R$620="",R$621="")</formula>
    </cfRule>
  </conditionalFormatting>
  <conditionalFormatting sqref="S620:S621">
    <cfRule type="expression" dxfId="6375" priority="8593">
      <formula>OR(S$620&lt;&gt;"",S$621&lt;&gt;"")</formula>
    </cfRule>
    <cfRule type="expression" dxfId="6374" priority="8594">
      <formula>AND(S$620="",S$621="")</formula>
    </cfRule>
  </conditionalFormatting>
  <conditionalFormatting sqref="S622:S633">
    <cfRule type="expression" dxfId="6373" priority="8591">
      <formula>OR(S$620&lt;&gt;"",S$621&lt;&gt;"")</formula>
    </cfRule>
    <cfRule type="expression" dxfId="6372" priority="8592">
      <formula>AND(S$620="",S$621="")</formula>
    </cfRule>
  </conditionalFormatting>
  <conditionalFormatting sqref="T620:T621">
    <cfRule type="expression" dxfId="6371" priority="8589">
      <formula>OR(T$620&lt;&gt;"",T$621&lt;&gt;"")</formula>
    </cfRule>
    <cfRule type="expression" dxfId="6370" priority="8590">
      <formula>AND(T$620="",T$621="")</formula>
    </cfRule>
  </conditionalFormatting>
  <conditionalFormatting sqref="T622:T633">
    <cfRule type="expression" dxfId="6369" priority="8587">
      <formula>OR(T$620&lt;&gt;"",T$621&lt;&gt;"")</formula>
    </cfRule>
    <cfRule type="expression" dxfId="6368" priority="8588">
      <formula>AND(T$620="",T$621="")</formula>
    </cfRule>
  </conditionalFormatting>
  <conditionalFormatting sqref="U620:U621">
    <cfRule type="expression" dxfId="6367" priority="8585">
      <formula>OR(U$620&lt;&gt;"",U$621&lt;&gt;"")</formula>
    </cfRule>
    <cfRule type="expression" dxfId="6366" priority="8586">
      <formula>AND(U$620="",U$621="")</formula>
    </cfRule>
  </conditionalFormatting>
  <conditionalFormatting sqref="U622:U633">
    <cfRule type="expression" dxfId="6365" priority="8583">
      <formula>OR(U$620&lt;&gt;"",U$621&lt;&gt;"")</formula>
    </cfRule>
    <cfRule type="expression" dxfId="6364" priority="8584">
      <formula>AND(U$620="",U$621="")</formula>
    </cfRule>
  </conditionalFormatting>
  <conditionalFormatting sqref="V620:V621">
    <cfRule type="expression" dxfId="6363" priority="8581">
      <formula>OR(V$620&lt;&gt;"",V$621&lt;&gt;"")</formula>
    </cfRule>
    <cfRule type="expression" dxfId="6362" priority="8582">
      <formula>AND(V$620="",V$621="")</formula>
    </cfRule>
  </conditionalFormatting>
  <conditionalFormatting sqref="V622:V633">
    <cfRule type="expression" dxfId="6361" priority="8579">
      <formula>OR(V$620&lt;&gt;"",V$621&lt;&gt;"")</formula>
    </cfRule>
    <cfRule type="expression" dxfId="6360" priority="8580">
      <formula>AND(V$620="",V$621="")</formula>
    </cfRule>
  </conditionalFormatting>
  <conditionalFormatting sqref="W620:W621">
    <cfRule type="expression" dxfId="6359" priority="8577">
      <formula>OR(W$620&lt;&gt;"",W$621&lt;&gt;"")</formula>
    </cfRule>
    <cfRule type="expression" dxfId="6358" priority="8578">
      <formula>AND(W$620="",W$621="")</formula>
    </cfRule>
  </conditionalFormatting>
  <conditionalFormatting sqref="W622:W633">
    <cfRule type="expression" dxfId="6357" priority="8575">
      <formula>OR(W$620&lt;&gt;"",W$621&lt;&gt;"")</formula>
    </cfRule>
    <cfRule type="expression" dxfId="6356" priority="8576">
      <formula>AND(W$620="",W$621="")</formula>
    </cfRule>
  </conditionalFormatting>
  <conditionalFormatting sqref="X620:X621">
    <cfRule type="expression" dxfId="6355" priority="8573">
      <formula>OR(X$620&lt;&gt;"",X$621&lt;&gt;"")</formula>
    </cfRule>
    <cfRule type="expression" dxfId="6354" priority="8574">
      <formula>AND(X$620="",X$621="")</formula>
    </cfRule>
  </conditionalFormatting>
  <conditionalFormatting sqref="X622:X633">
    <cfRule type="expression" dxfId="6353" priority="8571">
      <formula>OR(X$620&lt;&gt;"",X$621&lt;&gt;"")</formula>
    </cfRule>
    <cfRule type="expression" dxfId="6352" priority="8572">
      <formula>AND(X$620="",X$621="")</formula>
    </cfRule>
  </conditionalFormatting>
  <conditionalFormatting sqref="Y620:Y621">
    <cfRule type="expression" dxfId="6351" priority="8569">
      <formula>OR(Y$620&lt;&gt;"",Y$621&lt;&gt;"")</formula>
    </cfRule>
    <cfRule type="expression" dxfId="6350" priority="8570">
      <formula>AND(Y$620="",Y$621="")</formula>
    </cfRule>
  </conditionalFormatting>
  <conditionalFormatting sqref="Y622:Y633">
    <cfRule type="expression" dxfId="6349" priority="8567">
      <formula>OR(Y$620&lt;&gt;"",Y$621&lt;&gt;"")</formula>
    </cfRule>
    <cfRule type="expression" dxfId="6348" priority="8568">
      <formula>AND(Y$620="",Y$621="")</formula>
    </cfRule>
  </conditionalFormatting>
  <conditionalFormatting sqref="Z620:Z621">
    <cfRule type="expression" dxfId="6347" priority="8565">
      <formula>OR(Z$620&lt;&gt;"",Z$621&lt;&gt;"")</formula>
    </cfRule>
    <cfRule type="expression" dxfId="6346" priority="8566">
      <formula>AND(Z$620="",Z$621="")</formula>
    </cfRule>
  </conditionalFormatting>
  <conditionalFormatting sqref="Z622:Z633">
    <cfRule type="expression" dxfId="6345" priority="8563">
      <formula>OR(Z$620&lt;&gt;"",Z$621&lt;&gt;"")</formula>
    </cfRule>
    <cfRule type="expression" dxfId="6344" priority="8564">
      <formula>AND(Z$620="",Z$621="")</formula>
    </cfRule>
  </conditionalFormatting>
  <conditionalFormatting sqref="AA620:AA621">
    <cfRule type="expression" dxfId="6343" priority="8561">
      <formula>OR(AA$620&lt;&gt;"",AA$621&lt;&gt;"")</formula>
    </cfRule>
    <cfRule type="expression" dxfId="6342" priority="8562">
      <formula>AND(AA$620="",AA$621="")</formula>
    </cfRule>
  </conditionalFormatting>
  <conditionalFormatting sqref="AA622:AA633">
    <cfRule type="expression" dxfId="6341" priority="8559">
      <formula>OR(AA$620&lt;&gt;"",AA$621&lt;&gt;"")</formula>
    </cfRule>
    <cfRule type="expression" dxfId="6340" priority="8560">
      <formula>AND(AA$620="",AA$621="")</formula>
    </cfRule>
  </conditionalFormatting>
  <conditionalFormatting sqref="AB620:AB621">
    <cfRule type="expression" dxfId="6339" priority="8557">
      <formula>OR(AB$620&lt;&gt;"",AB$621&lt;&gt;"")</formula>
    </cfRule>
    <cfRule type="expression" dxfId="6338" priority="8558">
      <formula>AND(AB$620="",AB$621="")</formula>
    </cfRule>
  </conditionalFormatting>
  <conditionalFormatting sqref="AB622:AB633">
    <cfRule type="expression" dxfId="6337" priority="8555">
      <formula>OR(AB$620&lt;&gt;"",AB$621&lt;&gt;"")</formula>
    </cfRule>
    <cfRule type="expression" dxfId="6336" priority="8556">
      <formula>AND(AB$620="",AB$621="")</formula>
    </cfRule>
  </conditionalFormatting>
  <conditionalFormatting sqref="AC620:AC621">
    <cfRule type="expression" dxfId="6335" priority="8553">
      <formula>OR(AC$620&lt;&gt;"",AC$621&lt;&gt;"")</formula>
    </cfRule>
    <cfRule type="expression" dxfId="6334" priority="8554">
      <formula>AND(AC$620="",AC$621="")</formula>
    </cfRule>
  </conditionalFormatting>
  <conditionalFormatting sqref="AC622:AC633">
    <cfRule type="expression" dxfId="6333" priority="8551">
      <formula>OR(AC$620&lt;&gt;"",AC$621&lt;&gt;"")</formula>
    </cfRule>
    <cfRule type="expression" dxfId="6332" priority="8552">
      <formula>AND(AC$620="",AC$621="")</formula>
    </cfRule>
  </conditionalFormatting>
  <conditionalFormatting sqref="AD620:AD621">
    <cfRule type="expression" dxfId="6331" priority="8549">
      <formula>OR(AD$620&lt;&gt;"",AD$621&lt;&gt;"")</formula>
    </cfRule>
    <cfRule type="expression" dxfId="6330" priority="8550">
      <formula>AND(AD$620="",AD$621="")</formula>
    </cfRule>
  </conditionalFormatting>
  <conditionalFormatting sqref="AD622:AD633">
    <cfRule type="expression" dxfId="6329" priority="8547">
      <formula>OR(AD$620&lt;&gt;"",AD$621&lt;&gt;"")</formula>
    </cfRule>
    <cfRule type="expression" dxfId="6328" priority="8548">
      <formula>AND(AD$620="",AD$621="")</formula>
    </cfRule>
  </conditionalFormatting>
  <conditionalFormatting sqref="AE620:AE621">
    <cfRule type="expression" dxfId="6327" priority="8545">
      <formula>OR(AE$620&lt;&gt;"",AE$621&lt;&gt;"")</formula>
    </cfRule>
    <cfRule type="expression" dxfId="6326" priority="8546">
      <formula>AND(AE$620="",AE$621="")</formula>
    </cfRule>
  </conditionalFormatting>
  <conditionalFormatting sqref="AE622:AE633">
    <cfRule type="expression" dxfId="6325" priority="8543">
      <formula>OR(AE$620&lt;&gt;"",AE$621&lt;&gt;"")</formula>
    </cfRule>
    <cfRule type="expression" dxfId="6324" priority="8544">
      <formula>AND(AE$620="",AE$621="")</formula>
    </cfRule>
  </conditionalFormatting>
  <conditionalFormatting sqref="AF620:AF621">
    <cfRule type="expression" dxfId="6323" priority="8541">
      <formula>OR(AF$620&lt;&gt;"",AF$621&lt;&gt;"")</formula>
    </cfRule>
    <cfRule type="expression" dxfId="6322" priority="8542">
      <formula>AND(AF$620="",AF$621="")</formula>
    </cfRule>
  </conditionalFormatting>
  <conditionalFormatting sqref="AF622:AF633">
    <cfRule type="expression" dxfId="6321" priority="8539">
      <formula>OR(AF$620&lt;&gt;"",AF$621&lt;&gt;"")</formula>
    </cfRule>
    <cfRule type="expression" dxfId="6320" priority="8540">
      <formula>AND(AF$620="",AF$621="")</formula>
    </cfRule>
  </conditionalFormatting>
  <conditionalFormatting sqref="AG620:AG621">
    <cfRule type="expression" dxfId="6319" priority="8537">
      <formula>OR(AG$620&lt;&gt;"",AG$621&lt;&gt;"")</formula>
    </cfRule>
    <cfRule type="expression" dxfId="6318" priority="8538">
      <formula>AND(AG$620="",AG$621="")</formula>
    </cfRule>
  </conditionalFormatting>
  <conditionalFormatting sqref="AG622:AG633">
    <cfRule type="expression" dxfId="6317" priority="8535">
      <formula>OR(AG$620&lt;&gt;"",AG$621&lt;&gt;"")</formula>
    </cfRule>
    <cfRule type="expression" dxfId="6316" priority="8536">
      <formula>AND(AG$620="",AG$621="")</formula>
    </cfRule>
  </conditionalFormatting>
  <conditionalFormatting sqref="AH620:AH621">
    <cfRule type="expression" dxfId="6315" priority="8533">
      <formula>OR(AH$620&lt;&gt;"",AH$621&lt;&gt;"")</formula>
    </cfRule>
    <cfRule type="expression" dxfId="6314" priority="8534">
      <formula>AND(AH$620="",AH$621="")</formula>
    </cfRule>
  </conditionalFormatting>
  <conditionalFormatting sqref="AH622:AH633">
    <cfRule type="expression" dxfId="6313" priority="8531">
      <formula>OR(AH$620&lt;&gt;"",AH$621&lt;&gt;"")</formula>
    </cfRule>
    <cfRule type="expression" dxfId="6312" priority="8532">
      <formula>AND(AH$620="",AH$621="")</formula>
    </cfRule>
  </conditionalFormatting>
  <conditionalFormatting sqref="AI620:AI621">
    <cfRule type="expression" dxfId="6311" priority="8529">
      <formula>OR(AI$620&lt;&gt;"",AI$621&lt;&gt;"")</formula>
    </cfRule>
    <cfRule type="expression" dxfId="6310" priority="8530">
      <formula>AND(AI$620="",AI$621="")</formula>
    </cfRule>
  </conditionalFormatting>
  <conditionalFormatting sqref="AI622:AI633">
    <cfRule type="expression" dxfId="6309" priority="8527">
      <formula>OR(AI$620&lt;&gt;"",AI$621&lt;&gt;"")</formula>
    </cfRule>
    <cfRule type="expression" dxfId="6308" priority="8528">
      <formula>AND(AI$620="",AI$621="")</formula>
    </cfRule>
  </conditionalFormatting>
  <conditionalFormatting sqref="AJ620:AJ621">
    <cfRule type="expression" dxfId="6307" priority="8525">
      <formula>OR(AJ$620&lt;&gt;"",AJ$621&lt;&gt;"")</formula>
    </cfRule>
    <cfRule type="expression" dxfId="6306" priority="8526">
      <formula>AND(AJ$620="",AJ$621="")</formula>
    </cfRule>
  </conditionalFormatting>
  <conditionalFormatting sqref="AJ622:AJ633">
    <cfRule type="expression" dxfId="6305" priority="8523">
      <formula>OR(AJ$620&lt;&gt;"",AJ$621&lt;&gt;"")</formula>
    </cfRule>
    <cfRule type="expression" dxfId="6304" priority="8524">
      <formula>AND(AJ$620="",AJ$621="")</formula>
    </cfRule>
  </conditionalFormatting>
  <conditionalFormatting sqref="AK620:AK621">
    <cfRule type="expression" dxfId="6303" priority="8521">
      <formula>OR(AK$620&lt;&gt;"",AK$621&lt;&gt;"")</formula>
    </cfRule>
    <cfRule type="expression" dxfId="6302" priority="8522">
      <formula>AND(AK$620="",AK$621="")</formula>
    </cfRule>
  </conditionalFormatting>
  <conditionalFormatting sqref="AK622:AK633">
    <cfRule type="expression" dxfId="6301" priority="8519">
      <formula>OR(AK$620&lt;&gt;"",AK$621&lt;&gt;"")</formula>
    </cfRule>
    <cfRule type="expression" dxfId="6300" priority="8520">
      <formula>AND(AK$620="",AK$621="")</formula>
    </cfRule>
  </conditionalFormatting>
  <conditionalFormatting sqref="AL620:AL621">
    <cfRule type="expression" dxfId="6299" priority="8517">
      <formula>OR(AL$620&lt;&gt;"",AL$621&lt;&gt;"")</formula>
    </cfRule>
    <cfRule type="expression" dxfId="6298" priority="8518">
      <formula>AND(AL$620="",AL$621="")</formula>
    </cfRule>
  </conditionalFormatting>
  <conditionalFormatting sqref="AL622:AL633">
    <cfRule type="expression" dxfId="6297" priority="8515">
      <formula>OR(AL$620&lt;&gt;"",AL$621&lt;&gt;"")</formula>
    </cfRule>
    <cfRule type="expression" dxfId="6296" priority="8516">
      <formula>AND(AL$620="",AL$621="")</formula>
    </cfRule>
  </conditionalFormatting>
  <conditionalFormatting sqref="AM620:AM621">
    <cfRule type="expression" dxfId="6295" priority="8513">
      <formula>OR(AM$620&lt;&gt;"",AM$621&lt;&gt;"")</formula>
    </cfRule>
    <cfRule type="expression" dxfId="6294" priority="8514">
      <formula>AND(AM$620="",AM$621="")</formula>
    </cfRule>
  </conditionalFormatting>
  <conditionalFormatting sqref="AM622:AM633">
    <cfRule type="expression" dxfId="6293" priority="8511">
      <formula>OR(AM$620&lt;&gt;"",AM$621&lt;&gt;"")</formula>
    </cfRule>
    <cfRule type="expression" dxfId="6292" priority="8512">
      <formula>AND(AM$620="",AM$621="")</formula>
    </cfRule>
  </conditionalFormatting>
  <conditionalFormatting sqref="AN620:AN621">
    <cfRule type="expression" dxfId="6291" priority="8509">
      <formula>OR(AN$620&lt;&gt;"",AN$621&lt;&gt;"")</formula>
    </cfRule>
    <cfRule type="expression" dxfId="6290" priority="8510">
      <formula>AND(AN$620="",AN$621="")</formula>
    </cfRule>
  </conditionalFormatting>
  <conditionalFormatting sqref="AN622:AN633">
    <cfRule type="expression" dxfId="6289" priority="8507">
      <formula>OR(AN$620&lt;&gt;"",AN$621&lt;&gt;"")</formula>
    </cfRule>
    <cfRule type="expression" dxfId="6288" priority="8508">
      <formula>AND(AN$620="",AN$621="")</formula>
    </cfRule>
  </conditionalFormatting>
  <conditionalFormatting sqref="AO620:AO621">
    <cfRule type="expression" dxfId="6287" priority="8505">
      <formula>OR(AO$620&lt;&gt;"",AO$621&lt;&gt;"")</formula>
    </cfRule>
    <cfRule type="expression" dxfId="6286" priority="8506">
      <formula>AND(AO$620="",AO$621="")</formula>
    </cfRule>
  </conditionalFormatting>
  <conditionalFormatting sqref="AO622:AO633">
    <cfRule type="expression" dxfId="6285" priority="8503">
      <formula>OR(AO$620&lt;&gt;"",AO$621&lt;&gt;"")</formula>
    </cfRule>
    <cfRule type="expression" dxfId="6284" priority="8504">
      <formula>AND(AO$620="",AO$621="")</formula>
    </cfRule>
  </conditionalFormatting>
  <conditionalFormatting sqref="AP620:AP621">
    <cfRule type="expression" dxfId="6283" priority="8501">
      <formula>OR(AP$620&lt;&gt;"",AP$621&lt;&gt;"")</formula>
    </cfRule>
    <cfRule type="expression" dxfId="6282" priority="8502">
      <formula>AND(AP$620="",AP$621="")</formula>
    </cfRule>
  </conditionalFormatting>
  <conditionalFormatting sqref="AP622:AP633">
    <cfRule type="expression" dxfId="6281" priority="8499">
      <formula>OR(AP$620&lt;&gt;"",AP$621&lt;&gt;"")</formula>
    </cfRule>
    <cfRule type="expression" dxfId="6280" priority="8500">
      <formula>AND(AP$620="",AP$621="")</formula>
    </cfRule>
  </conditionalFormatting>
  <conditionalFormatting sqref="AQ620:AQ621">
    <cfRule type="expression" dxfId="6279" priority="8497">
      <formula>OR(AQ$620&lt;&gt;"",AQ$621&lt;&gt;"")</formula>
    </cfRule>
    <cfRule type="expression" dxfId="6278" priority="8498">
      <formula>AND(AQ$620="",AQ$621="")</formula>
    </cfRule>
  </conditionalFormatting>
  <conditionalFormatting sqref="AQ622:AQ633">
    <cfRule type="expression" dxfId="6277" priority="8495">
      <formula>OR(AQ$620&lt;&gt;"",AQ$621&lt;&gt;"")</formula>
    </cfRule>
    <cfRule type="expression" dxfId="6276" priority="8496">
      <formula>AND(AQ$620="",AQ$621="")</formula>
    </cfRule>
  </conditionalFormatting>
  <conditionalFormatting sqref="AR620:AR621">
    <cfRule type="expression" dxfId="6275" priority="8493">
      <formula>OR(AR$620&lt;&gt;"",AR$621&lt;&gt;"")</formula>
    </cfRule>
    <cfRule type="expression" dxfId="6274" priority="8494">
      <formula>AND(AR$620="",AR$621="")</formula>
    </cfRule>
  </conditionalFormatting>
  <conditionalFormatting sqref="AR622:AR633">
    <cfRule type="expression" dxfId="6273" priority="8491">
      <formula>OR(AR$620&lt;&gt;"",AR$621&lt;&gt;"")</formula>
    </cfRule>
    <cfRule type="expression" dxfId="6272" priority="8492">
      <formula>AND(AR$620="",AR$621="")</formula>
    </cfRule>
  </conditionalFormatting>
  <conditionalFormatting sqref="AS620:AS621">
    <cfRule type="expression" dxfId="6271" priority="8489">
      <formula>OR(AS$620&lt;&gt;"",AS$621&lt;&gt;"")</formula>
    </cfRule>
    <cfRule type="expression" dxfId="6270" priority="8490">
      <formula>AND(AS$620="",AS$621="")</formula>
    </cfRule>
  </conditionalFormatting>
  <conditionalFormatting sqref="AS622:AS633">
    <cfRule type="expression" dxfId="6269" priority="8487">
      <formula>OR(AS$620&lt;&gt;"",AS$621&lt;&gt;"")</formula>
    </cfRule>
    <cfRule type="expression" dxfId="6268" priority="8488">
      <formula>AND(AS$620="",AS$621="")</formula>
    </cfRule>
  </conditionalFormatting>
  <conditionalFormatting sqref="AT620:AT621">
    <cfRule type="expression" dxfId="6267" priority="8485">
      <formula>OR(AT$620&lt;&gt;"",AT$621&lt;&gt;"")</formula>
    </cfRule>
    <cfRule type="expression" dxfId="6266" priority="8486">
      <formula>AND(AT$620="",AT$621="")</formula>
    </cfRule>
  </conditionalFormatting>
  <conditionalFormatting sqref="AT622:AT633">
    <cfRule type="expression" dxfId="6265" priority="8483">
      <formula>OR(AT$620&lt;&gt;"",AT$621&lt;&gt;"")</formula>
    </cfRule>
    <cfRule type="expression" dxfId="6264" priority="8484">
      <formula>AND(AT$620="",AT$621="")</formula>
    </cfRule>
  </conditionalFormatting>
  <conditionalFormatting sqref="AU620:AU621">
    <cfRule type="expression" dxfId="6263" priority="8481">
      <formula>OR(AU$620&lt;&gt;"",AU$621&lt;&gt;"")</formula>
    </cfRule>
    <cfRule type="expression" dxfId="6262" priority="8482">
      <formula>AND(AU$620="",AU$621="")</formula>
    </cfRule>
  </conditionalFormatting>
  <conditionalFormatting sqref="AU622:AU633">
    <cfRule type="expression" dxfId="6261" priority="8479">
      <formula>OR(AU$620&lt;&gt;"",AU$621&lt;&gt;"")</formula>
    </cfRule>
    <cfRule type="expression" dxfId="6260" priority="8480">
      <formula>AND(AU$620="",AU$621="")</formula>
    </cfRule>
  </conditionalFormatting>
  <conditionalFormatting sqref="AV620:AV621">
    <cfRule type="expression" dxfId="6259" priority="8477">
      <formula>OR(AV$620&lt;&gt;"",AV$621&lt;&gt;"")</formula>
    </cfRule>
    <cfRule type="expression" dxfId="6258" priority="8478">
      <formula>AND(AV$620="",AV$621="")</formula>
    </cfRule>
  </conditionalFormatting>
  <conditionalFormatting sqref="AV622:AV633">
    <cfRule type="expression" dxfId="6257" priority="8475">
      <formula>OR(AV$620&lt;&gt;"",AV$621&lt;&gt;"")</formula>
    </cfRule>
    <cfRule type="expression" dxfId="6256" priority="8476">
      <formula>AND(AV$620="",AV$621="")</formula>
    </cfRule>
  </conditionalFormatting>
  <conditionalFormatting sqref="AW620:AW621">
    <cfRule type="expression" dxfId="6255" priority="8473">
      <formula>OR(AW$620&lt;&gt;"",AW$621&lt;&gt;"")</formula>
    </cfRule>
    <cfRule type="expression" dxfId="6254" priority="8474">
      <formula>AND(AW$620="",AW$621="")</formula>
    </cfRule>
  </conditionalFormatting>
  <conditionalFormatting sqref="AW622:AW633">
    <cfRule type="expression" dxfId="6253" priority="8471">
      <formula>OR(AW$620&lt;&gt;"",AW$621&lt;&gt;"")</formula>
    </cfRule>
    <cfRule type="expression" dxfId="6252" priority="8472">
      <formula>AND(AW$620="",AW$621="")</formula>
    </cfRule>
  </conditionalFormatting>
  <conditionalFormatting sqref="AY620:AY621">
    <cfRule type="expression" dxfId="6251" priority="8469">
      <formula>OR(AY$620&lt;&gt;"",AY$621&lt;&gt;"")</formula>
    </cfRule>
    <cfRule type="expression" dxfId="6250" priority="8470">
      <formula>AND(AY$620="",AY$621="")</formula>
    </cfRule>
  </conditionalFormatting>
  <conditionalFormatting sqref="AY622:AY633">
    <cfRule type="expression" dxfId="6249" priority="8467">
      <formula>OR(AY$620&lt;&gt;"",AY$621&lt;&gt;"")</formula>
    </cfRule>
    <cfRule type="expression" dxfId="6248" priority="8468">
      <formula>AND(AY$620="",AY$621="")</formula>
    </cfRule>
  </conditionalFormatting>
  <conditionalFormatting sqref="AX620:AX621">
    <cfRule type="expression" dxfId="6247" priority="8465">
      <formula>OR(AX$620&lt;&gt;"",AX$621&lt;&gt;"")</formula>
    </cfRule>
    <cfRule type="expression" dxfId="6246" priority="8466">
      <formula>AND(AX$620="",AX$621="")</formula>
    </cfRule>
  </conditionalFormatting>
  <conditionalFormatting sqref="AX622:AX633">
    <cfRule type="expression" dxfId="6245" priority="8463">
      <formula>OR(AX$620&lt;&gt;"",AX$621&lt;&gt;"")</formula>
    </cfRule>
    <cfRule type="expression" dxfId="6244" priority="8464">
      <formula>AND(AX$620="",AX$621="")</formula>
    </cfRule>
  </conditionalFormatting>
  <conditionalFormatting sqref="AZ620:AZ621">
    <cfRule type="expression" dxfId="6243" priority="8461">
      <formula>OR(AZ$620&lt;&gt;"",AZ$621&lt;&gt;"")</formula>
    </cfRule>
    <cfRule type="expression" dxfId="6242" priority="8462">
      <formula>AND(AZ$620="",AZ$621="")</formula>
    </cfRule>
  </conditionalFormatting>
  <conditionalFormatting sqref="AZ622:AZ633">
    <cfRule type="expression" dxfId="6241" priority="8459">
      <formula>OR(AZ$620&lt;&gt;"",AZ$621&lt;&gt;"")</formula>
    </cfRule>
    <cfRule type="expression" dxfId="6240" priority="8460">
      <formula>AND(AZ$620="",AZ$621="")</formula>
    </cfRule>
  </conditionalFormatting>
  <conditionalFormatting sqref="BA620:BA621">
    <cfRule type="expression" dxfId="6239" priority="8457">
      <formula>OR(BA$620&lt;&gt;"",BA$621&lt;&gt;"")</formula>
    </cfRule>
    <cfRule type="expression" dxfId="6238" priority="8458">
      <formula>AND(BA$620="",BA$621="")</formula>
    </cfRule>
  </conditionalFormatting>
  <conditionalFormatting sqref="BA622:BA633">
    <cfRule type="expression" dxfId="6237" priority="8455">
      <formula>OR(BA$620&lt;&gt;"",BA$621&lt;&gt;"")</formula>
    </cfRule>
    <cfRule type="expression" dxfId="6236" priority="8456">
      <formula>AND(BA$620="",BA$621="")</formula>
    </cfRule>
  </conditionalFormatting>
  <conditionalFormatting sqref="BB620:BB621">
    <cfRule type="expression" dxfId="6235" priority="8453">
      <formula>OR(BB$620&lt;&gt;"",BB$621&lt;&gt;"")</formula>
    </cfRule>
    <cfRule type="expression" dxfId="6234" priority="8454">
      <formula>AND(BB$620="",BB$621="")</formula>
    </cfRule>
  </conditionalFormatting>
  <conditionalFormatting sqref="BB622:BB633">
    <cfRule type="expression" dxfId="6233" priority="8451">
      <formula>OR(BB$620&lt;&gt;"",BB$621&lt;&gt;"")</formula>
    </cfRule>
    <cfRule type="expression" dxfId="6232" priority="8452">
      <formula>AND(BB$620="",BB$621="")</formula>
    </cfRule>
  </conditionalFormatting>
  <conditionalFormatting sqref="BC620:BC621">
    <cfRule type="expression" dxfId="6231" priority="8449">
      <formula>OR(BC$620&lt;&gt;"",BC$621&lt;&gt;"")</formula>
    </cfRule>
    <cfRule type="expression" dxfId="6230" priority="8450">
      <formula>AND(BC$620="",BC$621="")</formula>
    </cfRule>
  </conditionalFormatting>
  <conditionalFormatting sqref="BC622:BC633">
    <cfRule type="expression" dxfId="6229" priority="8447">
      <formula>OR(BC$620&lt;&gt;"",BC$621&lt;&gt;"")</formula>
    </cfRule>
    <cfRule type="expression" dxfId="6228" priority="8448">
      <formula>AND(BC$620="",BC$621="")</formula>
    </cfRule>
  </conditionalFormatting>
  <conditionalFormatting sqref="BD620:BD621">
    <cfRule type="expression" dxfId="6227" priority="8445">
      <formula>OR(BD$620&lt;&gt;"",BD$621&lt;&gt;"")</formula>
    </cfRule>
    <cfRule type="expression" dxfId="6226" priority="8446">
      <formula>AND(BD$620="",BD$621="")</formula>
    </cfRule>
  </conditionalFormatting>
  <conditionalFormatting sqref="BD622:BD633">
    <cfRule type="expression" dxfId="6225" priority="8443">
      <formula>OR(BD$620&lt;&gt;"",BD$621&lt;&gt;"")</formula>
    </cfRule>
    <cfRule type="expression" dxfId="6224" priority="8444">
      <formula>AND(BD$620="",BD$621="")</formula>
    </cfRule>
  </conditionalFormatting>
  <conditionalFormatting sqref="BE620:BE621">
    <cfRule type="expression" dxfId="6223" priority="8441">
      <formula>OR(BE$620&lt;&gt;"",BE$621&lt;&gt;"")</formula>
    </cfRule>
    <cfRule type="expression" dxfId="6222" priority="8442">
      <formula>AND(BE$620="",BE$621="")</formula>
    </cfRule>
  </conditionalFormatting>
  <conditionalFormatting sqref="BE622:BE633">
    <cfRule type="expression" dxfId="6221" priority="8439">
      <formula>OR(BE$620&lt;&gt;"",BE$621&lt;&gt;"")</formula>
    </cfRule>
    <cfRule type="expression" dxfId="6220" priority="8440">
      <formula>AND(BE$620="",BE$621="")</formula>
    </cfRule>
  </conditionalFormatting>
  <conditionalFormatting sqref="BF620:BF621">
    <cfRule type="expression" dxfId="6219" priority="8437">
      <formula>OR(BF$620&lt;&gt;"",BF$621&lt;&gt;"")</formula>
    </cfRule>
    <cfRule type="expression" dxfId="6218" priority="8438">
      <formula>AND(BF$620="",BF$621="")</formula>
    </cfRule>
  </conditionalFormatting>
  <conditionalFormatting sqref="BF622:BF633">
    <cfRule type="expression" dxfId="6217" priority="8435">
      <formula>OR(BF$620&lt;&gt;"",BF$621&lt;&gt;"")</formula>
    </cfRule>
    <cfRule type="expression" dxfId="6216" priority="8436">
      <formula>AND(BF$620="",BF$621="")</formula>
    </cfRule>
  </conditionalFormatting>
  <conditionalFormatting sqref="BG620:BG621">
    <cfRule type="expression" dxfId="6215" priority="8433">
      <formula>OR(BG$620&lt;&gt;"",BG$621&lt;&gt;"")</formula>
    </cfRule>
    <cfRule type="expression" dxfId="6214" priority="8434">
      <formula>AND(BG$620="",BG$621="")</formula>
    </cfRule>
  </conditionalFormatting>
  <conditionalFormatting sqref="BG622:BG633">
    <cfRule type="expression" dxfId="6213" priority="8431">
      <formula>OR(BG$620&lt;&gt;"",BG$621&lt;&gt;"")</formula>
    </cfRule>
    <cfRule type="expression" dxfId="6212" priority="8432">
      <formula>AND(BG$620="",BG$621="")</formula>
    </cfRule>
  </conditionalFormatting>
  <conditionalFormatting sqref="BH620:BH621">
    <cfRule type="expression" dxfId="6211" priority="8429">
      <formula>OR(BH$620&lt;&gt;"",BH$621&lt;&gt;"")</formula>
    </cfRule>
    <cfRule type="expression" dxfId="6210" priority="8430">
      <formula>AND(BH$620="",BH$621="")</formula>
    </cfRule>
  </conditionalFormatting>
  <conditionalFormatting sqref="BH622:BH633">
    <cfRule type="expression" dxfId="6209" priority="8427">
      <formula>OR(BH$620&lt;&gt;"",BH$621&lt;&gt;"")</formula>
    </cfRule>
    <cfRule type="expression" dxfId="6208" priority="8428">
      <formula>AND(BH$620="",BH$621="")</formula>
    </cfRule>
  </conditionalFormatting>
  <conditionalFormatting sqref="BI620:BI621">
    <cfRule type="expression" dxfId="6207" priority="8425">
      <formula>OR(BI$620&lt;&gt;"",BI$621&lt;&gt;"")</formula>
    </cfRule>
    <cfRule type="expression" dxfId="6206" priority="8426">
      <formula>AND(BI$620="",BI$621="")</formula>
    </cfRule>
  </conditionalFormatting>
  <conditionalFormatting sqref="BI622:BI633">
    <cfRule type="expression" dxfId="6205" priority="8423">
      <formula>OR(BI$620&lt;&gt;"",BI$621&lt;&gt;"")</formula>
    </cfRule>
    <cfRule type="expression" dxfId="6204" priority="8424">
      <formula>AND(BI$620="",BI$621="")</formula>
    </cfRule>
  </conditionalFormatting>
  <conditionalFormatting sqref="BJ620:BJ621">
    <cfRule type="expression" dxfId="6203" priority="8421">
      <formula>OR(BJ$620&lt;&gt;"",BJ$621&lt;&gt;"")</formula>
    </cfRule>
    <cfRule type="expression" dxfId="6202" priority="8422">
      <formula>AND(BJ$620="",BJ$621="")</formula>
    </cfRule>
  </conditionalFormatting>
  <conditionalFormatting sqref="BJ622:BJ633">
    <cfRule type="expression" dxfId="6201" priority="8419">
      <formula>OR(BJ$620&lt;&gt;"",BJ$621&lt;&gt;"")</formula>
    </cfRule>
    <cfRule type="expression" dxfId="6200" priority="8420">
      <formula>AND(BJ$620="",BJ$621="")</formula>
    </cfRule>
  </conditionalFormatting>
  <conditionalFormatting sqref="BK620:BK621">
    <cfRule type="expression" dxfId="6199" priority="8417">
      <formula>OR(BK$620&lt;&gt;"",BK$621&lt;&gt;"")</formula>
    </cfRule>
    <cfRule type="expression" dxfId="6198" priority="8418">
      <formula>AND(BK$620="",BK$621="")</formula>
    </cfRule>
  </conditionalFormatting>
  <conditionalFormatting sqref="BK622:BK633">
    <cfRule type="expression" dxfId="6197" priority="8415">
      <formula>OR(BK$620&lt;&gt;"",BK$621&lt;&gt;"")</formula>
    </cfRule>
    <cfRule type="expression" dxfId="6196" priority="8416">
      <formula>AND(BK$620="",BK$621="")</formula>
    </cfRule>
  </conditionalFormatting>
  <conditionalFormatting sqref="BL620:BL621">
    <cfRule type="expression" dxfId="6195" priority="8413">
      <formula>OR(BL$620&lt;&gt;"",BL$621&lt;&gt;"")</formula>
    </cfRule>
    <cfRule type="expression" dxfId="6194" priority="8414">
      <formula>AND(BL$620="",BL$621="")</formula>
    </cfRule>
  </conditionalFormatting>
  <conditionalFormatting sqref="BL622:BL633">
    <cfRule type="expression" dxfId="6193" priority="8411">
      <formula>OR(BL$620&lt;&gt;"",BL$621&lt;&gt;"")</formula>
    </cfRule>
    <cfRule type="expression" dxfId="6192" priority="8412">
      <formula>AND(BL$620="",BL$621="")</formula>
    </cfRule>
  </conditionalFormatting>
  <conditionalFormatting sqref="BM620:BM621">
    <cfRule type="expression" dxfId="6191" priority="8409">
      <formula>OR(BM$620&lt;&gt;"",BM$621&lt;&gt;"")</formula>
    </cfRule>
    <cfRule type="expression" dxfId="6190" priority="8410">
      <formula>AND(BM$620="",BM$621="")</formula>
    </cfRule>
  </conditionalFormatting>
  <conditionalFormatting sqref="BM622:BM633">
    <cfRule type="expression" dxfId="6189" priority="8407">
      <formula>OR(BM$620&lt;&gt;"",BM$621&lt;&gt;"")</formula>
    </cfRule>
    <cfRule type="expression" dxfId="6188" priority="8408">
      <formula>AND(BM$620="",BM$621="")</formula>
    </cfRule>
  </conditionalFormatting>
  <conditionalFormatting sqref="BN620:BN621">
    <cfRule type="expression" dxfId="6187" priority="8405">
      <formula>OR(BN$620&lt;&gt;"",BN$621&lt;&gt;"")</formula>
    </cfRule>
    <cfRule type="expression" dxfId="6186" priority="8406">
      <formula>AND(BN$620="",BN$621="")</formula>
    </cfRule>
  </conditionalFormatting>
  <conditionalFormatting sqref="BN622:BN633">
    <cfRule type="expression" dxfId="6185" priority="8403">
      <formula>OR(BN$620&lt;&gt;"",BN$621&lt;&gt;"")</formula>
    </cfRule>
    <cfRule type="expression" dxfId="6184" priority="8404">
      <formula>AND(BN$620="",BN$621="")</formula>
    </cfRule>
  </conditionalFormatting>
  <conditionalFormatting sqref="BO620:BO621">
    <cfRule type="expression" dxfId="6183" priority="8401">
      <formula>OR(BO$620&lt;&gt;"",BO$621&lt;&gt;"")</formula>
    </cfRule>
    <cfRule type="expression" dxfId="6182" priority="8402">
      <formula>AND(BO$620="",BO$621="")</formula>
    </cfRule>
  </conditionalFormatting>
  <conditionalFormatting sqref="BO622:BO633">
    <cfRule type="expression" dxfId="6181" priority="8399">
      <formula>OR(BO$620&lt;&gt;"",BO$621&lt;&gt;"")</formula>
    </cfRule>
    <cfRule type="expression" dxfId="6180" priority="8400">
      <formula>AND(BO$620="",BO$621="")</formula>
    </cfRule>
  </conditionalFormatting>
  <conditionalFormatting sqref="BP620:BP621">
    <cfRule type="expression" dxfId="6179" priority="8397">
      <formula>OR(BP$620&lt;&gt;"",BP$621&lt;&gt;"")</formula>
    </cfRule>
    <cfRule type="expression" dxfId="6178" priority="8398">
      <formula>AND(BP$620="",BP$621="")</formula>
    </cfRule>
  </conditionalFormatting>
  <conditionalFormatting sqref="BP622:BP633">
    <cfRule type="expression" dxfId="6177" priority="8395">
      <formula>OR(BP$620&lt;&gt;"",BP$621&lt;&gt;"")</formula>
    </cfRule>
    <cfRule type="expression" dxfId="6176" priority="8396">
      <formula>AND(BP$620="",BP$621="")</formula>
    </cfRule>
  </conditionalFormatting>
  <conditionalFormatting sqref="BQ620:BQ621">
    <cfRule type="expression" dxfId="6175" priority="8393">
      <formula>OR(BQ$620&lt;&gt;"",BQ$621&lt;&gt;"")</formula>
    </cfRule>
    <cfRule type="expression" dxfId="6174" priority="8394">
      <formula>AND(BQ$620="",BQ$621="")</formula>
    </cfRule>
  </conditionalFormatting>
  <conditionalFormatting sqref="BQ622:BQ633">
    <cfRule type="expression" dxfId="6173" priority="8391">
      <formula>OR(BQ$620&lt;&gt;"",BQ$621&lt;&gt;"")</formula>
    </cfRule>
    <cfRule type="expression" dxfId="6172" priority="8392">
      <formula>AND(BQ$620="",BQ$621="")</formula>
    </cfRule>
  </conditionalFormatting>
  <conditionalFormatting sqref="BR620:BR621">
    <cfRule type="expression" dxfId="6171" priority="8389">
      <formula>OR(BR$620&lt;&gt;"",BR$621&lt;&gt;"")</formula>
    </cfRule>
    <cfRule type="expression" dxfId="6170" priority="8390">
      <formula>AND(BR$620="",BR$621="")</formula>
    </cfRule>
  </conditionalFormatting>
  <conditionalFormatting sqref="BR622:BR633">
    <cfRule type="expression" dxfId="6169" priority="8387">
      <formula>OR(BR$620&lt;&gt;"",BR$621&lt;&gt;"")</formula>
    </cfRule>
    <cfRule type="expression" dxfId="6168" priority="8388">
      <formula>AND(BR$620="",BR$621="")</formula>
    </cfRule>
  </conditionalFormatting>
  <conditionalFormatting sqref="BS620:BS621">
    <cfRule type="expression" dxfId="6167" priority="8385">
      <formula>OR(BS$620&lt;&gt;"",BS$621&lt;&gt;"")</formula>
    </cfRule>
    <cfRule type="expression" dxfId="6166" priority="8386">
      <formula>AND(BS$620="",BS$621="")</formula>
    </cfRule>
  </conditionalFormatting>
  <conditionalFormatting sqref="BS622:BS633">
    <cfRule type="expression" dxfId="6165" priority="8383">
      <formula>OR(BS$620&lt;&gt;"",BS$621&lt;&gt;"")</formula>
    </cfRule>
    <cfRule type="expression" dxfId="6164" priority="8384">
      <formula>AND(BS$620="",BS$621="")</formula>
    </cfRule>
  </conditionalFormatting>
  <conditionalFormatting sqref="AM597:AM598">
    <cfRule type="expression" dxfId="6163" priority="8381">
      <formula>OR(AM$597&lt;&gt;"",AM$598&lt;&gt;"")</formula>
    </cfRule>
    <cfRule type="expression" dxfId="6162" priority="8382">
      <formula>AND(AM$597="",AM$598="")</formula>
    </cfRule>
  </conditionalFormatting>
  <conditionalFormatting sqref="AM599:AM603">
    <cfRule type="expression" dxfId="6161" priority="8379">
      <formula>OR(AM$597&lt;&gt;"",AM$598&lt;&gt;"")</formula>
    </cfRule>
    <cfRule type="expression" dxfId="6160" priority="8380">
      <formula>AND(AM$597="",AM$598="")</formula>
    </cfRule>
  </conditionalFormatting>
  <conditionalFormatting sqref="AM604:AM608">
    <cfRule type="expression" dxfId="6159" priority="8377">
      <formula>OR(AM$597&lt;&gt;"",AM$598&lt;&gt;"")</formula>
    </cfRule>
    <cfRule type="expression" dxfId="6158" priority="8378">
      <formula>AND(AM$597="",AM$598="")</formula>
    </cfRule>
  </conditionalFormatting>
  <conditionalFormatting sqref="AM609:AM614">
    <cfRule type="expression" dxfId="6157" priority="8375">
      <formula>OR(AM$597&lt;&gt;"",AM$598&lt;&gt;"")</formula>
    </cfRule>
    <cfRule type="expression" dxfId="6156" priority="8376">
      <formula>AND(AM$597="",AM$598="")</formula>
    </cfRule>
  </conditionalFormatting>
  <conditionalFormatting sqref="AN597:AN598">
    <cfRule type="expression" dxfId="6155" priority="8373">
      <formula>OR(AN$597&lt;&gt;"",AN$598&lt;&gt;"")</formula>
    </cfRule>
    <cfRule type="expression" dxfId="6154" priority="8374">
      <formula>AND(AN$597="",AN$598="")</formula>
    </cfRule>
  </conditionalFormatting>
  <conditionalFormatting sqref="AN599:AN603">
    <cfRule type="expression" dxfId="6153" priority="8371">
      <formula>OR(AN$597&lt;&gt;"",AN$598&lt;&gt;"")</formula>
    </cfRule>
    <cfRule type="expression" dxfId="6152" priority="8372">
      <formula>AND(AN$597="",AN$598="")</formula>
    </cfRule>
  </conditionalFormatting>
  <conditionalFormatting sqref="AN604:AN608">
    <cfRule type="expression" dxfId="6151" priority="8369">
      <formula>OR(AN$597&lt;&gt;"",AN$598&lt;&gt;"")</formula>
    </cfRule>
    <cfRule type="expression" dxfId="6150" priority="8370">
      <formula>AND(AN$597="",AN$598="")</formula>
    </cfRule>
  </conditionalFormatting>
  <conditionalFormatting sqref="AN609:AN614">
    <cfRule type="expression" dxfId="6149" priority="8367">
      <formula>OR(AN$597&lt;&gt;"",AN$598&lt;&gt;"")</formula>
    </cfRule>
    <cfRule type="expression" dxfId="6148" priority="8368">
      <formula>AND(AN$597="",AN$598="")</formula>
    </cfRule>
  </conditionalFormatting>
  <conditionalFormatting sqref="AO597:AO598">
    <cfRule type="expression" dxfId="6147" priority="8365">
      <formula>OR(AO$597&lt;&gt;"",AO$598&lt;&gt;"")</formula>
    </cfRule>
    <cfRule type="expression" dxfId="6146" priority="8366">
      <formula>AND(AO$597="",AO$598="")</formula>
    </cfRule>
  </conditionalFormatting>
  <conditionalFormatting sqref="AO599:AO603">
    <cfRule type="expression" dxfId="6145" priority="8363">
      <formula>OR(AO$597&lt;&gt;"",AO$598&lt;&gt;"")</formula>
    </cfRule>
    <cfRule type="expression" dxfId="6144" priority="8364">
      <formula>AND(AO$597="",AO$598="")</formula>
    </cfRule>
  </conditionalFormatting>
  <conditionalFormatting sqref="AO604:AO608">
    <cfRule type="expression" dxfId="6143" priority="8361">
      <formula>OR(AO$597&lt;&gt;"",AO$598&lt;&gt;"")</formula>
    </cfRule>
    <cfRule type="expression" dxfId="6142" priority="8362">
      <formula>AND(AO$597="",AO$598="")</formula>
    </cfRule>
  </conditionalFormatting>
  <conditionalFormatting sqref="AO609:AO614">
    <cfRule type="expression" dxfId="6141" priority="8359">
      <formula>OR(AO$597&lt;&gt;"",AO$598&lt;&gt;"")</formula>
    </cfRule>
    <cfRule type="expression" dxfId="6140" priority="8360">
      <formula>AND(AO$597="",AO$598="")</formula>
    </cfRule>
  </conditionalFormatting>
  <conditionalFormatting sqref="AP597:AP598">
    <cfRule type="expression" dxfId="6139" priority="8357">
      <formula>OR(AP$597&lt;&gt;"",AP$598&lt;&gt;"")</formula>
    </cfRule>
    <cfRule type="expression" dxfId="6138" priority="8358">
      <formula>AND(AP$597="",AP$598="")</formula>
    </cfRule>
  </conditionalFormatting>
  <conditionalFormatting sqref="AP599:AP603">
    <cfRule type="expression" dxfId="6137" priority="8355">
      <formula>OR(AP$597&lt;&gt;"",AP$598&lt;&gt;"")</formula>
    </cfRule>
    <cfRule type="expression" dxfId="6136" priority="8356">
      <formula>AND(AP$597="",AP$598="")</formula>
    </cfRule>
  </conditionalFormatting>
  <conditionalFormatting sqref="AP604:AP608">
    <cfRule type="expression" dxfId="6135" priority="8353">
      <formula>OR(AP$597&lt;&gt;"",AP$598&lt;&gt;"")</formula>
    </cfRule>
    <cfRule type="expression" dxfId="6134" priority="8354">
      <formula>AND(AP$597="",AP$598="")</formula>
    </cfRule>
  </conditionalFormatting>
  <conditionalFormatting sqref="AP609:AP614">
    <cfRule type="expression" dxfId="6133" priority="8351">
      <formula>OR(AP$597&lt;&gt;"",AP$598&lt;&gt;"")</formula>
    </cfRule>
    <cfRule type="expression" dxfId="6132" priority="8352">
      <formula>AND(AP$597="",AP$598="")</formula>
    </cfRule>
  </conditionalFormatting>
  <conditionalFormatting sqref="AQ597:AQ598">
    <cfRule type="expression" dxfId="6131" priority="8349">
      <formula>OR(AQ$597&lt;&gt;"",AQ$598&lt;&gt;"")</formula>
    </cfRule>
    <cfRule type="expression" dxfId="6130" priority="8350">
      <formula>AND(AQ$597="",AQ$598="")</formula>
    </cfRule>
  </conditionalFormatting>
  <conditionalFormatting sqref="AQ599:AQ603">
    <cfRule type="expression" dxfId="6129" priority="8347">
      <formula>OR(AQ$597&lt;&gt;"",AQ$598&lt;&gt;"")</formula>
    </cfRule>
    <cfRule type="expression" dxfId="6128" priority="8348">
      <formula>AND(AQ$597="",AQ$598="")</formula>
    </cfRule>
  </conditionalFormatting>
  <conditionalFormatting sqref="AQ604:AQ608">
    <cfRule type="expression" dxfId="6127" priority="8345">
      <formula>OR(AQ$597&lt;&gt;"",AQ$598&lt;&gt;"")</formula>
    </cfRule>
    <cfRule type="expression" dxfId="6126" priority="8346">
      <formula>AND(AQ$597="",AQ$598="")</formula>
    </cfRule>
  </conditionalFormatting>
  <conditionalFormatting sqref="AQ609:AQ614">
    <cfRule type="expression" dxfId="6125" priority="8343">
      <formula>OR(AQ$597&lt;&gt;"",AQ$598&lt;&gt;"")</formula>
    </cfRule>
    <cfRule type="expression" dxfId="6124" priority="8344">
      <formula>AND(AQ$597="",AQ$598="")</formula>
    </cfRule>
  </conditionalFormatting>
  <conditionalFormatting sqref="AR597:AR598">
    <cfRule type="expression" dxfId="6123" priority="8341">
      <formula>OR(AR$597&lt;&gt;"",AR$598&lt;&gt;"")</formula>
    </cfRule>
    <cfRule type="expression" dxfId="6122" priority="8342">
      <formula>AND(AR$597="",AR$598="")</formula>
    </cfRule>
  </conditionalFormatting>
  <conditionalFormatting sqref="AR599:AR603">
    <cfRule type="expression" dxfId="6121" priority="8339">
      <formula>OR(AR$597&lt;&gt;"",AR$598&lt;&gt;"")</formula>
    </cfRule>
    <cfRule type="expression" dxfId="6120" priority="8340">
      <formula>AND(AR$597="",AR$598="")</formula>
    </cfRule>
  </conditionalFormatting>
  <conditionalFormatting sqref="AR604:AR608">
    <cfRule type="expression" dxfId="6119" priority="8337">
      <formula>OR(AR$597&lt;&gt;"",AR$598&lt;&gt;"")</formula>
    </cfRule>
    <cfRule type="expression" dxfId="6118" priority="8338">
      <formula>AND(AR$597="",AR$598="")</formula>
    </cfRule>
  </conditionalFormatting>
  <conditionalFormatting sqref="AR609:AR614">
    <cfRule type="expression" dxfId="6117" priority="8335">
      <formula>OR(AR$597&lt;&gt;"",AR$598&lt;&gt;"")</formula>
    </cfRule>
    <cfRule type="expression" dxfId="6116" priority="8336">
      <formula>AND(AR$597="",AR$598="")</formula>
    </cfRule>
  </conditionalFormatting>
  <conditionalFormatting sqref="M639:M640">
    <cfRule type="expression" dxfId="6115" priority="8333">
      <formula>OR(M$639&lt;&gt;"",M$640&lt;&gt;"")</formula>
    </cfRule>
    <cfRule type="expression" dxfId="6114" priority="8334">
      <formula>AND(M$639="",M$640="")</formula>
    </cfRule>
  </conditionalFormatting>
  <conditionalFormatting sqref="N639:N640">
    <cfRule type="expression" dxfId="6113" priority="8331">
      <formula>OR(N$639&lt;&gt;"",N$640&lt;&gt;"")</formula>
    </cfRule>
    <cfRule type="expression" dxfId="6112" priority="8332">
      <formula>AND(N$639="",N$640="")</formula>
    </cfRule>
  </conditionalFormatting>
  <conditionalFormatting sqref="M641:M648">
    <cfRule type="expression" dxfId="6111" priority="8329">
      <formula>OR($M$639&lt;&gt;"",$M$640&lt;&gt;"")</formula>
    </cfRule>
    <cfRule type="expression" dxfId="6110" priority="8330">
      <formula>AND($M$639="",$M$640="")</formula>
    </cfRule>
  </conditionalFormatting>
  <conditionalFormatting sqref="N641:N648">
    <cfRule type="expression" dxfId="6109" priority="8327">
      <formula>OR(N$639&lt;&gt;"",N$640&lt;&gt;"")</formula>
    </cfRule>
    <cfRule type="expression" dxfId="6108" priority="8328">
      <formula>AND(N$639="",N$640="")</formula>
    </cfRule>
  </conditionalFormatting>
  <conditionalFormatting sqref="O639:O640">
    <cfRule type="expression" dxfId="6107" priority="8325">
      <formula>OR(O$639&lt;&gt;"",O$640&lt;&gt;"")</formula>
    </cfRule>
    <cfRule type="expression" dxfId="6106" priority="8326">
      <formula>AND(O$639="",O$640="")</formula>
    </cfRule>
  </conditionalFormatting>
  <conditionalFormatting sqref="O641:O648">
    <cfRule type="expression" dxfId="6105" priority="8323">
      <formula>OR(O$639&lt;&gt;"",O$640&lt;&gt;"")</formula>
    </cfRule>
    <cfRule type="expression" dxfId="6104" priority="8324">
      <formula>AND(O$639="",O$640="")</formula>
    </cfRule>
  </conditionalFormatting>
  <conditionalFormatting sqref="P639:P640">
    <cfRule type="expression" dxfId="6103" priority="8321">
      <formula>OR(P$639&lt;&gt;"",P$640&lt;&gt;"")</formula>
    </cfRule>
    <cfRule type="expression" dxfId="6102" priority="8322">
      <formula>AND(P$639="",P$640="")</formula>
    </cfRule>
  </conditionalFormatting>
  <conditionalFormatting sqref="P641:P648">
    <cfRule type="expression" dxfId="6101" priority="8319">
      <formula>OR(P$639&lt;&gt;"",P$640&lt;&gt;"")</formula>
    </cfRule>
    <cfRule type="expression" dxfId="6100" priority="8320">
      <formula>AND(P$639="",P$640="")</formula>
    </cfRule>
  </conditionalFormatting>
  <conditionalFormatting sqref="Q639:Q640">
    <cfRule type="expression" dxfId="6099" priority="8317">
      <formula>OR(Q$639&lt;&gt;"",Q$640&lt;&gt;"")</formula>
    </cfRule>
    <cfRule type="expression" dxfId="6098" priority="8318">
      <formula>AND(Q$639="",Q$640="")</formula>
    </cfRule>
  </conditionalFormatting>
  <conditionalFormatting sqref="Q641:Q648">
    <cfRule type="expression" dxfId="6097" priority="8315">
      <formula>OR(Q$639&lt;&gt;"",Q$640&lt;&gt;"")</formula>
    </cfRule>
    <cfRule type="expression" dxfId="6096" priority="8316">
      <formula>AND(Q$639="",Q$640="")</formula>
    </cfRule>
  </conditionalFormatting>
  <conditionalFormatting sqref="R639:R640">
    <cfRule type="expression" dxfId="6095" priority="8313">
      <formula>OR(R$639&lt;&gt;"",R$640&lt;&gt;"")</formula>
    </cfRule>
    <cfRule type="expression" dxfId="6094" priority="8314">
      <formula>AND(R$639="",R$640="")</formula>
    </cfRule>
  </conditionalFormatting>
  <conditionalFormatting sqref="R641:R648">
    <cfRule type="expression" dxfId="6093" priority="8311">
      <formula>OR(R$639&lt;&gt;"",R$640&lt;&gt;"")</formula>
    </cfRule>
    <cfRule type="expression" dxfId="6092" priority="8312">
      <formula>AND(R$639="",R$640="")</formula>
    </cfRule>
  </conditionalFormatting>
  <conditionalFormatting sqref="S639:S640">
    <cfRule type="expression" dxfId="6091" priority="8309">
      <formula>OR(S$639&lt;&gt;"",S$640&lt;&gt;"")</formula>
    </cfRule>
    <cfRule type="expression" dxfId="6090" priority="8310">
      <formula>AND(S$639="",S$640="")</formula>
    </cfRule>
  </conditionalFormatting>
  <conditionalFormatting sqref="S641:S648">
    <cfRule type="expression" dxfId="6089" priority="8307">
      <formula>OR(S$639&lt;&gt;"",S$640&lt;&gt;"")</formula>
    </cfRule>
    <cfRule type="expression" dxfId="6088" priority="8308">
      <formula>AND(S$639="",S$640="")</formula>
    </cfRule>
  </conditionalFormatting>
  <conditionalFormatting sqref="T639:T640">
    <cfRule type="expression" dxfId="6087" priority="8305">
      <formula>OR(T$639&lt;&gt;"",T$640&lt;&gt;"")</formula>
    </cfRule>
    <cfRule type="expression" dxfId="6086" priority="8306">
      <formula>AND(T$639="",T$640="")</formula>
    </cfRule>
  </conditionalFormatting>
  <conditionalFormatting sqref="T641:T648">
    <cfRule type="expression" dxfId="6085" priority="8303">
      <formula>OR(T$639&lt;&gt;"",T$640&lt;&gt;"")</formula>
    </cfRule>
    <cfRule type="expression" dxfId="6084" priority="8304">
      <formula>AND(T$639="",T$640="")</formula>
    </cfRule>
  </conditionalFormatting>
  <conditionalFormatting sqref="U639:U640">
    <cfRule type="expression" dxfId="6083" priority="8301">
      <formula>OR(U$639&lt;&gt;"",U$640&lt;&gt;"")</formula>
    </cfRule>
    <cfRule type="expression" dxfId="6082" priority="8302">
      <formula>AND(U$639="",U$640="")</formula>
    </cfRule>
  </conditionalFormatting>
  <conditionalFormatting sqref="U641:U648">
    <cfRule type="expression" dxfId="6081" priority="8299">
      <formula>OR(U$639&lt;&gt;"",U$640&lt;&gt;"")</formula>
    </cfRule>
    <cfRule type="expression" dxfId="6080" priority="8300">
      <formula>AND(U$639="",U$640="")</formula>
    </cfRule>
  </conditionalFormatting>
  <conditionalFormatting sqref="V639:V640">
    <cfRule type="expression" dxfId="6079" priority="8297">
      <formula>OR(V$639&lt;&gt;"",V$640&lt;&gt;"")</formula>
    </cfRule>
    <cfRule type="expression" dxfId="6078" priority="8298">
      <formula>AND(V$639="",V$640="")</formula>
    </cfRule>
  </conditionalFormatting>
  <conditionalFormatting sqref="V641:V648">
    <cfRule type="expression" dxfId="6077" priority="8295">
      <formula>OR(V$639&lt;&gt;"",V$640&lt;&gt;"")</formula>
    </cfRule>
    <cfRule type="expression" dxfId="6076" priority="8296">
      <formula>AND(V$639="",V$640="")</formula>
    </cfRule>
  </conditionalFormatting>
  <conditionalFormatting sqref="W639:W640">
    <cfRule type="expression" dxfId="6075" priority="8293">
      <formula>OR(W$639&lt;&gt;"",W$640&lt;&gt;"")</formula>
    </cfRule>
    <cfRule type="expression" dxfId="6074" priority="8294">
      <formula>AND(W$639="",W$640="")</formula>
    </cfRule>
  </conditionalFormatting>
  <conditionalFormatting sqref="W641:W648">
    <cfRule type="expression" dxfId="6073" priority="8291">
      <formula>OR(W$639&lt;&gt;"",W$640&lt;&gt;"")</formula>
    </cfRule>
    <cfRule type="expression" dxfId="6072" priority="8292">
      <formula>AND(W$639="",W$640="")</formula>
    </cfRule>
  </conditionalFormatting>
  <conditionalFormatting sqref="X639:X640">
    <cfRule type="expression" dxfId="6071" priority="8289">
      <formula>OR(X$639&lt;&gt;"",X$640&lt;&gt;"")</formula>
    </cfRule>
    <cfRule type="expression" dxfId="6070" priority="8290">
      <formula>AND(X$639="",X$640="")</formula>
    </cfRule>
  </conditionalFormatting>
  <conditionalFormatting sqref="X641:X648">
    <cfRule type="expression" dxfId="6069" priority="8287">
      <formula>OR(X$639&lt;&gt;"",X$640&lt;&gt;"")</formula>
    </cfRule>
    <cfRule type="expression" dxfId="6068" priority="8288">
      <formula>AND(X$639="",X$640="")</formula>
    </cfRule>
  </conditionalFormatting>
  <conditionalFormatting sqref="Y639:Y640">
    <cfRule type="expression" dxfId="6067" priority="8285">
      <formula>OR(Y$639&lt;&gt;"",Y$640&lt;&gt;"")</formula>
    </cfRule>
    <cfRule type="expression" dxfId="6066" priority="8286">
      <formula>AND(Y$639="",Y$640="")</formula>
    </cfRule>
  </conditionalFormatting>
  <conditionalFormatting sqref="Y641:Y648">
    <cfRule type="expression" dxfId="6065" priority="8283">
      <formula>OR(Y$639&lt;&gt;"",Y$640&lt;&gt;"")</formula>
    </cfRule>
    <cfRule type="expression" dxfId="6064" priority="8284">
      <formula>AND(Y$639="",Y$640="")</formula>
    </cfRule>
  </conditionalFormatting>
  <conditionalFormatting sqref="Z639:Z640">
    <cfRule type="expression" dxfId="6063" priority="8281">
      <formula>OR(Z$639&lt;&gt;"",Z$640&lt;&gt;"")</formula>
    </cfRule>
    <cfRule type="expression" dxfId="6062" priority="8282">
      <formula>AND(Z$639="",Z$640="")</formula>
    </cfRule>
  </conditionalFormatting>
  <conditionalFormatting sqref="Z641:Z648">
    <cfRule type="expression" dxfId="6061" priority="8279">
      <formula>OR(Z$639&lt;&gt;"",Z$640&lt;&gt;"")</formula>
    </cfRule>
    <cfRule type="expression" dxfId="6060" priority="8280">
      <formula>AND(Z$639="",Z$640="")</formula>
    </cfRule>
  </conditionalFormatting>
  <conditionalFormatting sqref="AA639:AA640">
    <cfRule type="expression" dxfId="6059" priority="8277">
      <formula>OR(AA$639&lt;&gt;"",AA$640&lt;&gt;"")</formula>
    </cfRule>
    <cfRule type="expression" dxfId="6058" priority="8278">
      <formula>AND(AA$639="",AA$640="")</formula>
    </cfRule>
  </conditionalFormatting>
  <conditionalFormatting sqref="AA641:AA648">
    <cfRule type="expression" dxfId="6057" priority="8275">
      <formula>OR(AA$639&lt;&gt;"",AA$640&lt;&gt;"")</formula>
    </cfRule>
    <cfRule type="expression" dxfId="6056" priority="8276">
      <formula>AND(AA$639="",AA$640="")</formula>
    </cfRule>
  </conditionalFormatting>
  <conditionalFormatting sqref="AB639:AB640">
    <cfRule type="expression" dxfId="6055" priority="8273">
      <formula>OR(AB$639&lt;&gt;"",AB$640&lt;&gt;"")</formula>
    </cfRule>
    <cfRule type="expression" dxfId="6054" priority="8274">
      <formula>AND(AB$639="",AB$640="")</formula>
    </cfRule>
  </conditionalFormatting>
  <conditionalFormatting sqref="AB641:AB648">
    <cfRule type="expression" dxfId="6053" priority="8271">
      <formula>OR(AB$639&lt;&gt;"",AB$640&lt;&gt;"")</formula>
    </cfRule>
    <cfRule type="expression" dxfId="6052" priority="8272">
      <formula>AND(AB$639="",AB$640="")</formula>
    </cfRule>
  </conditionalFormatting>
  <conditionalFormatting sqref="AC639:AC640">
    <cfRule type="expression" dxfId="6051" priority="8269">
      <formula>OR(AC$639&lt;&gt;"",AC$640&lt;&gt;"")</formula>
    </cfRule>
    <cfRule type="expression" dxfId="6050" priority="8270">
      <formula>AND(AC$639="",AC$640="")</formula>
    </cfRule>
  </conditionalFormatting>
  <conditionalFormatting sqref="AC641:AC648">
    <cfRule type="expression" dxfId="6049" priority="8267">
      <formula>OR(AC$639&lt;&gt;"",AC$640&lt;&gt;"")</formula>
    </cfRule>
    <cfRule type="expression" dxfId="6048" priority="8268">
      <formula>AND(AC$639="",AC$640="")</formula>
    </cfRule>
  </conditionalFormatting>
  <conditionalFormatting sqref="AD639:AD640">
    <cfRule type="expression" dxfId="6047" priority="8265">
      <formula>OR(AD$639&lt;&gt;"",AD$640&lt;&gt;"")</formula>
    </cfRule>
    <cfRule type="expression" dxfId="6046" priority="8266">
      <formula>AND(AD$639="",AD$640="")</formula>
    </cfRule>
  </conditionalFormatting>
  <conditionalFormatting sqref="AD641:AD648">
    <cfRule type="expression" dxfId="6045" priority="8263">
      <formula>OR(AD$639&lt;&gt;"",AD$640&lt;&gt;"")</formula>
    </cfRule>
    <cfRule type="expression" dxfId="6044" priority="8264">
      <formula>AND(AD$639="",AD$640="")</formula>
    </cfRule>
  </conditionalFormatting>
  <conditionalFormatting sqref="AE639:AE640">
    <cfRule type="expression" dxfId="6043" priority="8261">
      <formula>OR(AE$639&lt;&gt;"",AE$640&lt;&gt;"")</formula>
    </cfRule>
    <cfRule type="expression" dxfId="6042" priority="8262">
      <formula>AND(AE$639="",AE$640="")</formula>
    </cfRule>
  </conditionalFormatting>
  <conditionalFormatting sqref="AE641:AE648">
    <cfRule type="expression" dxfId="6041" priority="8259">
      <formula>OR(AE$639&lt;&gt;"",AE$640&lt;&gt;"")</formula>
    </cfRule>
    <cfRule type="expression" dxfId="6040" priority="8260">
      <formula>AND(AE$639="",AE$640="")</formula>
    </cfRule>
  </conditionalFormatting>
  <conditionalFormatting sqref="AF639:AF640">
    <cfRule type="expression" dxfId="6039" priority="8257">
      <formula>OR(AF$639&lt;&gt;"",AF$640&lt;&gt;"")</formula>
    </cfRule>
    <cfRule type="expression" dxfId="6038" priority="8258">
      <formula>AND(AF$639="",AF$640="")</formula>
    </cfRule>
  </conditionalFormatting>
  <conditionalFormatting sqref="AF641:AF648">
    <cfRule type="expression" dxfId="6037" priority="8255">
      <formula>OR(AF$639&lt;&gt;"",AF$640&lt;&gt;"")</formula>
    </cfRule>
    <cfRule type="expression" dxfId="6036" priority="8256">
      <formula>AND(AF$639="",AF$640="")</formula>
    </cfRule>
  </conditionalFormatting>
  <conditionalFormatting sqref="AG639:AG640">
    <cfRule type="expression" dxfId="6035" priority="8253">
      <formula>OR(AG$639&lt;&gt;"",AG$640&lt;&gt;"")</formula>
    </cfRule>
    <cfRule type="expression" dxfId="6034" priority="8254">
      <formula>AND(AG$639="",AG$640="")</formula>
    </cfRule>
  </conditionalFormatting>
  <conditionalFormatting sqref="AG641:AG648">
    <cfRule type="expression" dxfId="6033" priority="8251">
      <formula>OR(AG$639&lt;&gt;"",AG$640&lt;&gt;"")</formula>
    </cfRule>
    <cfRule type="expression" dxfId="6032" priority="8252">
      <formula>AND(AG$639="",AG$640="")</formula>
    </cfRule>
  </conditionalFormatting>
  <conditionalFormatting sqref="AH639:AH640">
    <cfRule type="expression" dxfId="6031" priority="8249">
      <formula>OR(AH$639&lt;&gt;"",AH$640&lt;&gt;"")</formula>
    </cfRule>
    <cfRule type="expression" dxfId="6030" priority="8250">
      <formula>AND(AH$639="",AH$640="")</formula>
    </cfRule>
  </conditionalFormatting>
  <conditionalFormatting sqref="AH641:AH648">
    <cfRule type="expression" dxfId="6029" priority="8247">
      <formula>OR(AH$639&lt;&gt;"",AH$640&lt;&gt;"")</formula>
    </cfRule>
    <cfRule type="expression" dxfId="6028" priority="8248">
      <formula>AND(AH$639="",AH$640="")</formula>
    </cfRule>
  </conditionalFormatting>
  <conditionalFormatting sqref="AI639:AI640">
    <cfRule type="expression" dxfId="6027" priority="8245">
      <formula>OR(AI$639&lt;&gt;"",AI$640&lt;&gt;"")</formula>
    </cfRule>
    <cfRule type="expression" dxfId="6026" priority="8246">
      <formula>AND(AI$639="",AI$640="")</formula>
    </cfRule>
  </conditionalFormatting>
  <conditionalFormatting sqref="AI641:AI648">
    <cfRule type="expression" dxfId="6025" priority="8243">
      <formula>OR(AI$639&lt;&gt;"",AI$640&lt;&gt;"")</formula>
    </cfRule>
    <cfRule type="expression" dxfId="6024" priority="8244">
      <formula>AND(AI$639="",AI$640="")</formula>
    </cfRule>
  </conditionalFormatting>
  <conditionalFormatting sqref="AJ639:AJ640">
    <cfRule type="expression" dxfId="6023" priority="8241">
      <formula>OR(AJ$639&lt;&gt;"",AJ$640&lt;&gt;"")</formula>
    </cfRule>
    <cfRule type="expression" dxfId="6022" priority="8242">
      <formula>AND(AJ$639="",AJ$640="")</formula>
    </cfRule>
  </conditionalFormatting>
  <conditionalFormatting sqref="AJ641:AJ648">
    <cfRule type="expression" dxfId="6021" priority="8239">
      <formula>OR(AJ$639&lt;&gt;"",AJ$640&lt;&gt;"")</formula>
    </cfRule>
    <cfRule type="expression" dxfId="6020" priority="8240">
      <formula>AND(AJ$639="",AJ$640="")</formula>
    </cfRule>
  </conditionalFormatting>
  <conditionalFormatting sqref="AK639:AK640">
    <cfRule type="expression" dxfId="6019" priority="8237">
      <formula>OR(AK$639&lt;&gt;"",AK$640&lt;&gt;"")</formula>
    </cfRule>
    <cfRule type="expression" dxfId="6018" priority="8238">
      <formula>AND(AK$639="",AK$640="")</formula>
    </cfRule>
  </conditionalFormatting>
  <conditionalFormatting sqref="AK641:AK648">
    <cfRule type="expression" dxfId="6017" priority="8235">
      <formula>OR(AK$639&lt;&gt;"",AK$640&lt;&gt;"")</formula>
    </cfRule>
    <cfRule type="expression" dxfId="6016" priority="8236">
      <formula>AND(AK$639="",AK$640="")</formula>
    </cfRule>
  </conditionalFormatting>
  <conditionalFormatting sqref="AL639:AL640">
    <cfRule type="expression" dxfId="6015" priority="8233">
      <formula>OR(AL$639&lt;&gt;"",AL$640&lt;&gt;"")</formula>
    </cfRule>
    <cfRule type="expression" dxfId="6014" priority="8234">
      <formula>AND(AL$639="",AL$640="")</formula>
    </cfRule>
  </conditionalFormatting>
  <conditionalFormatting sqref="AL641:AL648">
    <cfRule type="expression" dxfId="6013" priority="8231">
      <formula>OR(AL$639&lt;&gt;"",AL$640&lt;&gt;"")</formula>
    </cfRule>
    <cfRule type="expression" dxfId="6012" priority="8232">
      <formula>AND(AL$639="",AL$640="")</formula>
    </cfRule>
  </conditionalFormatting>
  <conditionalFormatting sqref="AM639:AM640">
    <cfRule type="expression" dxfId="6011" priority="8229">
      <formula>OR(AM$639&lt;&gt;"",AM$640&lt;&gt;"")</formula>
    </cfRule>
    <cfRule type="expression" dxfId="6010" priority="8230">
      <formula>AND(AM$639="",AM$640="")</formula>
    </cfRule>
  </conditionalFormatting>
  <conditionalFormatting sqref="AM641:AM648">
    <cfRule type="expression" dxfId="6009" priority="8227">
      <formula>OR(AM$639&lt;&gt;"",AM$640&lt;&gt;"")</formula>
    </cfRule>
    <cfRule type="expression" dxfId="6008" priority="8228">
      <formula>AND(AM$639="",AM$640="")</formula>
    </cfRule>
  </conditionalFormatting>
  <conditionalFormatting sqref="AN639:AN640">
    <cfRule type="expression" dxfId="6007" priority="8225">
      <formula>OR(AN$639&lt;&gt;"",AN$640&lt;&gt;"")</formula>
    </cfRule>
    <cfRule type="expression" dxfId="6006" priority="8226">
      <formula>AND(AN$639="",AN$640="")</formula>
    </cfRule>
  </conditionalFormatting>
  <conditionalFormatting sqref="AN641:AN648">
    <cfRule type="expression" dxfId="6005" priority="8223">
      <formula>OR(AN$639&lt;&gt;"",AN$640&lt;&gt;"")</formula>
    </cfRule>
    <cfRule type="expression" dxfId="6004" priority="8224">
      <formula>AND(AN$639="",AN$640="")</formula>
    </cfRule>
  </conditionalFormatting>
  <conditionalFormatting sqref="AO639:AO640">
    <cfRule type="expression" dxfId="6003" priority="8221">
      <formula>OR(AO$639&lt;&gt;"",AO$640&lt;&gt;"")</formula>
    </cfRule>
    <cfRule type="expression" dxfId="6002" priority="8222">
      <formula>AND(AO$639="",AO$640="")</formula>
    </cfRule>
  </conditionalFormatting>
  <conditionalFormatting sqref="AO641:AO648">
    <cfRule type="expression" dxfId="6001" priority="8219">
      <formula>OR(AO$639&lt;&gt;"",AO$640&lt;&gt;"")</formula>
    </cfRule>
    <cfRule type="expression" dxfId="6000" priority="8220">
      <formula>AND(AO$639="",AO$640="")</formula>
    </cfRule>
  </conditionalFormatting>
  <conditionalFormatting sqref="AP639:AP640">
    <cfRule type="expression" dxfId="5999" priority="8217">
      <formula>OR(AP$639&lt;&gt;"",AP$640&lt;&gt;"")</formula>
    </cfRule>
    <cfRule type="expression" dxfId="5998" priority="8218">
      <formula>AND(AP$639="",AP$640="")</formula>
    </cfRule>
  </conditionalFormatting>
  <conditionalFormatting sqref="AP641:AP648">
    <cfRule type="expression" dxfId="5997" priority="8215">
      <formula>OR(AP$639&lt;&gt;"",AP$640&lt;&gt;"")</formula>
    </cfRule>
    <cfRule type="expression" dxfId="5996" priority="8216">
      <formula>AND(AP$639="",AP$640="")</formula>
    </cfRule>
  </conditionalFormatting>
  <conditionalFormatting sqref="AQ639:AQ640">
    <cfRule type="expression" dxfId="5995" priority="8213">
      <formula>OR(AQ$639&lt;&gt;"",AQ$640&lt;&gt;"")</formula>
    </cfRule>
    <cfRule type="expression" dxfId="5994" priority="8214">
      <formula>AND(AQ$639="",AQ$640="")</formula>
    </cfRule>
  </conditionalFormatting>
  <conditionalFormatting sqref="AQ641:AQ648">
    <cfRule type="expression" dxfId="5993" priority="8211">
      <formula>OR(AQ$639&lt;&gt;"",AQ$640&lt;&gt;"")</formula>
    </cfRule>
    <cfRule type="expression" dxfId="5992" priority="8212">
      <formula>AND(AQ$639="",AQ$640="")</formula>
    </cfRule>
  </conditionalFormatting>
  <conditionalFormatting sqref="AR639:AR640">
    <cfRule type="expression" dxfId="5991" priority="8209">
      <formula>OR(AR$639&lt;&gt;"",AR$640&lt;&gt;"")</formula>
    </cfRule>
    <cfRule type="expression" dxfId="5990" priority="8210">
      <formula>AND(AR$639="",AR$640="")</formula>
    </cfRule>
  </conditionalFormatting>
  <conditionalFormatting sqref="AR641:AR648">
    <cfRule type="expression" dxfId="5989" priority="8207">
      <formula>OR(AR$639&lt;&gt;"",AR$640&lt;&gt;"")</formula>
    </cfRule>
    <cfRule type="expression" dxfId="5988" priority="8208">
      <formula>AND(AR$639="",AR$640="")</formula>
    </cfRule>
  </conditionalFormatting>
  <conditionalFormatting sqref="AS639:AS640">
    <cfRule type="expression" dxfId="5987" priority="8205">
      <formula>OR(AS$639&lt;&gt;"",AS$640&lt;&gt;"")</formula>
    </cfRule>
    <cfRule type="expression" dxfId="5986" priority="8206">
      <formula>AND(AS$639="",AS$640="")</formula>
    </cfRule>
  </conditionalFormatting>
  <conditionalFormatting sqref="AS641:AS648">
    <cfRule type="expression" dxfId="5985" priority="8203">
      <formula>OR(AS$639&lt;&gt;"",AS$640&lt;&gt;"")</formula>
    </cfRule>
    <cfRule type="expression" dxfId="5984" priority="8204">
      <formula>AND(AS$639="",AS$640="")</formula>
    </cfRule>
  </conditionalFormatting>
  <conditionalFormatting sqref="AT639:AT640">
    <cfRule type="expression" dxfId="5983" priority="8201">
      <formula>OR(AT$639&lt;&gt;"",AT$640&lt;&gt;"")</formula>
    </cfRule>
    <cfRule type="expression" dxfId="5982" priority="8202">
      <formula>AND(AT$639="",AT$640="")</formula>
    </cfRule>
  </conditionalFormatting>
  <conditionalFormatting sqref="AT641:AT648">
    <cfRule type="expression" dxfId="5981" priority="8199">
      <formula>OR(AT$639&lt;&gt;"",AT$640&lt;&gt;"")</formula>
    </cfRule>
    <cfRule type="expression" dxfId="5980" priority="8200">
      <formula>AND(AT$639="",AT$640="")</formula>
    </cfRule>
  </conditionalFormatting>
  <conditionalFormatting sqref="AU639:AU640">
    <cfRule type="expression" dxfId="5979" priority="8197">
      <formula>OR(AU$639&lt;&gt;"",AU$640&lt;&gt;"")</formula>
    </cfRule>
    <cfRule type="expression" dxfId="5978" priority="8198">
      <formula>AND(AU$639="",AU$640="")</formula>
    </cfRule>
  </conditionalFormatting>
  <conditionalFormatting sqref="AU641:AU648">
    <cfRule type="expression" dxfId="5977" priority="8195">
      <formula>OR(AU$639&lt;&gt;"",AU$640&lt;&gt;"")</formula>
    </cfRule>
    <cfRule type="expression" dxfId="5976" priority="8196">
      <formula>AND(AU$639="",AU$640="")</formula>
    </cfRule>
  </conditionalFormatting>
  <conditionalFormatting sqref="AV639:AV640">
    <cfRule type="expression" dxfId="5975" priority="8193">
      <formula>OR(AV$639&lt;&gt;"",AV$640&lt;&gt;"")</formula>
    </cfRule>
    <cfRule type="expression" dxfId="5974" priority="8194">
      <formula>AND(AV$639="",AV$640="")</formula>
    </cfRule>
  </conditionalFormatting>
  <conditionalFormatting sqref="AV641:AV648">
    <cfRule type="expression" dxfId="5973" priority="8191">
      <formula>OR(AV$639&lt;&gt;"",AV$640&lt;&gt;"")</formula>
    </cfRule>
    <cfRule type="expression" dxfId="5972" priority="8192">
      <formula>AND(AV$639="",AV$640="")</formula>
    </cfRule>
  </conditionalFormatting>
  <conditionalFormatting sqref="AW639:AW640">
    <cfRule type="expression" dxfId="5971" priority="8189">
      <formula>OR(AW$639&lt;&gt;"",AW$640&lt;&gt;"")</formula>
    </cfRule>
    <cfRule type="expression" dxfId="5970" priority="8190">
      <formula>AND(AW$639="",AW$640="")</formula>
    </cfRule>
  </conditionalFormatting>
  <conditionalFormatting sqref="AW641:AW648">
    <cfRule type="expression" dxfId="5969" priority="8187">
      <formula>OR(AW$639&lt;&gt;"",AW$640&lt;&gt;"")</formula>
    </cfRule>
    <cfRule type="expression" dxfId="5968" priority="8188">
      <formula>AND(AW$639="",AW$640="")</formula>
    </cfRule>
  </conditionalFormatting>
  <conditionalFormatting sqref="AX639:AX640">
    <cfRule type="expression" dxfId="5967" priority="8185">
      <formula>OR(AX$639&lt;&gt;"",AX$640&lt;&gt;"")</formula>
    </cfRule>
    <cfRule type="expression" dxfId="5966" priority="8186">
      <formula>AND(AX$639="",AX$640="")</formula>
    </cfRule>
  </conditionalFormatting>
  <conditionalFormatting sqref="AX641:AX648">
    <cfRule type="expression" dxfId="5965" priority="8183">
      <formula>OR(AX$639&lt;&gt;"",AX$640&lt;&gt;"")</formula>
    </cfRule>
    <cfRule type="expression" dxfId="5964" priority="8184">
      <formula>AND(AX$639="",AX$640="")</formula>
    </cfRule>
  </conditionalFormatting>
  <conditionalFormatting sqref="AY639:AY640">
    <cfRule type="expression" dxfId="5963" priority="8181">
      <formula>OR(AY$639&lt;&gt;"",AY$640&lt;&gt;"")</formula>
    </cfRule>
    <cfRule type="expression" dxfId="5962" priority="8182">
      <formula>AND(AY$639="",AY$640="")</formula>
    </cfRule>
  </conditionalFormatting>
  <conditionalFormatting sqref="AY641:AY648">
    <cfRule type="expression" dxfId="5961" priority="8179">
      <formula>OR(AY$639&lt;&gt;"",AY$640&lt;&gt;"")</formula>
    </cfRule>
    <cfRule type="expression" dxfId="5960" priority="8180">
      <formula>AND(AY$639="",AY$640="")</formula>
    </cfRule>
  </conditionalFormatting>
  <conditionalFormatting sqref="AZ639:AZ640">
    <cfRule type="expression" dxfId="5959" priority="8177">
      <formula>OR(AZ$639&lt;&gt;"",AZ$640&lt;&gt;"")</formula>
    </cfRule>
    <cfRule type="expression" dxfId="5958" priority="8178">
      <formula>AND(AZ$639="",AZ$640="")</formula>
    </cfRule>
  </conditionalFormatting>
  <conditionalFormatting sqref="AZ641:AZ648">
    <cfRule type="expression" dxfId="5957" priority="8175">
      <formula>OR(AZ$639&lt;&gt;"",AZ$640&lt;&gt;"")</formula>
    </cfRule>
    <cfRule type="expression" dxfId="5956" priority="8176">
      <formula>AND(AZ$639="",AZ$640="")</formula>
    </cfRule>
  </conditionalFormatting>
  <conditionalFormatting sqref="BA639:BA640">
    <cfRule type="expression" dxfId="5955" priority="8173">
      <formula>OR(BA$639&lt;&gt;"",BA$640&lt;&gt;"")</formula>
    </cfRule>
    <cfRule type="expression" dxfId="5954" priority="8174">
      <formula>AND(BA$639="",BA$640="")</formula>
    </cfRule>
  </conditionalFormatting>
  <conditionalFormatting sqref="BA641:BA648">
    <cfRule type="expression" dxfId="5953" priority="8171">
      <formula>OR(BA$639&lt;&gt;"",BA$640&lt;&gt;"")</formula>
    </cfRule>
    <cfRule type="expression" dxfId="5952" priority="8172">
      <formula>AND(BA$639="",BA$640="")</formula>
    </cfRule>
  </conditionalFormatting>
  <conditionalFormatting sqref="BB639:BB640">
    <cfRule type="expression" dxfId="5951" priority="8169">
      <formula>OR(BB$639&lt;&gt;"",BB$640&lt;&gt;"")</formula>
    </cfRule>
    <cfRule type="expression" dxfId="5950" priority="8170">
      <formula>AND(BB$639="",BB$640="")</formula>
    </cfRule>
  </conditionalFormatting>
  <conditionalFormatting sqref="BB641:BB648">
    <cfRule type="expression" dxfId="5949" priority="8167">
      <formula>OR(BB$639&lt;&gt;"",BB$640&lt;&gt;"")</formula>
    </cfRule>
    <cfRule type="expression" dxfId="5948" priority="8168">
      <formula>AND(BB$639="",BB$640="")</formula>
    </cfRule>
  </conditionalFormatting>
  <conditionalFormatting sqref="BC639:BC640">
    <cfRule type="expression" dxfId="5947" priority="8165">
      <formula>OR(BC$639&lt;&gt;"",BC$640&lt;&gt;"")</formula>
    </cfRule>
    <cfRule type="expression" dxfId="5946" priority="8166">
      <formula>AND(BC$639="",BC$640="")</formula>
    </cfRule>
  </conditionalFormatting>
  <conditionalFormatting sqref="BC641:BC648">
    <cfRule type="expression" dxfId="5945" priority="8163">
      <formula>OR(BC$639&lt;&gt;"",BC$640&lt;&gt;"")</formula>
    </cfRule>
    <cfRule type="expression" dxfId="5944" priority="8164">
      <formula>AND(BC$639="",BC$640="")</formula>
    </cfRule>
  </conditionalFormatting>
  <conditionalFormatting sqref="BD639:BD640">
    <cfRule type="expression" dxfId="5943" priority="8161">
      <formula>OR(BD$639&lt;&gt;"",BD$640&lt;&gt;"")</formula>
    </cfRule>
    <cfRule type="expression" dxfId="5942" priority="8162">
      <formula>AND(BD$639="",BD$640="")</formula>
    </cfRule>
  </conditionalFormatting>
  <conditionalFormatting sqref="BD641:BD648">
    <cfRule type="expression" dxfId="5941" priority="8159">
      <formula>OR(BD$639&lt;&gt;"",BD$640&lt;&gt;"")</formula>
    </cfRule>
    <cfRule type="expression" dxfId="5940" priority="8160">
      <formula>AND(BD$639="",BD$640="")</formula>
    </cfRule>
  </conditionalFormatting>
  <conditionalFormatting sqref="BE639:BE640">
    <cfRule type="expression" dxfId="5939" priority="8157">
      <formula>OR(BE$639&lt;&gt;"",BE$640&lt;&gt;"")</formula>
    </cfRule>
    <cfRule type="expression" dxfId="5938" priority="8158">
      <formula>AND(BE$639="",BE$640="")</formula>
    </cfRule>
  </conditionalFormatting>
  <conditionalFormatting sqref="BE641:BE648">
    <cfRule type="expression" dxfId="5937" priority="8155">
      <formula>OR(BE$639&lt;&gt;"",BE$640&lt;&gt;"")</formula>
    </cfRule>
    <cfRule type="expression" dxfId="5936" priority="8156">
      <formula>AND(BE$639="",BE$640="")</formula>
    </cfRule>
  </conditionalFormatting>
  <conditionalFormatting sqref="BF639:BF640">
    <cfRule type="expression" dxfId="5935" priority="8153">
      <formula>OR(BF$639&lt;&gt;"",BF$640&lt;&gt;"")</formula>
    </cfRule>
    <cfRule type="expression" dxfId="5934" priority="8154">
      <formula>AND(BF$639="",BF$640="")</formula>
    </cfRule>
  </conditionalFormatting>
  <conditionalFormatting sqref="BF641:BF648">
    <cfRule type="expression" dxfId="5933" priority="8151">
      <formula>OR(BF$639&lt;&gt;"",BF$640&lt;&gt;"")</formula>
    </cfRule>
    <cfRule type="expression" dxfId="5932" priority="8152">
      <formula>AND(BF$639="",BF$640="")</formula>
    </cfRule>
  </conditionalFormatting>
  <conditionalFormatting sqref="BG639:BG640">
    <cfRule type="expression" dxfId="5931" priority="8149">
      <formula>OR(BG$639&lt;&gt;"",BG$640&lt;&gt;"")</formula>
    </cfRule>
    <cfRule type="expression" dxfId="5930" priority="8150">
      <formula>AND(BG$639="",BG$640="")</formula>
    </cfRule>
  </conditionalFormatting>
  <conditionalFormatting sqref="BG641:BG648">
    <cfRule type="expression" dxfId="5929" priority="8147">
      <formula>OR(BG$639&lt;&gt;"",BG$640&lt;&gt;"")</formula>
    </cfRule>
    <cfRule type="expression" dxfId="5928" priority="8148">
      <formula>AND(BG$639="",BG$640="")</formula>
    </cfRule>
  </conditionalFormatting>
  <conditionalFormatting sqref="BH639:BH640">
    <cfRule type="expression" dxfId="5927" priority="8145">
      <formula>OR(BH$639&lt;&gt;"",BH$640&lt;&gt;"")</formula>
    </cfRule>
    <cfRule type="expression" dxfId="5926" priority="8146">
      <formula>AND(BH$639="",BH$640="")</formula>
    </cfRule>
  </conditionalFormatting>
  <conditionalFormatting sqref="BH641:BH648">
    <cfRule type="expression" dxfId="5925" priority="8143">
      <formula>OR(BH$639&lt;&gt;"",BH$640&lt;&gt;"")</formula>
    </cfRule>
    <cfRule type="expression" dxfId="5924" priority="8144">
      <formula>AND(BH$639="",BH$640="")</formula>
    </cfRule>
  </conditionalFormatting>
  <conditionalFormatting sqref="BI639:BI640">
    <cfRule type="expression" dxfId="5923" priority="8141">
      <formula>OR(BI$639&lt;&gt;"",BI$640&lt;&gt;"")</formula>
    </cfRule>
    <cfRule type="expression" dxfId="5922" priority="8142">
      <formula>AND(BI$639="",BI$640="")</formula>
    </cfRule>
  </conditionalFormatting>
  <conditionalFormatting sqref="BI641:BI648">
    <cfRule type="expression" dxfId="5921" priority="8139">
      <formula>OR(BI$639&lt;&gt;"",BI$640&lt;&gt;"")</formula>
    </cfRule>
    <cfRule type="expression" dxfId="5920" priority="8140">
      <formula>AND(BI$639="",BI$640="")</formula>
    </cfRule>
  </conditionalFormatting>
  <conditionalFormatting sqref="BJ639:BJ640">
    <cfRule type="expression" dxfId="5919" priority="8137">
      <formula>OR(BJ$639&lt;&gt;"",BJ$640&lt;&gt;"")</formula>
    </cfRule>
    <cfRule type="expression" dxfId="5918" priority="8138">
      <formula>AND(BJ$639="",BJ$640="")</formula>
    </cfRule>
  </conditionalFormatting>
  <conditionalFormatting sqref="BJ641:BJ648">
    <cfRule type="expression" dxfId="5917" priority="8135">
      <formula>OR(BJ$639&lt;&gt;"",BJ$640&lt;&gt;"")</formula>
    </cfRule>
    <cfRule type="expression" dxfId="5916" priority="8136">
      <formula>AND(BJ$639="",BJ$640="")</formula>
    </cfRule>
  </conditionalFormatting>
  <conditionalFormatting sqref="BK639:BK640">
    <cfRule type="expression" dxfId="5915" priority="8133">
      <formula>OR(BK$639&lt;&gt;"",BK$640&lt;&gt;"")</formula>
    </cfRule>
    <cfRule type="expression" dxfId="5914" priority="8134">
      <formula>AND(BK$639="",BK$640="")</formula>
    </cfRule>
  </conditionalFormatting>
  <conditionalFormatting sqref="BK641:BK648">
    <cfRule type="expression" dxfId="5913" priority="8131">
      <formula>OR(BK$639&lt;&gt;"",BK$640&lt;&gt;"")</formula>
    </cfRule>
    <cfRule type="expression" dxfId="5912" priority="8132">
      <formula>AND(BK$639="",BK$640="")</formula>
    </cfRule>
  </conditionalFormatting>
  <conditionalFormatting sqref="BL639:BL640">
    <cfRule type="expression" dxfId="5911" priority="8129">
      <formula>OR(BL$639&lt;&gt;"",BL$640&lt;&gt;"")</formula>
    </cfRule>
    <cfRule type="expression" dxfId="5910" priority="8130">
      <formula>AND(BL$639="",BL$640="")</formula>
    </cfRule>
  </conditionalFormatting>
  <conditionalFormatting sqref="BL641:BL648">
    <cfRule type="expression" dxfId="5909" priority="8127">
      <formula>OR(BL$639&lt;&gt;"",BL$640&lt;&gt;"")</formula>
    </cfRule>
    <cfRule type="expression" dxfId="5908" priority="8128">
      <formula>AND(BL$639="",BL$640="")</formula>
    </cfRule>
  </conditionalFormatting>
  <conditionalFormatting sqref="BM639:BM640">
    <cfRule type="expression" dxfId="5907" priority="8125">
      <formula>OR(BM$639&lt;&gt;"",BM$640&lt;&gt;"")</formula>
    </cfRule>
    <cfRule type="expression" dxfId="5906" priority="8126">
      <formula>AND(BM$639="",BM$640="")</formula>
    </cfRule>
  </conditionalFormatting>
  <conditionalFormatting sqref="BM641:BM648">
    <cfRule type="expression" dxfId="5905" priority="8123">
      <formula>OR(BM$639&lt;&gt;"",BM$640&lt;&gt;"")</formula>
    </cfRule>
    <cfRule type="expression" dxfId="5904" priority="8124">
      <formula>AND(BM$639="",BM$640="")</formula>
    </cfRule>
  </conditionalFormatting>
  <conditionalFormatting sqref="BN639:BN640">
    <cfRule type="expression" dxfId="5903" priority="8121">
      <formula>OR(BN$639&lt;&gt;"",BN$640&lt;&gt;"")</formula>
    </cfRule>
    <cfRule type="expression" dxfId="5902" priority="8122">
      <formula>AND(BN$639="",BN$640="")</formula>
    </cfRule>
  </conditionalFormatting>
  <conditionalFormatting sqref="BN641:BN648">
    <cfRule type="expression" dxfId="5901" priority="8119">
      <formula>OR(BN$639&lt;&gt;"",BN$640&lt;&gt;"")</formula>
    </cfRule>
    <cfRule type="expression" dxfId="5900" priority="8120">
      <formula>AND(BN$639="",BN$640="")</formula>
    </cfRule>
  </conditionalFormatting>
  <conditionalFormatting sqref="BO639:BO640">
    <cfRule type="expression" dxfId="5899" priority="8117">
      <formula>OR(BO$639&lt;&gt;"",BO$640&lt;&gt;"")</formula>
    </cfRule>
    <cfRule type="expression" dxfId="5898" priority="8118">
      <formula>AND(BO$639="",BO$640="")</formula>
    </cfRule>
  </conditionalFormatting>
  <conditionalFormatting sqref="BO641:BO648">
    <cfRule type="expression" dxfId="5897" priority="8115">
      <formula>OR(BO$639&lt;&gt;"",BO$640&lt;&gt;"")</formula>
    </cfRule>
    <cfRule type="expression" dxfId="5896" priority="8116">
      <formula>AND(BO$639="",BO$640="")</formula>
    </cfRule>
  </conditionalFormatting>
  <conditionalFormatting sqref="BP639:BP640">
    <cfRule type="expression" dxfId="5895" priority="8113">
      <formula>OR(BP$639&lt;&gt;"",BP$640&lt;&gt;"")</formula>
    </cfRule>
    <cfRule type="expression" dxfId="5894" priority="8114">
      <formula>AND(BP$639="",BP$640="")</formula>
    </cfRule>
  </conditionalFormatting>
  <conditionalFormatting sqref="BP641:BP648">
    <cfRule type="expression" dxfId="5893" priority="8111">
      <formula>OR(BP$639&lt;&gt;"",BP$640&lt;&gt;"")</formula>
    </cfRule>
    <cfRule type="expression" dxfId="5892" priority="8112">
      <formula>AND(BP$639="",BP$640="")</formula>
    </cfRule>
  </conditionalFormatting>
  <conditionalFormatting sqref="BQ639:BQ640">
    <cfRule type="expression" dxfId="5891" priority="8109">
      <formula>OR(BQ$639&lt;&gt;"",BQ$640&lt;&gt;"")</formula>
    </cfRule>
    <cfRule type="expression" dxfId="5890" priority="8110">
      <formula>AND(BQ$639="",BQ$640="")</formula>
    </cfRule>
  </conditionalFormatting>
  <conditionalFormatting sqref="BQ641:BQ648">
    <cfRule type="expression" dxfId="5889" priority="8107">
      <formula>OR(BQ$639&lt;&gt;"",BQ$640&lt;&gt;"")</formula>
    </cfRule>
    <cfRule type="expression" dxfId="5888" priority="8108">
      <formula>AND(BQ$639="",BQ$640="")</formula>
    </cfRule>
  </conditionalFormatting>
  <conditionalFormatting sqref="BR639:BR640">
    <cfRule type="expression" dxfId="5887" priority="8105">
      <formula>OR(BR$639&lt;&gt;"",BR$640&lt;&gt;"")</formula>
    </cfRule>
    <cfRule type="expression" dxfId="5886" priority="8106">
      <formula>AND(BR$639="",BR$640="")</formula>
    </cfRule>
  </conditionalFormatting>
  <conditionalFormatting sqref="BR641:BR648">
    <cfRule type="expression" dxfId="5885" priority="8103">
      <formula>OR(BR$639&lt;&gt;"",BR$640&lt;&gt;"")</formula>
    </cfRule>
    <cfRule type="expression" dxfId="5884" priority="8104">
      <formula>AND(BR$639="",BR$640="")</formula>
    </cfRule>
  </conditionalFormatting>
  <conditionalFormatting sqref="BS639:BS640">
    <cfRule type="expression" dxfId="5883" priority="8101">
      <formula>OR(BS$639&lt;&gt;"",BS$640&lt;&gt;"")</formula>
    </cfRule>
    <cfRule type="expression" dxfId="5882" priority="8102">
      <formula>AND(BS$639="",BS$640="")</formula>
    </cfRule>
  </conditionalFormatting>
  <conditionalFormatting sqref="BS641:BS648">
    <cfRule type="expression" dxfId="5881" priority="8099">
      <formula>OR(BS$639&lt;&gt;"",BS$640&lt;&gt;"")</formula>
    </cfRule>
    <cfRule type="expression" dxfId="5880" priority="8100">
      <formula>AND(BS$639="",BS$640="")</formula>
    </cfRule>
  </conditionalFormatting>
  <conditionalFormatting sqref="M654:M655">
    <cfRule type="expression" dxfId="5879" priority="8097">
      <formula>OR(M$654&lt;&gt;"",M$655&lt;&gt;"")</formula>
    </cfRule>
    <cfRule type="expression" dxfId="5878" priority="8098">
      <formula>AND(M$654="",M$655="")</formula>
    </cfRule>
  </conditionalFormatting>
  <conditionalFormatting sqref="N654:N655">
    <cfRule type="expression" dxfId="5877" priority="8095">
      <formula>OR(N$654&lt;&gt;"",N$655&lt;&gt;"")</formula>
    </cfRule>
    <cfRule type="expression" dxfId="5876" priority="8096">
      <formula>AND(N$654="",N$655="")</formula>
    </cfRule>
  </conditionalFormatting>
  <conditionalFormatting sqref="M656:M670">
    <cfRule type="expression" dxfId="5875" priority="8089">
      <formula>OR($M$654&lt;&gt;"",$M$655&lt;&gt;"")</formula>
    </cfRule>
    <cfRule type="expression" dxfId="5874" priority="8090">
      <formula>AND($M$654="",$M$655="")</formula>
    </cfRule>
  </conditionalFormatting>
  <conditionalFormatting sqref="N656:N670">
    <cfRule type="expression" dxfId="5873" priority="8087">
      <formula>OR(N$654&lt;&gt;"",N$655&lt;&gt;"")</formula>
    </cfRule>
    <cfRule type="expression" dxfId="5872" priority="8088">
      <formula>AND(N$654="",N$655="")</formula>
    </cfRule>
  </conditionalFormatting>
  <conditionalFormatting sqref="O654:O655">
    <cfRule type="expression" dxfId="5871" priority="8085">
      <formula>OR(O$654&lt;&gt;"",O$655&lt;&gt;"")</formula>
    </cfRule>
    <cfRule type="expression" dxfId="5870" priority="8086">
      <formula>AND(O$654="",O$655="")</formula>
    </cfRule>
  </conditionalFormatting>
  <conditionalFormatting sqref="O656:O670">
    <cfRule type="expression" dxfId="5869" priority="8083">
      <formula>OR(O$654&lt;&gt;"",O$655&lt;&gt;"")</formula>
    </cfRule>
    <cfRule type="expression" dxfId="5868" priority="8084">
      <formula>AND(O$654="",O$655="")</formula>
    </cfRule>
  </conditionalFormatting>
  <conditionalFormatting sqref="P654:P655">
    <cfRule type="expression" dxfId="5867" priority="8081">
      <formula>OR(P$654&lt;&gt;"",P$655&lt;&gt;"")</formula>
    </cfRule>
    <cfRule type="expression" dxfId="5866" priority="8082">
      <formula>AND(P$654="",P$655="")</formula>
    </cfRule>
  </conditionalFormatting>
  <conditionalFormatting sqref="P656:P670">
    <cfRule type="expression" dxfId="5865" priority="8079">
      <formula>OR(P$654&lt;&gt;"",P$655&lt;&gt;"")</formula>
    </cfRule>
    <cfRule type="expression" dxfId="5864" priority="8080">
      <formula>AND(P$654="",P$655="")</formula>
    </cfRule>
  </conditionalFormatting>
  <conditionalFormatting sqref="Q654:Q655">
    <cfRule type="expression" dxfId="5863" priority="8077">
      <formula>OR(Q$654&lt;&gt;"",Q$655&lt;&gt;"")</formula>
    </cfRule>
    <cfRule type="expression" dxfId="5862" priority="8078">
      <formula>AND(Q$654="",Q$655="")</formula>
    </cfRule>
  </conditionalFormatting>
  <conditionalFormatting sqref="Q656:Q670">
    <cfRule type="expression" dxfId="5861" priority="8075">
      <formula>OR(Q$654&lt;&gt;"",Q$655&lt;&gt;"")</formula>
    </cfRule>
    <cfRule type="expression" dxfId="5860" priority="8076">
      <formula>AND(Q$654="",Q$655="")</formula>
    </cfRule>
  </conditionalFormatting>
  <conditionalFormatting sqref="R654:R655">
    <cfRule type="expression" dxfId="5859" priority="8073">
      <formula>OR(R$654&lt;&gt;"",R$655&lt;&gt;"")</formula>
    </cfRule>
    <cfRule type="expression" dxfId="5858" priority="8074">
      <formula>AND(R$654="",R$655="")</formula>
    </cfRule>
  </conditionalFormatting>
  <conditionalFormatting sqref="R656:R670">
    <cfRule type="expression" dxfId="5857" priority="8071">
      <formula>OR(R$654&lt;&gt;"",R$655&lt;&gt;"")</formula>
    </cfRule>
    <cfRule type="expression" dxfId="5856" priority="8072">
      <formula>AND(R$654="",R$655="")</formula>
    </cfRule>
  </conditionalFormatting>
  <conditionalFormatting sqref="S654:S655">
    <cfRule type="expression" dxfId="5855" priority="8069">
      <formula>OR(S$654&lt;&gt;"",S$655&lt;&gt;"")</formula>
    </cfRule>
    <cfRule type="expression" dxfId="5854" priority="8070">
      <formula>AND(S$654="",S$655="")</formula>
    </cfRule>
  </conditionalFormatting>
  <conditionalFormatting sqref="S656:S670">
    <cfRule type="expression" dxfId="5853" priority="8067">
      <formula>OR(S$654&lt;&gt;"",S$655&lt;&gt;"")</formula>
    </cfRule>
    <cfRule type="expression" dxfId="5852" priority="8068">
      <formula>AND(S$654="",S$655="")</formula>
    </cfRule>
  </conditionalFormatting>
  <conditionalFormatting sqref="T654:T655">
    <cfRule type="expression" dxfId="5851" priority="8065">
      <formula>OR(T$654&lt;&gt;"",T$655&lt;&gt;"")</formula>
    </cfRule>
    <cfRule type="expression" dxfId="5850" priority="8066">
      <formula>AND(T$654="",T$655="")</formula>
    </cfRule>
  </conditionalFormatting>
  <conditionalFormatting sqref="T656:T670">
    <cfRule type="expression" dxfId="5849" priority="8063">
      <formula>OR(T$654&lt;&gt;"",T$655&lt;&gt;"")</formula>
    </cfRule>
    <cfRule type="expression" dxfId="5848" priority="8064">
      <formula>AND(T$654="",T$655="")</formula>
    </cfRule>
  </conditionalFormatting>
  <conditionalFormatting sqref="U654:U655">
    <cfRule type="expression" dxfId="5847" priority="8061">
      <formula>OR(U$654&lt;&gt;"",U$655&lt;&gt;"")</formula>
    </cfRule>
    <cfRule type="expression" dxfId="5846" priority="8062">
      <formula>AND(U$654="",U$655="")</formula>
    </cfRule>
  </conditionalFormatting>
  <conditionalFormatting sqref="U656:U670">
    <cfRule type="expression" dxfId="5845" priority="8059">
      <formula>OR(U$654&lt;&gt;"",U$655&lt;&gt;"")</formula>
    </cfRule>
    <cfRule type="expression" dxfId="5844" priority="8060">
      <formula>AND(U$654="",U$655="")</formula>
    </cfRule>
  </conditionalFormatting>
  <conditionalFormatting sqref="V654:V655">
    <cfRule type="expression" dxfId="5843" priority="8057">
      <formula>OR(V$654&lt;&gt;"",V$655&lt;&gt;"")</formula>
    </cfRule>
    <cfRule type="expression" dxfId="5842" priority="8058">
      <formula>AND(V$654="",V$655="")</formula>
    </cfRule>
  </conditionalFormatting>
  <conditionalFormatting sqref="V656:V670">
    <cfRule type="expression" dxfId="5841" priority="8055">
      <formula>OR(V$654&lt;&gt;"",V$655&lt;&gt;"")</formula>
    </cfRule>
    <cfRule type="expression" dxfId="5840" priority="8056">
      <formula>AND(V$654="",V$655="")</formula>
    </cfRule>
  </conditionalFormatting>
  <conditionalFormatting sqref="W654:W655">
    <cfRule type="expression" dxfId="5839" priority="8053">
      <formula>OR(W$654&lt;&gt;"",W$655&lt;&gt;"")</formula>
    </cfRule>
    <cfRule type="expression" dxfId="5838" priority="8054">
      <formula>AND(W$654="",W$655="")</formula>
    </cfRule>
  </conditionalFormatting>
  <conditionalFormatting sqref="W656:W670">
    <cfRule type="expression" dxfId="5837" priority="8051">
      <formula>OR(W$654&lt;&gt;"",W$655&lt;&gt;"")</formula>
    </cfRule>
    <cfRule type="expression" dxfId="5836" priority="8052">
      <formula>AND(W$654="",W$655="")</formula>
    </cfRule>
  </conditionalFormatting>
  <conditionalFormatting sqref="X654:X655">
    <cfRule type="expression" dxfId="5835" priority="8049">
      <formula>OR(X$654&lt;&gt;"",X$655&lt;&gt;"")</formula>
    </cfRule>
    <cfRule type="expression" dxfId="5834" priority="8050">
      <formula>AND(X$654="",X$655="")</formula>
    </cfRule>
  </conditionalFormatting>
  <conditionalFormatting sqref="X656:X670">
    <cfRule type="expression" dxfId="5833" priority="8047">
      <formula>OR(X$654&lt;&gt;"",X$655&lt;&gt;"")</formula>
    </cfRule>
    <cfRule type="expression" dxfId="5832" priority="8048">
      <formula>AND(X$654="",X$655="")</formula>
    </cfRule>
  </conditionalFormatting>
  <conditionalFormatting sqref="Y654:Y655">
    <cfRule type="expression" dxfId="5831" priority="8045">
      <formula>OR(Y$654&lt;&gt;"",Y$655&lt;&gt;"")</formula>
    </cfRule>
    <cfRule type="expression" dxfId="5830" priority="8046">
      <formula>AND(Y$654="",Y$655="")</formula>
    </cfRule>
  </conditionalFormatting>
  <conditionalFormatting sqref="Y656:Y670">
    <cfRule type="expression" dxfId="5829" priority="8043">
      <formula>OR(Y$654&lt;&gt;"",Y$655&lt;&gt;"")</formula>
    </cfRule>
    <cfRule type="expression" dxfId="5828" priority="8044">
      <formula>AND(Y$654="",Y$655="")</formula>
    </cfRule>
  </conditionalFormatting>
  <conditionalFormatting sqref="Z654:Z655">
    <cfRule type="expression" dxfId="5827" priority="8041">
      <formula>OR(Z$654&lt;&gt;"",Z$655&lt;&gt;"")</formula>
    </cfRule>
    <cfRule type="expression" dxfId="5826" priority="8042">
      <formula>AND(Z$654="",Z$655="")</formula>
    </cfRule>
  </conditionalFormatting>
  <conditionalFormatting sqref="Z656:Z670">
    <cfRule type="expression" dxfId="5825" priority="8039">
      <formula>OR(Z$654&lt;&gt;"",Z$655&lt;&gt;"")</formula>
    </cfRule>
    <cfRule type="expression" dxfId="5824" priority="8040">
      <formula>AND(Z$654="",Z$655="")</formula>
    </cfRule>
  </conditionalFormatting>
  <conditionalFormatting sqref="AA654:AA655">
    <cfRule type="expression" dxfId="5823" priority="8037">
      <formula>OR(AA$654&lt;&gt;"",AA$655&lt;&gt;"")</formula>
    </cfRule>
    <cfRule type="expression" dxfId="5822" priority="8038">
      <formula>AND(AA$654="",AA$655="")</formula>
    </cfRule>
  </conditionalFormatting>
  <conditionalFormatting sqref="AA656:AA670">
    <cfRule type="expression" dxfId="5821" priority="8035">
      <formula>OR(AA$654&lt;&gt;"",AA$655&lt;&gt;"")</formula>
    </cfRule>
    <cfRule type="expression" dxfId="5820" priority="8036">
      <formula>AND(AA$654="",AA$655="")</formula>
    </cfRule>
  </conditionalFormatting>
  <conditionalFormatting sqref="AB654:AB655">
    <cfRule type="expression" dxfId="5819" priority="8033">
      <formula>OR(AB$654&lt;&gt;"",AB$655&lt;&gt;"")</formula>
    </cfRule>
    <cfRule type="expression" dxfId="5818" priority="8034">
      <formula>AND(AB$654="",AB$655="")</formula>
    </cfRule>
  </conditionalFormatting>
  <conditionalFormatting sqref="AB656:AB670">
    <cfRule type="expression" dxfId="5817" priority="8031">
      <formula>OR(AB$654&lt;&gt;"",AB$655&lt;&gt;"")</formula>
    </cfRule>
    <cfRule type="expression" dxfId="5816" priority="8032">
      <formula>AND(AB$654="",AB$655="")</formula>
    </cfRule>
  </conditionalFormatting>
  <conditionalFormatting sqref="AC654:AC655">
    <cfRule type="expression" dxfId="5815" priority="8029">
      <formula>OR(AC$654&lt;&gt;"",AC$655&lt;&gt;"")</formula>
    </cfRule>
    <cfRule type="expression" dxfId="5814" priority="8030">
      <formula>AND(AC$654="",AC$655="")</formula>
    </cfRule>
  </conditionalFormatting>
  <conditionalFormatting sqref="AC656:AC670">
    <cfRule type="expression" dxfId="5813" priority="8027">
      <formula>OR(AC$654&lt;&gt;"",AC$655&lt;&gt;"")</formula>
    </cfRule>
    <cfRule type="expression" dxfId="5812" priority="8028">
      <formula>AND(AC$654="",AC$655="")</formula>
    </cfRule>
  </conditionalFormatting>
  <conditionalFormatting sqref="AD654:AD655">
    <cfRule type="expression" dxfId="5811" priority="8025">
      <formula>OR(AD$654&lt;&gt;"",AD$655&lt;&gt;"")</formula>
    </cfRule>
    <cfRule type="expression" dxfId="5810" priority="8026">
      <formula>AND(AD$654="",AD$655="")</formula>
    </cfRule>
  </conditionalFormatting>
  <conditionalFormatting sqref="AD656:AD670">
    <cfRule type="expression" dxfId="5809" priority="8023">
      <formula>OR(AD$654&lt;&gt;"",AD$655&lt;&gt;"")</formula>
    </cfRule>
    <cfRule type="expression" dxfId="5808" priority="8024">
      <formula>AND(AD$654="",AD$655="")</formula>
    </cfRule>
  </conditionalFormatting>
  <conditionalFormatting sqref="AE654:AE655">
    <cfRule type="expression" dxfId="5807" priority="8021">
      <formula>OR(AE$654&lt;&gt;"",AE$655&lt;&gt;"")</formula>
    </cfRule>
    <cfRule type="expression" dxfId="5806" priority="8022">
      <formula>AND(AE$654="",AE$655="")</formula>
    </cfRule>
  </conditionalFormatting>
  <conditionalFormatting sqref="AE656:AE670">
    <cfRule type="expression" dxfId="5805" priority="8019">
      <formula>OR(AE$654&lt;&gt;"",AE$655&lt;&gt;"")</formula>
    </cfRule>
    <cfRule type="expression" dxfId="5804" priority="8020">
      <formula>AND(AE$654="",AE$655="")</formula>
    </cfRule>
  </conditionalFormatting>
  <conditionalFormatting sqref="AF654:AF655">
    <cfRule type="expression" dxfId="5803" priority="8017">
      <formula>OR(AF$654&lt;&gt;"",AF$655&lt;&gt;"")</formula>
    </cfRule>
    <cfRule type="expression" dxfId="5802" priority="8018">
      <formula>AND(AF$654="",AF$655="")</formula>
    </cfRule>
  </conditionalFormatting>
  <conditionalFormatting sqref="AF656:AF670">
    <cfRule type="expression" dxfId="5801" priority="8015">
      <formula>OR(AF$654&lt;&gt;"",AF$655&lt;&gt;"")</formula>
    </cfRule>
    <cfRule type="expression" dxfId="5800" priority="8016">
      <formula>AND(AF$654="",AF$655="")</formula>
    </cfRule>
  </conditionalFormatting>
  <conditionalFormatting sqref="AG654:AG655">
    <cfRule type="expression" dxfId="5799" priority="8013">
      <formula>OR(AG$654&lt;&gt;"",AG$655&lt;&gt;"")</formula>
    </cfRule>
    <cfRule type="expression" dxfId="5798" priority="8014">
      <formula>AND(AG$654="",AG$655="")</formula>
    </cfRule>
  </conditionalFormatting>
  <conditionalFormatting sqref="AG656:AG670">
    <cfRule type="expression" dxfId="5797" priority="8011">
      <formula>OR(AG$654&lt;&gt;"",AG$655&lt;&gt;"")</formula>
    </cfRule>
    <cfRule type="expression" dxfId="5796" priority="8012">
      <formula>AND(AG$654="",AG$655="")</formula>
    </cfRule>
  </conditionalFormatting>
  <conditionalFormatting sqref="AH654:AH655">
    <cfRule type="expression" dxfId="5795" priority="8009">
      <formula>OR(AH$654&lt;&gt;"",AH$655&lt;&gt;"")</formula>
    </cfRule>
    <cfRule type="expression" dxfId="5794" priority="8010">
      <formula>AND(AH$654="",AH$655="")</formula>
    </cfRule>
  </conditionalFormatting>
  <conditionalFormatting sqref="AH656:AH670">
    <cfRule type="expression" dxfId="5793" priority="8007">
      <formula>OR(AH$654&lt;&gt;"",AH$655&lt;&gt;"")</formula>
    </cfRule>
    <cfRule type="expression" dxfId="5792" priority="8008">
      <formula>AND(AH$654="",AH$655="")</formula>
    </cfRule>
  </conditionalFormatting>
  <conditionalFormatting sqref="AI654:AI655">
    <cfRule type="expression" dxfId="5791" priority="8005">
      <formula>OR(AI$654&lt;&gt;"",AI$655&lt;&gt;"")</formula>
    </cfRule>
    <cfRule type="expression" dxfId="5790" priority="8006">
      <formula>AND(AI$654="",AI$655="")</formula>
    </cfRule>
  </conditionalFormatting>
  <conditionalFormatting sqref="AI656:AI670">
    <cfRule type="expression" dxfId="5789" priority="8003">
      <formula>OR(AI$654&lt;&gt;"",AI$655&lt;&gt;"")</formula>
    </cfRule>
    <cfRule type="expression" dxfId="5788" priority="8004">
      <formula>AND(AI$654="",AI$655="")</formula>
    </cfRule>
  </conditionalFormatting>
  <conditionalFormatting sqref="AJ654:AJ655">
    <cfRule type="expression" dxfId="5787" priority="8001">
      <formula>OR(AJ$654&lt;&gt;"",AJ$655&lt;&gt;"")</formula>
    </cfRule>
    <cfRule type="expression" dxfId="5786" priority="8002">
      <formula>AND(AJ$654="",AJ$655="")</formula>
    </cfRule>
  </conditionalFormatting>
  <conditionalFormatting sqref="AJ656:AJ670">
    <cfRule type="expression" dxfId="5785" priority="7999">
      <formula>OR(AJ$654&lt;&gt;"",AJ$655&lt;&gt;"")</formula>
    </cfRule>
    <cfRule type="expression" dxfId="5784" priority="8000">
      <formula>AND(AJ$654="",AJ$655="")</formula>
    </cfRule>
  </conditionalFormatting>
  <conditionalFormatting sqref="AK654:AK655">
    <cfRule type="expression" dxfId="5783" priority="7997">
      <formula>OR(AK$654&lt;&gt;"",AK$655&lt;&gt;"")</formula>
    </cfRule>
    <cfRule type="expression" dxfId="5782" priority="7998">
      <formula>AND(AK$654="",AK$655="")</formula>
    </cfRule>
  </conditionalFormatting>
  <conditionalFormatting sqref="AK656:AK670">
    <cfRule type="expression" dxfId="5781" priority="7995">
      <formula>OR(AK$654&lt;&gt;"",AK$655&lt;&gt;"")</formula>
    </cfRule>
    <cfRule type="expression" dxfId="5780" priority="7996">
      <formula>AND(AK$654="",AK$655="")</formula>
    </cfRule>
  </conditionalFormatting>
  <conditionalFormatting sqref="AL654:AL655">
    <cfRule type="expression" dxfId="5779" priority="7993">
      <formula>OR(AL$654&lt;&gt;"",AL$655&lt;&gt;"")</formula>
    </cfRule>
    <cfRule type="expression" dxfId="5778" priority="7994">
      <formula>AND(AL$654="",AL$655="")</formula>
    </cfRule>
  </conditionalFormatting>
  <conditionalFormatting sqref="AL656:AL670">
    <cfRule type="expression" dxfId="5777" priority="7991">
      <formula>OR(AL$654&lt;&gt;"",AL$655&lt;&gt;"")</formula>
    </cfRule>
    <cfRule type="expression" dxfId="5776" priority="7992">
      <formula>AND(AL$654="",AL$655="")</formula>
    </cfRule>
  </conditionalFormatting>
  <conditionalFormatting sqref="AM654:AM655">
    <cfRule type="expression" dxfId="5775" priority="7989">
      <formula>OR(AM$654&lt;&gt;"",AM$655&lt;&gt;"")</formula>
    </cfRule>
    <cfRule type="expression" dxfId="5774" priority="7990">
      <formula>AND(AM$654="",AM$655="")</formula>
    </cfRule>
  </conditionalFormatting>
  <conditionalFormatting sqref="AM656:AM670">
    <cfRule type="expression" dxfId="5773" priority="7987">
      <formula>OR(AM$654&lt;&gt;"",AM$655&lt;&gt;"")</formula>
    </cfRule>
    <cfRule type="expression" dxfId="5772" priority="7988">
      <formula>AND(AM$654="",AM$655="")</formula>
    </cfRule>
  </conditionalFormatting>
  <conditionalFormatting sqref="AN654:AN655">
    <cfRule type="expression" dxfId="5771" priority="7985">
      <formula>OR(AN$654&lt;&gt;"",AN$655&lt;&gt;"")</formula>
    </cfRule>
    <cfRule type="expression" dxfId="5770" priority="7986">
      <formula>AND(AN$654="",AN$655="")</formula>
    </cfRule>
  </conditionalFormatting>
  <conditionalFormatting sqref="AN656:AN670">
    <cfRule type="expression" dxfId="5769" priority="7983">
      <formula>OR(AN$654&lt;&gt;"",AN$655&lt;&gt;"")</formula>
    </cfRule>
    <cfRule type="expression" dxfId="5768" priority="7984">
      <formula>AND(AN$654="",AN$655="")</formula>
    </cfRule>
  </conditionalFormatting>
  <conditionalFormatting sqref="AO654:AO655">
    <cfRule type="expression" dxfId="5767" priority="7981">
      <formula>OR(AO$654&lt;&gt;"",AO$655&lt;&gt;"")</formula>
    </cfRule>
    <cfRule type="expression" dxfId="5766" priority="7982">
      <formula>AND(AO$654="",AO$655="")</formula>
    </cfRule>
  </conditionalFormatting>
  <conditionalFormatting sqref="AO656:AO670">
    <cfRule type="expression" dxfId="5765" priority="7979">
      <formula>OR(AO$654&lt;&gt;"",AO$655&lt;&gt;"")</formula>
    </cfRule>
    <cfRule type="expression" dxfId="5764" priority="7980">
      <formula>AND(AO$654="",AO$655="")</formula>
    </cfRule>
  </conditionalFormatting>
  <conditionalFormatting sqref="AP654:AP655">
    <cfRule type="expression" dxfId="5763" priority="7977">
      <formula>OR(AP$654&lt;&gt;"",AP$655&lt;&gt;"")</formula>
    </cfRule>
    <cfRule type="expression" dxfId="5762" priority="7978">
      <formula>AND(AP$654="",AP$655="")</formula>
    </cfRule>
  </conditionalFormatting>
  <conditionalFormatting sqref="AP656:AP670">
    <cfRule type="expression" dxfId="5761" priority="7975">
      <formula>OR(AP$654&lt;&gt;"",AP$655&lt;&gt;"")</formula>
    </cfRule>
    <cfRule type="expression" dxfId="5760" priority="7976">
      <formula>AND(AP$654="",AP$655="")</formula>
    </cfRule>
  </conditionalFormatting>
  <conditionalFormatting sqref="AQ654:AQ655">
    <cfRule type="expression" dxfId="5759" priority="7973">
      <formula>OR(AQ$654&lt;&gt;"",AQ$655&lt;&gt;"")</formula>
    </cfRule>
    <cfRule type="expression" dxfId="5758" priority="7974">
      <formula>AND(AQ$654="",AQ$655="")</formula>
    </cfRule>
  </conditionalFormatting>
  <conditionalFormatting sqref="AQ656:AQ670">
    <cfRule type="expression" dxfId="5757" priority="7971">
      <formula>OR(AQ$654&lt;&gt;"",AQ$655&lt;&gt;"")</formula>
    </cfRule>
    <cfRule type="expression" dxfId="5756" priority="7972">
      <formula>AND(AQ$654="",AQ$655="")</formula>
    </cfRule>
  </conditionalFormatting>
  <conditionalFormatting sqref="AR654:AR655">
    <cfRule type="expression" dxfId="5755" priority="7969">
      <formula>OR(AR$654&lt;&gt;"",AR$655&lt;&gt;"")</formula>
    </cfRule>
    <cfRule type="expression" dxfId="5754" priority="7970">
      <formula>AND(AR$654="",AR$655="")</formula>
    </cfRule>
  </conditionalFormatting>
  <conditionalFormatting sqref="AR656:AR670">
    <cfRule type="expression" dxfId="5753" priority="7967">
      <formula>OR(AR$654&lt;&gt;"",AR$655&lt;&gt;"")</formula>
    </cfRule>
    <cfRule type="expression" dxfId="5752" priority="7968">
      <formula>AND(AR$654="",AR$655="")</formula>
    </cfRule>
  </conditionalFormatting>
  <conditionalFormatting sqref="AS654:AS655">
    <cfRule type="expression" dxfId="5751" priority="7965">
      <formula>OR(AS$654&lt;&gt;"",AS$655&lt;&gt;"")</formula>
    </cfRule>
    <cfRule type="expression" dxfId="5750" priority="7966">
      <formula>AND(AS$654="",AS$655="")</formula>
    </cfRule>
  </conditionalFormatting>
  <conditionalFormatting sqref="AS656:AS670">
    <cfRule type="expression" dxfId="5749" priority="7963">
      <formula>OR(AS$654&lt;&gt;"",AS$655&lt;&gt;"")</formula>
    </cfRule>
    <cfRule type="expression" dxfId="5748" priority="7964">
      <formula>AND(AS$654="",AS$655="")</formula>
    </cfRule>
  </conditionalFormatting>
  <conditionalFormatting sqref="AT654:AT655">
    <cfRule type="expression" dxfId="5747" priority="7961">
      <formula>OR(AT$654&lt;&gt;"",AT$655&lt;&gt;"")</formula>
    </cfRule>
    <cfRule type="expression" dxfId="5746" priority="7962">
      <formula>AND(AT$654="",AT$655="")</formula>
    </cfRule>
  </conditionalFormatting>
  <conditionalFormatting sqref="AT656:AT670">
    <cfRule type="expression" dxfId="5745" priority="7959">
      <formula>OR(AT$654&lt;&gt;"",AT$655&lt;&gt;"")</formula>
    </cfRule>
    <cfRule type="expression" dxfId="5744" priority="7960">
      <formula>AND(AT$654="",AT$655="")</formula>
    </cfRule>
  </conditionalFormatting>
  <conditionalFormatting sqref="AU654:AU655">
    <cfRule type="expression" dxfId="5743" priority="7957">
      <formula>OR(AU$654&lt;&gt;"",AU$655&lt;&gt;"")</formula>
    </cfRule>
    <cfRule type="expression" dxfId="5742" priority="7958">
      <formula>AND(AU$654="",AU$655="")</formula>
    </cfRule>
  </conditionalFormatting>
  <conditionalFormatting sqref="AU656:AU670">
    <cfRule type="expression" dxfId="5741" priority="7955">
      <formula>OR(AU$654&lt;&gt;"",AU$655&lt;&gt;"")</formula>
    </cfRule>
    <cfRule type="expression" dxfId="5740" priority="7956">
      <formula>AND(AU$654="",AU$655="")</formula>
    </cfRule>
  </conditionalFormatting>
  <conditionalFormatting sqref="AV654:AV655">
    <cfRule type="expression" dxfId="5739" priority="7953">
      <formula>OR(AV$654&lt;&gt;"",AV$655&lt;&gt;"")</formula>
    </cfRule>
    <cfRule type="expression" dxfId="5738" priority="7954">
      <formula>AND(AV$654="",AV$655="")</formula>
    </cfRule>
  </conditionalFormatting>
  <conditionalFormatting sqref="AV656:AV670">
    <cfRule type="expression" dxfId="5737" priority="7951">
      <formula>OR(AV$654&lt;&gt;"",AV$655&lt;&gt;"")</formula>
    </cfRule>
    <cfRule type="expression" dxfId="5736" priority="7952">
      <formula>AND(AV$654="",AV$655="")</formula>
    </cfRule>
  </conditionalFormatting>
  <conditionalFormatting sqref="AW654:AW655">
    <cfRule type="expression" dxfId="5735" priority="7949">
      <formula>OR(AW$654&lt;&gt;"",AW$655&lt;&gt;"")</formula>
    </cfRule>
    <cfRule type="expression" dxfId="5734" priority="7950">
      <formula>AND(AW$654="",AW$655="")</formula>
    </cfRule>
  </conditionalFormatting>
  <conditionalFormatting sqref="AW656:AW670">
    <cfRule type="expression" dxfId="5733" priority="7947">
      <formula>OR(AW$654&lt;&gt;"",AW$655&lt;&gt;"")</formula>
    </cfRule>
    <cfRule type="expression" dxfId="5732" priority="7948">
      <formula>AND(AW$654="",AW$655="")</formula>
    </cfRule>
  </conditionalFormatting>
  <conditionalFormatting sqref="AX654:AX655">
    <cfRule type="expression" dxfId="5731" priority="7945">
      <formula>OR(AX$654&lt;&gt;"",AX$655&lt;&gt;"")</formula>
    </cfRule>
    <cfRule type="expression" dxfId="5730" priority="7946">
      <formula>AND(AX$654="",AX$655="")</formula>
    </cfRule>
  </conditionalFormatting>
  <conditionalFormatting sqref="AX656:AX670">
    <cfRule type="expression" dxfId="5729" priority="7943">
      <formula>OR(AX$654&lt;&gt;"",AX$655&lt;&gt;"")</formula>
    </cfRule>
    <cfRule type="expression" dxfId="5728" priority="7944">
      <formula>AND(AX$654="",AX$655="")</formula>
    </cfRule>
  </conditionalFormatting>
  <conditionalFormatting sqref="AY654:AY655">
    <cfRule type="expression" dxfId="5727" priority="7941">
      <formula>OR(AY$654&lt;&gt;"",AY$655&lt;&gt;"")</formula>
    </cfRule>
    <cfRule type="expression" dxfId="5726" priority="7942">
      <formula>AND(AY$654="",AY$655="")</formula>
    </cfRule>
  </conditionalFormatting>
  <conditionalFormatting sqref="AY656:AY670">
    <cfRule type="expression" dxfId="5725" priority="7939">
      <formula>OR(AY$654&lt;&gt;"",AY$655&lt;&gt;"")</formula>
    </cfRule>
    <cfRule type="expression" dxfId="5724" priority="7940">
      <formula>AND(AY$654="",AY$655="")</formula>
    </cfRule>
  </conditionalFormatting>
  <conditionalFormatting sqref="AZ654:AZ655">
    <cfRule type="expression" dxfId="5723" priority="7937">
      <formula>OR(AZ$654&lt;&gt;"",AZ$655&lt;&gt;"")</formula>
    </cfRule>
    <cfRule type="expression" dxfId="5722" priority="7938">
      <formula>AND(AZ$654="",AZ$655="")</formula>
    </cfRule>
  </conditionalFormatting>
  <conditionalFormatting sqref="AZ656:AZ670">
    <cfRule type="expression" dxfId="5721" priority="7935">
      <formula>OR(AZ$654&lt;&gt;"",AZ$655&lt;&gt;"")</formula>
    </cfRule>
    <cfRule type="expression" dxfId="5720" priority="7936">
      <formula>AND(AZ$654="",AZ$655="")</formula>
    </cfRule>
  </conditionalFormatting>
  <conditionalFormatting sqref="BA654:BA655">
    <cfRule type="expression" dxfId="5719" priority="7933">
      <formula>OR(BA$654&lt;&gt;"",BA$655&lt;&gt;"")</formula>
    </cfRule>
    <cfRule type="expression" dxfId="5718" priority="7934">
      <formula>AND(BA$654="",BA$655="")</formula>
    </cfRule>
  </conditionalFormatting>
  <conditionalFormatting sqref="BA656:BA670">
    <cfRule type="expression" dxfId="5717" priority="7931">
      <formula>OR(BA$654&lt;&gt;"",BA$655&lt;&gt;"")</formula>
    </cfRule>
    <cfRule type="expression" dxfId="5716" priority="7932">
      <formula>AND(BA$654="",BA$655="")</formula>
    </cfRule>
  </conditionalFormatting>
  <conditionalFormatting sqref="BB654:BB655">
    <cfRule type="expression" dxfId="5715" priority="7929">
      <formula>OR(BB$654&lt;&gt;"",BB$655&lt;&gt;"")</formula>
    </cfRule>
    <cfRule type="expression" dxfId="5714" priority="7930">
      <formula>AND(BB$654="",BB$655="")</formula>
    </cfRule>
  </conditionalFormatting>
  <conditionalFormatting sqref="BB656:BB670">
    <cfRule type="expression" dxfId="5713" priority="7927">
      <formula>OR(BB$654&lt;&gt;"",BB$655&lt;&gt;"")</formula>
    </cfRule>
    <cfRule type="expression" dxfId="5712" priority="7928">
      <formula>AND(BB$654="",BB$655="")</formula>
    </cfRule>
  </conditionalFormatting>
  <conditionalFormatting sqref="BC654:BC655">
    <cfRule type="expression" dxfId="5711" priority="7925">
      <formula>OR(BC$654&lt;&gt;"",BC$655&lt;&gt;"")</formula>
    </cfRule>
    <cfRule type="expression" dxfId="5710" priority="7926">
      <formula>AND(BC$654="",BC$655="")</formula>
    </cfRule>
  </conditionalFormatting>
  <conditionalFormatting sqref="BC656:BC670">
    <cfRule type="expression" dxfId="5709" priority="7923">
      <formula>OR(BC$654&lt;&gt;"",BC$655&lt;&gt;"")</formula>
    </cfRule>
    <cfRule type="expression" dxfId="5708" priority="7924">
      <formula>AND(BC$654="",BC$655="")</formula>
    </cfRule>
  </conditionalFormatting>
  <conditionalFormatting sqref="BD654:BD655">
    <cfRule type="expression" dxfId="5707" priority="7921">
      <formula>OR(BD$654&lt;&gt;"",BD$655&lt;&gt;"")</formula>
    </cfRule>
    <cfRule type="expression" dxfId="5706" priority="7922">
      <formula>AND(BD$654="",BD$655="")</formula>
    </cfRule>
  </conditionalFormatting>
  <conditionalFormatting sqref="BD656:BD670">
    <cfRule type="expression" dxfId="5705" priority="7919">
      <formula>OR(BD$654&lt;&gt;"",BD$655&lt;&gt;"")</formula>
    </cfRule>
    <cfRule type="expression" dxfId="5704" priority="7920">
      <formula>AND(BD$654="",BD$655="")</formula>
    </cfRule>
  </conditionalFormatting>
  <conditionalFormatting sqref="BE654:BE655">
    <cfRule type="expression" dxfId="5703" priority="7917">
      <formula>OR(BE$654&lt;&gt;"",BE$655&lt;&gt;"")</formula>
    </cfRule>
    <cfRule type="expression" dxfId="5702" priority="7918">
      <formula>AND(BE$654="",BE$655="")</formula>
    </cfRule>
  </conditionalFormatting>
  <conditionalFormatting sqref="BE656:BE670">
    <cfRule type="expression" dxfId="5701" priority="7915">
      <formula>OR(BE$654&lt;&gt;"",BE$655&lt;&gt;"")</formula>
    </cfRule>
    <cfRule type="expression" dxfId="5700" priority="7916">
      <formula>AND(BE$654="",BE$655="")</formula>
    </cfRule>
  </conditionalFormatting>
  <conditionalFormatting sqref="BF654:BF655">
    <cfRule type="expression" dxfId="5699" priority="7913">
      <formula>OR(BF$654&lt;&gt;"",BF$655&lt;&gt;"")</formula>
    </cfRule>
    <cfRule type="expression" dxfId="5698" priority="7914">
      <formula>AND(BF$654="",BF$655="")</formula>
    </cfRule>
  </conditionalFormatting>
  <conditionalFormatting sqref="BF656:BF670">
    <cfRule type="expression" dxfId="5697" priority="7911">
      <formula>OR(BF$654&lt;&gt;"",BF$655&lt;&gt;"")</formula>
    </cfRule>
    <cfRule type="expression" dxfId="5696" priority="7912">
      <formula>AND(BF$654="",BF$655="")</formula>
    </cfRule>
  </conditionalFormatting>
  <conditionalFormatting sqref="BG654:BG655">
    <cfRule type="expression" dxfId="5695" priority="7909">
      <formula>OR(BG$654&lt;&gt;"",BG$655&lt;&gt;"")</formula>
    </cfRule>
    <cfRule type="expression" dxfId="5694" priority="7910">
      <formula>AND(BG$654="",BG$655="")</formula>
    </cfRule>
  </conditionalFormatting>
  <conditionalFormatting sqref="BG656:BG670">
    <cfRule type="expression" dxfId="5693" priority="7907">
      <formula>OR(BG$654&lt;&gt;"",BG$655&lt;&gt;"")</formula>
    </cfRule>
    <cfRule type="expression" dxfId="5692" priority="7908">
      <formula>AND(BG$654="",BG$655="")</formula>
    </cfRule>
  </conditionalFormatting>
  <conditionalFormatting sqref="BH654:BH655">
    <cfRule type="expression" dxfId="5691" priority="7905">
      <formula>OR(BH$654&lt;&gt;"",BH$655&lt;&gt;"")</formula>
    </cfRule>
    <cfRule type="expression" dxfId="5690" priority="7906">
      <formula>AND(BH$654="",BH$655="")</formula>
    </cfRule>
  </conditionalFormatting>
  <conditionalFormatting sqref="BH656:BH670">
    <cfRule type="expression" dxfId="5689" priority="7903">
      <formula>OR(BH$654&lt;&gt;"",BH$655&lt;&gt;"")</formula>
    </cfRule>
    <cfRule type="expression" dxfId="5688" priority="7904">
      <formula>AND(BH$654="",BH$655="")</formula>
    </cfRule>
  </conditionalFormatting>
  <conditionalFormatting sqref="BI654:BI655">
    <cfRule type="expression" dxfId="5687" priority="7901">
      <formula>OR(BI$654&lt;&gt;"",BI$655&lt;&gt;"")</formula>
    </cfRule>
    <cfRule type="expression" dxfId="5686" priority="7902">
      <formula>AND(BI$654="",BI$655="")</formula>
    </cfRule>
  </conditionalFormatting>
  <conditionalFormatting sqref="BI656:BI670">
    <cfRule type="expression" dxfId="5685" priority="7899">
      <formula>OR(BI$654&lt;&gt;"",BI$655&lt;&gt;"")</formula>
    </cfRule>
    <cfRule type="expression" dxfId="5684" priority="7900">
      <formula>AND(BI$654="",BI$655="")</formula>
    </cfRule>
  </conditionalFormatting>
  <conditionalFormatting sqref="BJ654:BJ655">
    <cfRule type="expression" dxfId="5683" priority="7897">
      <formula>OR(BJ$654&lt;&gt;"",BJ$655&lt;&gt;"")</formula>
    </cfRule>
    <cfRule type="expression" dxfId="5682" priority="7898">
      <formula>AND(BJ$654="",BJ$655="")</formula>
    </cfRule>
  </conditionalFormatting>
  <conditionalFormatting sqref="BJ656:BJ670">
    <cfRule type="expression" dxfId="5681" priority="7895">
      <formula>OR(BJ$654&lt;&gt;"",BJ$655&lt;&gt;"")</formula>
    </cfRule>
    <cfRule type="expression" dxfId="5680" priority="7896">
      <formula>AND(BJ$654="",BJ$655="")</formula>
    </cfRule>
  </conditionalFormatting>
  <conditionalFormatting sqref="BK654:BK655">
    <cfRule type="expression" dxfId="5679" priority="7893">
      <formula>OR(BK$654&lt;&gt;"",BK$655&lt;&gt;"")</formula>
    </cfRule>
    <cfRule type="expression" dxfId="5678" priority="7894">
      <formula>AND(BK$654="",BK$655="")</formula>
    </cfRule>
  </conditionalFormatting>
  <conditionalFormatting sqref="BK656:BK670">
    <cfRule type="expression" dxfId="5677" priority="7891">
      <formula>OR(BK$654&lt;&gt;"",BK$655&lt;&gt;"")</formula>
    </cfRule>
    <cfRule type="expression" dxfId="5676" priority="7892">
      <formula>AND(BK$654="",BK$655="")</formula>
    </cfRule>
  </conditionalFormatting>
  <conditionalFormatting sqref="BL654:BL655">
    <cfRule type="expression" dxfId="5675" priority="7889">
      <formula>OR(BL$654&lt;&gt;"",BL$655&lt;&gt;"")</formula>
    </cfRule>
    <cfRule type="expression" dxfId="5674" priority="7890">
      <formula>AND(BL$654="",BL$655="")</formula>
    </cfRule>
  </conditionalFormatting>
  <conditionalFormatting sqref="BL656:BL670">
    <cfRule type="expression" dxfId="5673" priority="7887">
      <formula>OR(BL$654&lt;&gt;"",BL$655&lt;&gt;"")</formula>
    </cfRule>
    <cfRule type="expression" dxfId="5672" priority="7888">
      <formula>AND(BL$654="",BL$655="")</formula>
    </cfRule>
  </conditionalFormatting>
  <conditionalFormatting sqref="BM654:BM655">
    <cfRule type="expression" dxfId="5671" priority="7885">
      <formula>OR(BM$654&lt;&gt;"",BM$655&lt;&gt;"")</formula>
    </cfRule>
    <cfRule type="expression" dxfId="5670" priority="7886">
      <formula>AND(BM$654="",BM$655="")</formula>
    </cfRule>
  </conditionalFormatting>
  <conditionalFormatting sqref="BM656:BM670">
    <cfRule type="expression" dxfId="5669" priority="7883">
      <formula>OR(BM$654&lt;&gt;"",BM$655&lt;&gt;"")</formula>
    </cfRule>
    <cfRule type="expression" dxfId="5668" priority="7884">
      <formula>AND(BM$654="",BM$655="")</formula>
    </cfRule>
  </conditionalFormatting>
  <conditionalFormatting sqref="BN654:BN655">
    <cfRule type="expression" dxfId="5667" priority="7881">
      <formula>OR(BN$654&lt;&gt;"",BN$655&lt;&gt;"")</formula>
    </cfRule>
    <cfRule type="expression" dxfId="5666" priority="7882">
      <formula>AND(BN$654="",BN$655="")</formula>
    </cfRule>
  </conditionalFormatting>
  <conditionalFormatting sqref="BN656:BN670">
    <cfRule type="expression" dxfId="5665" priority="7879">
      <formula>OR(BN$654&lt;&gt;"",BN$655&lt;&gt;"")</formula>
    </cfRule>
    <cfRule type="expression" dxfId="5664" priority="7880">
      <formula>AND(BN$654="",BN$655="")</formula>
    </cfRule>
  </conditionalFormatting>
  <conditionalFormatting sqref="BO654:BO655">
    <cfRule type="expression" dxfId="5663" priority="7877">
      <formula>OR(BO$654&lt;&gt;"",BO$655&lt;&gt;"")</formula>
    </cfRule>
    <cfRule type="expression" dxfId="5662" priority="7878">
      <formula>AND(BO$654="",BO$655="")</formula>
    </cfRule>
  </conditionalFormatting>
  <conditionalFormatting sqref="BO656:BO670">
    <cfRule type="expression" dxfId="5661" priority="7875">
      <formula>OR(BO$654&lt;&gt;"",BO$655&lt;&gt;"")</formula>
    </cfRule>
    <cfRule type="expression" dxfId="5660" priority="7876">
      <formula>AND(BO$654="",BO$655="")</formula>
    </cfRule>
  </conditionalFormatting>
  <conditionalFormatting sqref="BP654:BP655">
    <cfRule type="expression" dxfId="5659" priority="7873">
      <formula>OR(BP$654&lt;&gt;"",BP$655&lt;&gt;"")</formula>
    </cfRule>
    <cfRule type="expression" dxfId="5658" priority="7874">
      <formula>AND(BP$654="",BP$655="")</formula>
    </cfRule>
  </conditionalFormatting>
  <conditionalFormatting sqref="BP656:BP670">
    <cfRule type="expression" dxfId="5657" priority="7871">
      <formula>OR(BP$654&lt;&gt;"",BP$655&lt;&gt;"")</formula>
    </cfRule>
    <cfRule type="expression" dxfId="5656" priority="7872">
      <formula>AND(BP$654="",BP$655="")</formula>
    </cfRule>
  </conditionalFormatting>
  <conditionalFormatting sqref="BQ654:BQ655">
    <cfRule type="expression" dxfId="5655" priority="7869">
      <formula>OR(BQ$654&lt;&gt;"",BQ$655&lt;&gt;"")</formula>
    </cfRule>
    <cfRule type="expression" dxfId="5654" priority="7870">
      <formula>AND(BQ$654="",BQ$655="")</formula>
    </cfRule>
  </conditionalFormatting>
  <conditionalFormatting sqref="BQ656:BQ670">
    <cfRule type="expression" dxfId="5653" priority="7867">
      <formula>OR(BQ$654&lt;&gt;"",BQ$655&lt;&gt;"")</formula>
    </cfRule>
    <cfRule type="expression" dxfId="5652" priority="7868">
      <formula>AND(BQ$654="",BQ$655="")</formula>
    </cfRule>
  </conditionalFormatting>
  <conditionalFormatting sqref="BR654:BR655">
    <cfRule type="expression" dxfId="5651" priority="7865">
      <formula>OR(BR$654&lt;&gt;"",BR$655&lt;&gt;"")</formula>
    </cfRule>
    <cfRule type="expression" dxfId="5650" priority="7866">
      <formula>AND(BR$654="",BR$655="")</formula>
    </cfRule>
  </conditionalFormatting>
  <conditionalFormatting sqref="BR656:BR670">
    <cfRule type="expression" dxfId="5649" priority="7863">
      <formula>OR(BR$654&lt;&gt;"",BR$655&lt;&gt;"")</formula>
    </cfRule>
    <cfRule type="expression" dxfId="5648" priority="7864">
      <formula>AND(BR$654="",BR$655="")</formula>
    </cfRule>
  </conditionalFormatting>
  <conditionalFormatting sqref="BS654:BS655">
    <cfRule type="expression" dxfId="5647" priority="7861">
      <formula>OR(BS$654&lt;&gt;"",BS$655&lt;&gt;"")</formula>
    </cfRule>
    <cfRule type="expression" dxfId="5646" priority="7862">
      <formula>AND(BS$654="",BS$655="")</formula>
    </cfRule>
  </conditionalFormatting>
  <conditionalFormatting sqref="BS656:BS670">
    <cfRule type="expression" dxfId="5645" priority="7859">
      <formula>OR(BS$654&lt;&gt;"",BS$655&lt;&gt;"")</formula>
    </cfRule>
    <cfRule type="expression" dxfId="5644" priority="7860">
      <formula>AND(BS$654="",BS$655="")</formula>
    </cfRule>
  </conditionalFormatting>
  <conditionalFormatting sqref="N675:N676">
    <cfRule type="expression" dxfId="5643" priority="7855">
      <formula>OR(N$675&lt;&gt;"",N$676&lt;&gt;"")</formula>
    </cfRule>
    <cfRule type="expression" dxfId="5642" priority="7856">
      <formula>AND(N$675="",N$676="")</formula>
    </cfRule>
  </conditionalFormatting>
  <conditionalFormatting sqref="M677:M696">
    <cfRule type="expression" dxfId="5641" priority="7853">
      <formula>OR($M$675&lt;&gt;"",$M$676&lt;&gt;"")</formula>
    </cfRule>
    <cfRule type="expression" dxfId="5640" priority="7854">
      <formula>AND($M$675="",$M$676="")</formula>
    </cfRule>
  </conditionalFormatting>
  <conditionalFormatting sqref="N677:N696">
    <cfRule type="expression" dxfId="5639" priority="7851">
      <formula>OR(N$675&lt;&gt;"",N$676&lt;&gt;"")</formula>
    </cfRule>
    <cfRule type="expression" dxfId="5638" priority="7852">
      <formula>AND(N$675="",N$676="")</formula>
    </cfRule>
  </conditionalFormatting>
  <conditionalFormatting sqref="O675:O676">
    <cfRule type="expression" dxfId="5637" priority="7849">
      <formula>OR(O$675&lt;&gt;"",O$676&lt;&gt;"")</formula>
    </cfRule>
    <cfRule type="expression" dxfId="5636" priority="7850">
      <formula>AND(O$675="",O$676="")</formula>
    </cfRule>
  </conditionalFormatting>
  <conditionalFormatting sqref="O677:O696">
    <cfRule type="expression" dxfId="5635" priority="7847">
      <formula>OR(O$675&lt;&gt;"",O$676&lt;&gt;"")</formula>
    </cfRule>
    <cfRule type="expression" dxfId="5634" priority="7848">
      <formula>AND(O$675="",O$676="")</formula>
    </cfRule>
  </conditionalFormatting>
  <conditionalFormatting sqref="P675:P676">
    <cfRule type="expression" dxfId="5633" priority="7845">
      <formula>OR(P$675&lt;&gt;"",P$676&lt;&gt;"")</formula>
    </cfRule>
    <cfRule type="expression" dxfId="5632" priority="7846">
      <formula>AND(P$675="",P$676="")</formula>
    </cfRule>
  </conditionalFormatting>
  <conditionalFormatting sqref="P677:P696">
    <cfRule type="expression" dxfId="5631" priority="7843">
      <formula>OR(P$675&lt;&gt;"",P$676&lt;&gt;"")</formula>
    </cfRule>
    <cfRule type="expression" dxfId="5630" priority="7844">
      <formula>AND(P$675="",P$676="")</formula>
    </cfRule>
  </conditionalFormatting>
  <conditionalFormatting sqref="Q675:Q676">
    <cfRule type="expression" dxfId="5629" priority="7841">
      <formula>OR(Q$675&lt;&gt;"",Q$676&lt;&gt;"")</formula>
    </cfRule>
    <cfRule type="expression" dxfId="5628" priority="7842">
      <formula>AND(Q$675="",Q$676="")</formula>
    </cfRule>
  </conditionalFormatting>
  <conditionalFormatting sqref="Q677:Q696">
    <cfRule type="expression" dxfId="5627" priority="7839">
      <formula>OR(Q$675&lt;&gt;"",Q$676&lt;&gt;"")</formula>
    </cfRule>
    <cfRule type="expression" dxfId="5626" priority="7840">
      <formula>AND(Q$675="",Q$676="")</formula>
    </cfRule>
  </conditionalFormatting>
  <conditionalFormatting sqref="R675:R676">
    <cfRule type="expression" dxfId="5625" priority="7837">
      <formula>OR(R$675&lt;&gt;"",R$676&lt;&gt;"")</formula>
    </cfRule>
    <cfRule type="expression" dxfId="5624" priority="7838">
      <formula>AND(R$675="",R$676="")</formula>
    </cfRule>
  </conditionalFormatting>
  <conditionalFormatting sqref="R677:R696">
    <cfRule type="expression" dxfId="5623" priority="7835">
      <formula>OR(R$675&lt;&gt;"",R$676&lt;&gt;"")</formula>
    </cfRule>
    <cfRule type="expression" dxfId="5622" priority="7836">
      <formula>AND(R$675="",R$676="")</formula>
    </cfRule>
  </conditionalFormatting>
  <conditionalFormatting sqref="S675:S676">
    <cfRule type="expression" dxfId="5621" priority="7833">
      <formula>OR(S$675&lt;&gt;"",S$676&lt;&gt;"")</formula>
    </cfRule>
    <cfRule type="expression" dxfId="5620" priority="7834">
      <formula>AND(S$675="",S$676="")</formula>
    </cfRule>
  </conditionalFormatting>
  <conditionalFormatting sqref="S677:S696">
    <cfRule type="expression" dxfId="5619" priority="7831">
      <formula>OR(S$675&lt;&gt;"",S$676&lt;&gt;"")</formula>
    </cfRule>
    <cfRule type="expression" dxfId="5618" priority="7832">
      <formula>AND(S$675="",S$676="")</formula>
    </cfRule>
  </conditionalFormatting>
  <conditionalFormatting sqref="T675:T676">
    <cfRule type="expression" dxfId="5617" priority="7829">
      <formula>OR(T$675&lt;&gt;"",T$676&lt;&gt;"")</formula>
    </cfRule>
    <cfRule type="expression" dxfId="5616" priority="7830">
      <formula>AND(T$675="",T$676="")</formula>
    </cfRule>
  </conditionalFormatting>
  <conditionalFormatting sqref="T677:T696">
    <cfRule type="expression" dxfId="5615" priority="7827">
      <formula>OR(T$675&lt;&gt;"",T$676&lt;&gt;"")</formula>
    </cfRule>
    <cfRule type="expression" dxfId="5614" priority="7828">
      <formula>AND(T$675="",T$676="")</formula>
    </cfRule>
  </conditionalFormatting>
  <conditionalFormatting sqref="U675:U676">
    <cfRule type="expression" dxfId="5613" priority="7825">
      <formula>OR(U$675&lt;&gt;"",U$676&lt;&gt;"")</formula>
    </cfRule>
    <cfRule type="expression" dxfId="5612" priority="7826">
      <formula>AND(U$675="",U$676="")</formula>
    </cfRule>
  </conditionalFormatting>
  <conditionalFormatting sqref="U677:U696">
    <cfRule type="expression" dxfId="5611" priority="7823">
      <formula>OR(U$675&lt;&gt;"",U$676&lt;&gt;"")</formula>
    </cfRule>
    <cfRule type="expression" dxfId="5610" priority="7824">
      <formula>AND(U$675="",U$676="")</formula>
    </cfRule>
  </conditionalFormatting>
  <conditionalFormatting sqref="V675:V676">
    <cfRule type="expression" dxfId="5609" priority="7821">
      <formula>OR(V$675&lt;&gt;"",V$676&lt;&gt;"")</formula>
    </cfRule>
    <cfRule type="expression" dxfId="5608" priority="7822">
      <formula>AND(V$675="",V$676="")</formula>
    </cfRule>
  </conditionalFormatting>
  <conditionalFormatting sqref="V677:V696">
    <cfRule type="expression" dxfId="5607" priority="7819">
      <formula>OR(V$675&lt;&gt;"",V$676&lt;&gt;"")</formula>
    </cfRule>
    <cfRule type="expression" dxfId="5606" priority="7820">
      <formula>AND(V$675="",V$676="")</formula>
    </cfRule>
  </conditionalFormatting>
  <conditionalFormatting sqref="W675:W676">
    <cfRule type="expression" dxfId="5605" priority="7817">
      <formula>OR(W$675&lt;&gt;"",W$676&lt;&gt;"")</formula>
    </cfRule>
    <cfRule type="expression" dxfId="5604" priority="7818">
      <formula>AND(W$675="",W$676="")</formula>
    </cfRule>
  </conditionalFormatting>
  <conditionalFormatting sqref="W677:W696">
    <cfRule type="expression" dxfId="5603" priority="7815">
      <formula>OR(W$675&lt;&gt;"",W$676&lt;&gt;"")</formula>
    </cfRule>
    <cfRule type="expression" dxfId="5602" priority="7816">
      <formula>AND(W$675="",W$676="")</formula>
    </cfRule>
  </conditionalFormatting>
  <conditionalFormatting sqref="X675:X676">
    <cfRule type="expression" dxfId="5601" priority="7813">
      <formula>OR(X$675&lt;&gt;"",X$676&lt;&gt;"")</formula>
    </cfRule>
    <cfRule type="expression" dxfId="5600" priority="7814">
      <formula>AND(X$675="",X$676="")</formula>
    </cfRule>
  </conditionalFormatting>
  <conditionalFormatting sqref="X677:X696">
    <cfRule type="expression" dxfId="5599" priority="7811">
      <formula>OR(X$675&lt;&gt;"",X$676&lt;&gt;"")</formula>
    </cfRule>
    <cfRule type="expression" dxfId="5598" priority="7812">
      <formula>AND(X$675="",X$676="")</formula>
    </cfRule>
  </conditionalFormatting>
  <conditionalFormatting sqref="Y675:Y676">
    <cfRule type="expression" dxfId="5597" priority="7809">
      <formula>OR(Y$675&lt;&gt;"",Y$676&lt;&gt;"")</formula>
    </cfRule>
    <cfRule type="expression" dxfId="5596" priority="7810">
      <formula>AND(Y$675="",Y$676="")</formula>
    </cfRule>
  </conditionalFormatting>
  <conditionalFormatting sqref="Y677:Y696">
    <cfRule type="expression" dxfId="5595" priority="7807">
      <formula>OR(Y$675&lt;&gt;"",Y$676&lt;&gt;"")</formula>
    </cfRule>
    <cfRule type="expression" dxfId="5594" priority="7808">
      <formula>AND(Y$675="",Y$676="")</formula>
    </cfRule>
  </conditionalFormatting>
  <conditionalFormatting sqref="Z675:Z676">
    <cfRule type="expression" dxfId="5593" priority="7805">
      <formula>OR(Z$675&lt;&gt;"",Z$676&lt;&gt;"")</formula>
    </cfRule>
    <cfRule type="expression" dxfId="5592" priority="7806">
      <formula>AND(Z$675="",Z$676="")</formula>
    </cfRule>
  </conditionalFormatting>
  <conditionalFormatting sqref="Z677:Z696">
    <cfRule type="expression" dxfId="5591" priority="7803">
      <formula>OR(Z$675&lt;&gt;"",Z$676&lt;&gt;"")</formula>
    </cfRule>
    <cfRule type="expression" dxfId="5590" priority="7804">
      <formula>AND(Z$675="",Z$676="")</formula>
    </cfRule>
  </conditionalFormatting>
  <conditionalFormatting sqref="AA675:AA676">
    <cfRule type="expression" dxfId="5589" priority="7801">
      <formula>OR(AA$675&lt;&gt;"",AA$676&lt;&gt;"")</formula>
    </cfRule>
    <cfRule type="expression" dxfId="5588" priority="7802">
      <formula>AND(AA$675="",AA$676="")</formula>
    </cfRule>
  </conditionalFormatting>
  <conditionalFormatting sqref="AA677:AA696">
    <cfRule type="expression" dxfId="5587" priority="7799">
      <formula>OR(AA$675&lt;&gt;"",AA$676&lt;&gt;"")</formula>
    </cfRule>
    <cfRule type="expression" dxfId="5586" priority="7800">
      <formula>AND(AA$675="",AA$676="")</formula>
    </cfRule>
  </conditionalFormatting>
  <conditionalFormatting sqref="AB675:AB676">
    <cfRule type="expression" dxfId="5585" priority="7797">
      <formula>OR(AB$675&lt;&gt;"",AB$676&lt;&gt;"")</formula>
    </cfRule>
    <cfRule type="expression" dxfId="5584" priority="7798">
      <formula>AND(AB$675="",AB$676="")</formula>
    </cfRule>
  </conditionalFormatting>
  <conditionalFormatting sqref="AB677:AB696">
    <cfRule type="expression" dxfId="5583" priority="7795">
      <formula>OR(AB$675&lt;&gt;"",AB$676&lt;&gt;"")</formula>
    </cfRule>
    <cfRule type="expression" dxfId="5582" priority="7796">
      <formula>AND(AB$675="",AB$676="")</formula>
    </cfRule>
  </conditionalFormatting>
  <conditionalFormatting sqref="AC675:AC676">
    <cfRule type="expression" dxfId="5581" priority="7793">
      <formula>OR(AC$675&lt;&gt;"",AC$676&lt;&gt;"")</formula>
    </cfRule>
    <cfRule type="expression" dxfId="5580" priority="7794">
      <formula>AND(AC$675="",AC$676="")</formula>
    </cfRule>
  </conditionalFormatting>
  <conditionalFormatting sqref="AC677:AC696">
    <cfRule type="expression" dxfId="5579" priority="7791">
      <formula>OR(AC$675&lt;&gt;"",AC$676&lt;&gt;"")</formula>
    </cfRule>
    <cfRule type="expression" dxfId="5578" priority="7792">
      <formula>AND(AC$675="",AC$676="")</formula>
    </cfRule>
  </conditionalFormatting>
  <conditionalFormatting sqref="AD675:AD676">
    <cfRule type="expression" dxfId="5577" priority="7789">
      <formula>OR(AD$675&lt;&gt;"",AD$676&lt;&gt;"")</formula>
    </cfRule>
    <cfRule type="expression" dxfId="5576" priority="7790">
      <formula>AND(AD$675="",AD$676="")</formula>
    </cfRule>
  </conditionalFormatting>
  <conditionalFormatting sqref="AD677:AD696">
    <cfRule type="expression" dxfId="5575" priority="7787">
      <formula>OR(AD$675&lt;&gt;"",AD$676&lt;&gt;"")</formula>
    </cfRule>
    <cfRule type="expression" dxfId="5574" priority="7788">
      <formula>AND(AD$675="",AD$676="")</formula>
    </cfRule>
  </conditionalFormatting>
  <conditionalFormatting sqref="AE675:AE676">
    <cfRule type="expression" dxfId="5573" priority="7785">
      <formula>OR(AE$675&lt;&gt;"",AE$676&lt;&gt;"")</formula>
    </cfRule>
    <cfRule type="expression" dxfId="5572" priority="7786">
      <formula>AND(AE$675="",AE$676="")</formula>
    </cfRule>
  </conditionalFormatting>
  <conditionalFormatting sqref="AE677:AE696">
    <cfRule type="expression" dxfId="5571" priority="7783">
      <formula>OR(AE$675&lt;&gt;"",AE$676&lt;&gt;"")</formula>
    </cfRule>
    <cfRule type="expression" dxfId="5570" priority="7784">
      <formula>AND(AE$675="",AE$676="")</formula>
    </cfRule>
  </conditionalFormatting>
  <conditionalFormatting sqref="AF675:AF676">
    <cfRule type="expression" dxfId="5569" priority="7781">
      <formula>OR(AF$675&lt;&gt;"",AF$676&lt;&gt;"")</formula>
    </cfRule>
    <cfRule type="expression" dxfId="5568" priority="7782">
      <formula>AND(AF$675="",AF$676="")</formula>
    </cfRule>
  </conditionalFormatting>
  <conditionalFormatting sqref="AF677:AF696">
    <cfRule type="expression" dxfId="5567" priority="7779">
      <formula>OR(AF$675&lt;&gt;"",AF$676&lt;&gt;"")</formula>
    </cfRule>
    <cfRule type="expression" dxfId="5566" priority="7780">
      <formula>AND(AF$675="",AF$676="")</formula>
    </cfRule>
  </conditionalFormatting>
  <conditionalFormatting sqref="AG675:AG676">
    <cfRule type="expression" dxfId="5565" priority="7777">
      <formula>OR(AG$675&lt;&gt;"",AG$676&lt;&gt;"")</formula>
    </cfRule>
    <cfRule type="expression" dxfId="5564" priority="7778">
      <formula>AND(AG$675="",AG$676="")</formula>
    </cfRule>
  </conditionalFormatting>
  <conditionalFormatting sqref="AG677:AG696">
    <cfRule type="expression" dxfId="5563" priority="7775">
      <formula>OR(AG$675&lt;&gt;"",AG$676&lt;&gt;"")</formula>
    </cfRule>
    <cfRule type="expression" dxfId="5562" priority="7776">
      <formula>AND(AG$675="",AG$676="")</formula>
    </cfRule>
  </conditionalFormatting>
  <conditionalFormatting sqref="AH675:AH676">
    <cfRule type="expression" dxfId="5561" priority="7773">
      <formula>OR(AH$675&lt;&gt;"",AH$676&lt;&gt;"")</formula>
    </cfRule>
    <cfRule type="expression" dxfId="5560" priority="7774">
      <formula>AND(AH$675="",AH$676="")</formula>
    </cfRule>
  </conditionalFormatting>
  <conditionalFormatting sqref="AH677:AH696">
    <cfRule type="expression" dxfId="5559" priority="7771">
      <formula>OR(AH$675&lt;&gt;"",AH$676&lt;&gt;"")</formula>
    </cfRule>
    <cfRule type="expression" dxfId="5558" priority="7772">
      <formula>AND(AH$675="",AH$676="")</formula>
    </cfRule>
  </conditionalFormatting>
  <conditionalFormatting sqref="AI675:AI676">
    <cfRule type="expression" dxfId="5557" priority="7769">
      <formula>OR(AI$675&lt;&gt;"",AI$676&lt;&gt;"")</formula>
    </cfRule>
    <cfRule type="expression" dxfId="5556" priority="7770">
      <formula>AND(AI$675="",AI$676="")</formula>
    </cfRule>
  </conditionalFormatting>
  <conditionalFormatting sqref="AI677:AI696">
    <cfRule type="expression" dxfId="5555" priority="7767">
      <formula>OR(AI$675&lt;&gt;"",AI$676&lt;&gt;"")</formula>
    </cfRule>
    <cfRule type="expression" dxfId="5554" priority="7768">
      <formula>AND(AI$675="",AI$676="")</formula>
    </cfRule>
  </conditionalFormatting>
  <conditionalFormatting sqref="AJ675:AJ676">
    <cfRule type="expression" dxfId="5553" priority="7765">
      <formula>OR(AJ$675&lt;&gt;"",AJ$676&lt;&gt;"")</formula>
    </cfRule>
    <cfRule type="expression" dxfId="5552" priority="7766">
      <formula>AND(AJ$675="",AJ$676="")</formula>
    </cfRule>
  </conditionalFormatting>
  <conditionalFormatting sqref="AJ677:AJ696">
    <cfRule type="expression" dxfId="5551" priority="7763">
      <formula>OR(AJ$675&lt;&gt;"",AJ$676&lt;&gt;"")</formula>
    </cfRule>
    <cfRule type="expression" dxfId="5550" priority="7764">
      <formula>AND(AJ$675="",AJ$676="")</formula>
    </cfRule>
  </conditionalFormatting>
  <conditionalFormatting sqref="AK675:AK676">
    <cfRule type="expression" dxfId="5549" priority="7761">
      <formula>OR(AK$675&lt;&gt;"",AK$676&lt;&gt;"")</formula>
    </cfRule>
    <cfRule type="expression" dxfId="5548" priority="7762">
      <formula>AND(AK$675="",AK$676="")</formula>
    </cfRule>
  </conditionalFormatting>
  <conditionalFormatting sqref="AK677:AK696">
    <cfRule type="expression" dxfId="5547" priority="7759">
      <formula>OR(AK$675&lt;&gt;"",AK$676&lt;&gt;"")</formula>
    </cfRule>
    <cfRule type="expression" dxfId="5546" priority="7760">
      <formula>AND(AK$675="",AK$676="")</formula>
    </cfRule>
  </conditionalFormatting>
  <conditionalFormatting sqref="AL675:AL676">
    <cfRule type="expression" dxfId="5545" priority="7757">
      <formula>OR(AL$675&lt;&gt;"",AL$676&lt;&gt;"")</formula>
    </cfRule>
    <cfRule type="expression" dxfId="5544" priority="7758">
      <formula>AND(AL$675="",AL$676="")</formula>
    </cfRule>
  </conditionalFormatting>
  <conditionalFormatting sqref="AL677:AL696">
    <cfRule type="expression" dxfId="5543" priority="7755">
      <formula>OR(AL$675&lt;&gt;"",AL$676&lt;&gt;"")</formula>
    </cfRule>
    <cfRule type="expression" dxfId="5542" priority="7756">
      <formula>AND(AL$675="",AL$676="")</formula>
    </cfRule>
  </conditionalFormatting>
  <conditionalFormatting sqref="AM675:AM676">
    <cfRule type="expression" dxfId="5541" priority="7753">
      <formula>OR(AM$675&lt;&gt;"",AM$676&lt;&gt;"")</formula>
    </cfRule>
    <cfRule type="expression" dxfId="5540" priority="7754">
      <formula>AND(AM$675="",AM$676="")</formula>
    </cfRule>
  </conditionalFormatting>
  <conditionalFormatting sqref="AM677:AM696">
    <cfRule type="expression" dxfId="5539" priority="7751">
      <formula>OR(AM$675&lt;&gt;"",AM$676&lt;&gt;"")</formula>
    </cfRule>
    <cfRule type="expression" dxfId="5538" priority="7752">
      <formula>AND(AM$675="",AM$676="")</formula>
    </cfRule>
  </conditionalFormatting>
  <conditionalFormatting sqref="AN675:AN676">
    <cfRule type="expression" dxfId="5537" priority="7749">
      <formula>OR(AN$675&lt;&gt;"",AN$676&lt;&gt;"")</formula>
    </cfRule>
    <cfRule type="expression" dxfId="5536" priority="7750">
      <formula>AND(AN$675="",AN$676="")</formula>
    </cfRule>
  </conditionalFormatting>
  <conditionalFormatting sqref="AN677:AN696">
    <cfRule type="expression" dxfId="5535" priority="7747">
      <formula>OR(AN$675&lt;&gt;"",AN$676&lt;&gt;"")</formula>
    </cfRule>
    <cfRule type="expression" dxfId="5534" priority="7748">
      <formula>AND(AN$675="",AN$676="")</formula>
    </cfRule>
  </conditionalFormatting>
  <conditionalFormatting sqref="AO675:AO676">
    <cfRule type="expression" dxfId="5533" priority="7745">
      <formula>OR(AO$675&lt;&gt;"",AO$676&lt;&gt;"")</formula>
    </cfRule>
    <cfRule type="expression" dxfId="5532" priority="7746">
      <formula>AND(AO$675="",AO$676="")</formula>
    </cfRule>
  </conditionalFormatting>
  <conditionalFormatting sqref="AO677:AO696">
    <cfRule type="expression" dxfId="5531" priority="7743">
      <formula>OR(AO$675&lt;&gt;"",AO$676&lt;&gt;"")</formula>
    </cfRule>
    <cfRule type="expression" dxfId="5530" priority="7744">
      <formula>AND(AO$675="",AO$676="")</formula>
    </cfRule>
  </conditionalFormatting>
  <conditionalFormatting sqref="AP675:AP676">
    <cfRule type="expression" dxfId="5529" priority="7741">
      <formula>OR(AP$675&lt;&gt;"",AP$676&lt;&gt;"")</formula>
    </cfRule>
    <cfRule type="expression" dxfId="5528" priority="7742">
      <formula>AND(AP$675="",AP$676="")</formula>
    </cfRule>
  </conditionalFormatting>
  <conditionalFormatting sqref="AP677:AP696">
    <cfRule type="expression" dxfId="5527" priority="7739">
      <formula>OR(AP$675&lt;&gt;"",AP$676&lt;&gt;"")</formula>
    </cfRule>
    <cfRule type="expression" dxfId="5526" priority="7740">
      <formula>AND(AP$675="",AP$676="")</formula>
    </cfRule>
  </conditionalFormatting>
  <conditionalFormatting sqref="AQ675:AQ676">
    <cfRule type="expression" dxfId="5525" priority="7737">
      <formula>OR(AQ$675&lt;&gt;"",AQ$676&lt;&gt;"")</formula>
    </cfRule>
    <cfRule type="expression" dxfId="5524" priority="7738">
      <formula>AND(AQ$675="",AQ$676="")</formula>
    </cfRule>
  </conditionalFormatting>
  <conditionalFormatting sqref="AQ677:AQ696">
    <cfRule type="expression" dxfId="5523" priority="7735">
      <formula>OR(AQ$675&lt;&gt;"",AQ$676&lt;&gt;"")</formula>
    </cfRule>
    <cfRule type="expression" dxfId="5522" priority="7736">
      <formula>AND(AQ$675="",AQ$676="")</formula>
    </cfRule>
  </conditionalFormatting>
  <conditionalFormatting sqref="AR675:AR676">
    <cfRule type="expression" dxfId="5521" priority="7733">
      <formula>OR(AR$675&lt;&gt;"",AR$676&lt;&gt;"")</formula>
    </cfRule>
    <cfRule type="expression" dxfId="5520" priority="7734">
      <formula>AND(AR$675="",AR$676="")</formula>
    </cfRule>
  </conditionalFormatting>
  <conditionalFormatting sqref="AR677:AR696">
    <cfRule type="expression" dxfId="5519" priority="7731">
      <formula>OR(AR$675&lt;&gt;"",AR$676&lt;&gt;"")</formula>
    </cfRule>
    <cfRule type="expression" dxfId="5518" priority="7732">
      <formula>AND(AR$675="",AR$676="")</formula>
    </cfRule>
  </conditionalFormatting>
  <conditionalFormatting sqref="AS675:AS676">
    <cfRule type="expression" dxfId="5517" priority="7729">
      <formula>OR(AS$675&lt;&gt;"",AS$676&lt;&gt;"")</formula>
    </cfRule>
    <cfRule type="expression" dxfId="5516" priority="7730">
      <formula>AND(AS$675="",AS$676="")</formula>
    </cfRule>
  </conditionalFormatting>
  <conditionalFormatting sqref="AS677:AS696">
    <cfRule type="expression" dxfId="5515" priority="7727">
      <formula>OR(AS$675&lt;&gt;"",AS$676&lt;&gt;"")</formula>
    </cfRule>
    <cfRule type="expression" dxfId="5514" priority="7728">
      <formula>AND(AS$675="",AS$676="")</formula>
    </cfRule>
  </conditionalFormatting>
  <conditionalFormatting sqref="AT675:AT676">
    <cfRule type="expression" dxfId="5513" priority="7725">
      <formula>OR(AT$675&lt;&gt;"",AT$676&lt;&gt;"")</formula>
    </cfRule>
    <cfRule type="expression" dxfId="5512" priority="7726">
      <formula>AND(AT$675="",AT$676="")</formula>
    </cfRule>
  </conditionalFormatting>
  <conditionalFormatting sqref="AT677:AT696">
    <cfRule type="expression" dxfId="5511" priority="7723">
      <formula>OR(AT$675&lt;&gt;"",AT$676&lt;&gt;"")</formula>
    </cfRule>
    <cfRule type="expression" dxfId="5510" priority="7724">
      <formula>AND(AT$675="",AT$676="")</formula>
    </cfRule>
  </conditionalFormatting>
  <conditionalFormatting sqref="AU675:AU676">
    <cfRule type="expression" dxfId="5509" priority="7721">
      <formula>OR(AU$675&lt;&gt;"",AU$676&lt;&gt;"")</formula>
    </cfRule>
    <cfRule type="expression" dxfId="5508" priority="7722">
      <formula>AND(AU$675="",AU$676="")</formula>
    </cfRule>
  </conditionalFormatting>
  <conditionalFormatting sqref="AU677:AU696">
    <cfRule type="expression" dxfId="5507" priority="7719">
      <formula>OR(AU$675&lt;&gt;"",AU$676&lt;&gt;"")</formula>
    </cfRule>
    <cfRule type="expression" dxfId="5506" priority="7720">
      <formula>AND(AU$675="",AU$676="")</formula>
    </cfRule>
  </conditionalFormatting>
  <conditionalFormatting sqref="AV675:AV676">
    <cfRule type="expression" dxfId="5505" priority="7717">
      <formula>OR(AV$675&lt;&gt;"",AV$676&lt;&gt;"")</formula>
    </cfRule>
    <cfRule type="expression" dxfId="5504" priority="7718">
      <formula>AND(AV$675="",AV$676="")</formula>
    </cfRule>
  </conditionalFormatting>
  <conditionalFormatting sqref="AV677:AV696">
    <cfRule type="expression" dxfId="5503" priority="7715">
      <formula>OR(AV$675&lt;&gt;"",AV$676&lt;&gt;"")</formula>
    </cfRule>
    <cfRule type="expression" dxfId="5502" priority="7716">
      <formula>AND(AV$675="",AV$676="")</formula>
    </cfRule>
  </conditionalFormatting>
  <conditionalFormatting sqref="AW675:AW676">
    <cfRule type="expression" dxfId="5501" priority="7713">
      <formula>OR(AW$675&lt;&gt;"",AW$676&lt;&gt;"")</formula>
    </cfRule>
    <cfRule type="expression" dxfId="5500" priority="7714">
      <formula>AND(AW$675="",AW$676="")</formula>
    </cfRule>
  </conditionalFormatting>
  <conditionalFormatting sqref="AW677:AW696">
    <cfRule type="expression" dxfId="5499" priority="7711">
      <formula>OR(AW$675&lt;&gt;"",AW$676&lt;&gt;"")</formula>
    </cfRule>
    <cfRule type="expression" dxfId="5498" priority="7712">
      <formula>AND(AW$675="",AW$676="")</formula>
    </cfRule>
  </conditionalFormatting>
  <conditionalFormatting sqref="AX675:AX676">
    <cfRule type="expression" dxfId="5497" priority="7709">
      <formula>OR(AX$675&lt;&gt;"",AX$676&lt;&gt;"")</formula>
    </cfRule>
    <cfRule type="expression" dxfId="5496" priority="7710">
      <formula>AND(AX$675="",AX$676="")</formula>
    </cfRule>
  </conditionalFormatting>
  <conditionalFormatting sqref="AX677:AX696">
    <cfRule type="expression" dxfId="5495" priority="7707">
      <formula>OR(AX$675&lt;&gt;"",AX$676&lt;&gt;"")</formula>
    </cfRule>
    <cfRule type="expression" dxfId="5494" priority="7708">
      <formula>AND(AX$675="",AX$676="")</formula>
    </cfRule>
  </conditionalFormatting>
  <conditionalFormatting sqref="AY675:AY676">
    <cfRule type="expression" dxfId="5493" priority="7705">
      <formula>OR(AY$675&lt;&gt;"",AY$676&lt;&gt;"")</formula>
    </cfRule>
    <cfRule type="expression" dxfId="5492" priority="7706">
      <formula>AND(AY$675="",AY$676="")</formula>
    </cfRule>
  </conditionalFormatting>
  <conditionalFormatting sqref="AY677:AY696">
    <cfRule type="expression" dxfId="5491" priority="7703">
      <formula>OR(AY$675&lt;&gt;"",AY$676&lt;&gt;"")</formula>
    </cfRule>
    <cfRule type="expression" dxfId="5490" priority="7704">
      <formula>AND(AY$675="",AY$676="")</formula>
    </cfRule>
  </conditionalFormatting>
  <conditionalFormatting sqref="AZ675:AZ676">
    <cfRule type="expression" dxfId="5489" priority="7701">
      <formula>OR(AZ$675&lt;&gt;"",AZ$676&lt;&gt;"")</formula>
    </cfRule>
    <cfRule type="expression" dxfId="5488" priority="7702">
      <formula>AND(AZ$675="",AZ$676="")</formula>
    </cfRule>
  </conditionalFormatting>
  <conditionalFormatting sqref="AZ677:AZ696">
    <cfRule type="expression" dxfId="5487" priority="7699">
      <formula>OR(AZ$675&lt;&gt;"",AZ$676&lt;&gt;"")</formula>
    </cfRule>
    <cfRule type="expression" dxfId="5486" priority="7700">
      <formula>AND(AZ$675="",AZ$676="")</formula>
    </cfRule>
  </conditionalFormatting>
  <conditionalFormatting sqref="BA675:BA676">
    <cfRule type="expression" dxfId="5485" priority="7697">
      <formula>OR(BA$675&lt;&gt;"",BA$676&lt;&gt;"")</formula>
    </cfRule>
    <cfRule type="expression" dxfId="5484" priority="7698">
      <formula>AND(BA$675="",BA$676="")</formula>
    </cfRule>
  </conditionalFormatting>
  <conditionalFormatting sqref="BA677:BA696">
    <cfRule type="expression" dxfId="5483" priority="7695">
      <formula>OR(BA$675&lt;&gt;"",BA$676&lt;&gt;"")</formula>
    </cfRule>
    <cfRule type="expression" dxfId="5482" priority="7696">
      <formula>AND(BA$675="",BA$676="")</formula>
    </cfRule>
  </conditionalFormatting>
  <conditionalFormatting sqref="BB675:BB676">
    <cfRule type="expression" dxfId="5481" priority="7693">
      <formula>OR(BB$675&lt;&gt;"",BB$676&lt;&gt;"")</formula>
    </cfRule>
    <cfRule type="expression" dxfId="5480" priority="7694">
      <formula>AND(BB$675="",BB$676="")</formula>
    </cfRule>
  </conditionalFormatting>
  <conditionalFormatting sqref="BB677:BB696">
    <cfRule type="expression" dxfId="5479" priority="7691">
      <formula>OR(BB$675&lt;&gt;"",BB$676&lt;&gt;"")</formula>
    </cfRule>
    <cfRule type="expression" dxfId="5478" priority="7692">
      <formula>AND(BB$675="",BB$676="")</formula>
    </cfRule>
  </conditionalFormatting>
  <conditionalFormatting sqref="BC675:BC676">
    <cfRule type="expression" dxfId="5477" priority="7689">
      <formula>OR(BC$675&lt;&gt;"",BC$676&lt;&gt;"")</formula>
    </cfRule>
    <cfRule type="expression" dxfId="5476" priority="7690">
      <formula>AND(BC$675="",BC$676="")</formula>
    </cfRule>
  </conditionalFormatting>
  <conditionalFormatting sqref="BC677:BC696">
    <cfRule type="expression" dxfId="5475" priority="7687">
      <formula>OR(BC$675&lt;&gt;"",BC$676&lt;&gt;"")</formula>
    </cfRule>
    <cfRule type="expression" dxfId="5474" priority="7688">
      <formula>AND(BC$675="",BC$676="")</formula>
    </cfRule>
  </conditionalFormatting>
  <conditionalFormatting sqref="BD675:BD676">
    <cfRule type="expression" dxfId="5473" priority="7685">
      <formula>OR(BD$675&lt;&gt;"",BD$676&lt;&gt;"")</formula>
    </cfRule>
    <cfRule type="expression" dxfId="5472" priority="7686">
      <formula>AND(BD$675="",BD$676="")</formula>
    </cfRule>
  </conditionalFormatting>
  <conditionalFormatting sqref="BD677:BD696">
    <cfRule type="expression" dxfId="5471" priority="7683">
      <formula>OR(BD$675&lt;&gt;"",BD$676&lt;&gt;"")</formula>
    </cfRule>
    <cfRule type="expression" dxfId="5470" priority="7684">
      <formula>AND(BD$675="",BD$676="")</formula>
    </cfRule>
  </conditionalFormatting>
  <conditionalFormatting sqref="BE675:BE676">
    <cfRule type="expression" dxfId="5469" priority="7681">
      <formula>OR(BE$675&lt;&gt;"",BE$676&lt;&gt;"")</formula>
    </cfRule>
    <cfRule type="expression" dxfId="5468" priority="7682">
      <formula>AND(BE$675="",BE$676="")</formula>
    </cfRule>
  </conditionalFormatting>
  <conditionalFormatting sqref="BE677:BE696">
    <cfRule type="expression" dxfId="5467" priority="7679">
      <formula>OR(BE$675&lt;&gt;"",BE$676&lt;&gt;"")</formula>
    </cfRule>
    <cfRule type="expression" dxfId="5466" priority="7680">
      <formula>AND(BE$675="",BE$676="")</formula>
    </cfRule>
  </conditionalFormatting>
  <conditionalFormatting sqref="BF675:BF676">
    <cfRule type="expression" dxfId="5465" priority="7677">
      <formula>OR(BF$675&lt;&gt;"",BF$676&lt;&gt;"")</formula>
    </cfRule>
    <cfRule type="expression" dxfId="5464" priority="7678">
      <formula>AND(BF$675="",BF$676="")</formula>
    </cfRule>
  </conditionalFormatting>
  <conditionalFormatting sqref="BF677:BF696">
    <cfRule type="expression" dxfId="5463" priority="7675">
      <formula>OR(BF$675&lt;&gt;"",BF$676&lt;&gt;"")</formula>
    </cfRule>
    <cfRule type="expression" dxfId="5462" priority="7676">
      <formula>AND(BF$675="",BF$676="")</formula>
    </cfRule>
  </conditionalFormatting>
  <conditionalFormatting sqref="BG675:BG676">
    <cfRule type="expression" dxfId="5461" priority="7673">
      <formula>OR(BG$675&lt;&gt;"",BG$676&lt;&gt;"")</formula>
    </cfRule>
    <cfRule type="expression" dxfId="5460" priority="7674">
      <formula>AND(BG$675="",BG$676="")</formula>
    </cfRule>
  </conditionalFormatting>
  <conditionalFormatting sqref="BG677:BG696">
    <cfRule type="expression" dxfId="5459" priority="7671">
      <formula>OR(BG$675&lt;&gt;"",BG$676&lt;&gt;"")</formula>
    </cfRule>
    <cfRule type="expression" dxfId="5458" priority="7672">
      <formula>AND(BG$675="",BG$676="")</formula>
    </cfRule>
  </conditionalFormatting>
  <conditionalFormatting sqref="BH675:BH676">
    <cfRule type="expression" dxfId="5457" priority="7669">
      <formula>OR(BH$675&lt;&gt;"",BH$676&lt;&gt;"")</formula>
    </cfRule>
    <cfRule type="expression" dxfId="5456" priority="7670">
      <formula>AND(BH$675="",BH$676="")</formula>
    </cfRule>
  </conditionalFormatting>
  <conditionalFormatting sqref="BH677:BH696">
    <cfRule type="expression" dxfId="5455" priority="7667">
      <formula>OR(BH$675&lt;&gt;"",BH$676&lt;&gt;"")</formula>
    </cfRule>
    <cfRule type="expression" dxfId="5454" priority="7668">
      <formula>AND(BH$675="",BH$676="")</formula>
    </cfRule>
  </conditionalFormatting>
  <conditionalFormatting sqref="BI675:BI676">
    <cfRule type="expression" dxfId="5453" priority="7665">
      <formula>OR(BI$675&lt;&gt;"",BI$676&lt;&gt;"")</formula>
    </cfRule>
    <cfRule type="expression" dxfId="5452" priority="7666">
      <formula>AND(BI$675="",BI$676="")</formula>
    </cfRule>
  </conditionalFormatting>
  <conditionalFormatting sqref="BI677:BI696">
    <cfRule type="expression" dxfId="5451" priority="7663">
      <formula>OR(BI$675&lt;&gt;"",BI$676&lt;&gt;"")</formula>
    </cfRule>
    <cfRule type="expression" dxfId="5450" priority="7664">
      <formula>AND(BI$675="",BI$676="")</formula>
    </cfRule>
  </conditionalFormatting>
  <conditionalFormatting sqref="BJ675:BJ676">
    <cfRule type="expression" dxfId="5449" priority="7661">
      <formula>OR(BJ$675&lt;&gt;"",BJ$676&lt;&gt;"")</formula>
    </cfRule>
    <cfRule type="expression" dxfId="5448" priority="7662">
      <formula>AND(BJ$675="",BJ$676="")</formula>
    </cfRule>
  </conditionalFormatting>
  <conditionalFormatting sqref="BJ677:BJ696">
    <cfRule type="expression" dxfId="5447" priority="7659">
      <formula>OR(BJ$675&lt;&gt;"",BJ$676&lt;&gt;"")</formula>
    </cfRule>
    <cfRule type="expression" dxfId="5446" priority="7660">
      <formula>AND(BJ$675="",BJ$676="")</formula>
    </cfRule>
  </conditionalFormatting>
  <conditionalFormatting sqref="BK675:BK676">
    <cfRule type="expression" dxfId="5445" priority="7657">
      <formula>OR(BK$675&lt;&gt;"",BK$676&lt;&gt;"")</formula>
    </cfRule>
    <cfRule type="expression" dxfId="5444" priority="7658">
      <formula>AND(BK$675="",BK$676="")</formula>
    </cfRule>
  </conditionalFormatting>
  <conditionalFormatting sqref="BK677:BK696">
    <cfRule type="expression" dxfId="5443" priority="7655">
      <formula>OR(BK$675&lt;&gt;"",BK$676&lt;&gt;"")</formula>
    </cfRule>
    <cfRule type="expression" dxfId="5442" priority="7656">
      <formula>AND(BK$675="",BK$676="")</formula>
    </cfRule>
  </conditionalFormatting>
  <conditionalFormatting sqref="BL675:BL676">
    <cfRule type="expression" dxfId="5441" priority="7653">
      <formula>OR(BL$675&lt;&gt;"",BL$676&lt;&gt;"")</formula>
    </cfRule>
    <cfRule type="expression" dxfId="5440" priority="7654">
      <formula>AND(BL$675="",BL$676="")</formula>
    </cfRule>
  </conditionalFormatting>
  <conditionalFormatting sqref="BL677:BL696">
    <cfRule type="expression" dxfId="5439" priority="7651">
      <formula>OR(BL$675&lt;&gt;"",BL$676&lt;&gt;"")</formula>
    </cfRule>
    <cfRule type="expression" dxfId="5438" priority="7652">
      <formula>AND(BL$675="",BL$676="")</formula>
    </cfRule>
  </conditionalFormatting>
  <conditionalFormatting sqref="BM675:BM676">
    <cfRule type="expression" dxfId="5437" priority="7649">
      <formula>OR(BM$675&lt;&gt;"",BM$676&lt;&gt;"")</formula>
    </cfRule>
    <cfRule type="expression" dxfId="5436" priority="7650">
      <formula>AND(BM$675="",BM$676="")</formula>
    </cfRule>
  </conditionalFormatting>
  <conditionalFormatting sqref="BM677:BM696">
    <cfRule type="expression" dxfId="5435" priority="7647">
      <formula>OR(BM$675&lt;&gt;"",BM$676&lt;&gt;"")</formula>
    </cfRule>
    <cfRule type="expression" dxfId="5434" priority="7648">
      <formula>AND(BM$675="",BM$676="")</formula>
    </cfRule>
  </conditionalFormatting>
  <conditionalFormatting sqref="BN675:BN676">
    <cfRule type="expression" dxfId="5433" priority="7645">
      <formula>OR(BN$675&lt;&gt;"",BN$676&lt;&gt;"")</formula>
    </cfRule>
    <cfRule type="expression" dxfId="5432" priority="7646">
      <formula>AND(BN$675="",BN$676="")</formula>
    </cfRule>
  </conditionalFormatting>
  <conditionalFormatting sqref="BN677:BN696">
    <cfRule type="expression" dxfId="5431" priority="7643">
      <formula>OR(BN$675&lt;&gt;"",BN$676&lt;&gt;"")</formula>
    </cfRule>
    <cfRule type="expression" dxfId="5430" priority="7644">
      <formula>AND(BN$675="",BN$676="")</formula>
    </cfRule>
  </conditionalFormatting>
  <conditionalFormatting sqref="BO675:BO676">
    <cfRule type="expression" dxfId="5429" priority="7641">
      <formula>OR(BO$675&lt;&gt;"",BO$676&lt;&gt;"")</formula>
    </cfRule>
    <cfRule type="expression" dxfId="5428" priority="7642">
      <formula>AND(BO$675="",BO$676="")</formula>
    </cfRule>
  </conditionalFormatting>
  <conditionalFormatting sqref="BO677:BO696">
    <cfRule type="expression" dxfId="5427" priority="7639">
      <formula>OR(BO$675&lt;&gt;"",BO$676&lt;&gt;"")</formula>
    </cfRule>
    <cfRule type="expression" dxfId="5426" priority="7640">
      <formula>AND(BO$675="",BO$676="")</formula>
    </cfRule>
  </conditionalFormatting>
  <conditionalFormatting sqref="BP675:BP676">
    <cfRule type="expression" dxfId="5425" priority="7637">
      <formula>OR(BP$675&lt;&gt;"",BP$676&lt;&gt;"")</formula>
    </cfRule>
    <cfRule type="expression" dxfId="5424" priority="7638">
      <formula>AND(BP$675="",BP$676="")</formula>
    </cfRule>
  </conditionalFormatting>
  <conditionalFormatting sqref="BP677:BP696">
    <cfRule type="expression" dxfId="5423" priority="7635">
      <formula>OR(BP$675&lt;&gt;"",BP$676&lt;&gt;"")</formula>
    </cfRule>
    <cfRule type="expression" dxfId="5422" priority="7636">
      <formula>AND(BP$675="",BP$676="")</formula>
    </cfRule>
  </conditionalFormatting>
  <conditionalFormatting sqref="BQ675:BQ676">
    <cfRule type="expression" dxfId="5421" priority="7633">
      <formula>OR(BQ$675&lt;&gt;"",BQ$676&lt;&gt;"")</formula>
    </cfRule>
    <cfRule type="expression" dxfId="5420" priority="7634">
      <formula>AND(BQ$675="",BQ$676="")</formula>
    </cfRule>
  </conditionalFormatting>
  <conditionalFormatting sqref="BQ677:BQ696">
    <cfRule type="expression" dxfId="5419" priority="7631">
      <formula>OR(BQ$675&lt;&gt;"",BQ$676&lt;&gt;"")</formula>
    </cfRule>
    <cfRule type="expression" dxfId="5418" priority="7632">
      <formula>AND(BQ$675="",BQ$676="")</formula>
    </cfRule>
  </conditionalFormatting>
  <conditionalFormatting sqref="BR675:BR676">
    <cfRule type="expression" dxfId="5417" priority="7629">
      <formula>OR(BR$675&lt;&gt;"",BR$676&lt;&gt;"")</formula>
    </cfRule>
    <cfRule type="expression" dxfId="5416" priority="7630">
      <formula>AND(BR$675="",BR$676="")</formula>
    </cfRule>
  </conditionalFormatting>
  <conditionalFormatting sqref="BR677:BR696">
    <cfRule type="expression" dxfId="5415" priority="7627">
      <formula>OR(BR$675&lt;&gt;"",BR$676&lt;&gt;"")</formula>
    </cfRule>
    <cfRule type="expression" dxfId="5414" priority="7628">
      <formula>AND(BR$675="",BR$676="")</formula>
    </cfRule>
  </conditionalFormatting>
  <conditionalFormatting sqref="BS675:BS676">
    <cfRule type="expression" dxfId="5413" priority="7625">
      <formula>OR(BS$675&lt;&gt;"",BS$676&lt;&gt;"")</formula>
    </cfRule>
    <cfRule type="expression" dxfId="5412" priority="7626">
      <formula>AND(BS$675="",BS$676="")</formula>
    </cfRule>
  </conditionalFormatting>
  <conditionalFormatting sqref="BS677:BS696">
    <cfRule type="expression" dxfId="5411" priority="7623">
      <formula>OR(BS$675&lt;&gt;"",BS$676&lt;&gt;"")</formula>
    </cfRule>
    <cfRule type="expression" dxfId="5410" priority="7624">
      <formula>AND(BS$675="",BS$676="")</formula>
    </cfRule>
  </conditionalFormatting>
  <conditionalFormatting sqref="M702:M703">
    <cfRule type="expression" dxfId="5409" priority="7621">
      <formula>OR(M$702&lt;&gt;"",M$703&lt;&gt;"")</formula>
    </cfRule>
    <cfRule type="expression" dxfId="5408" priority="7622">
      <formula>AND(M$702="",M$703="")</formula>
    </cfRule>
  </conditionalFormatting>
  <conditionalFormatting sqref="N702:N703">
    <cfRule type="expression" dxfId="5407" priority="7619">
      <formula>OR(N$702&lt;&gt;"",N$703&lt;&gt;"")</formula>
    </cfRule>
    <cfRule type="expression" dxfId="5406" priority="7620">
      <formula>AND(N$702="",N$703="")</formula>
    </cfRule>
  </conditionalFormatting>
  <conditionalFormatting sqref="M704:M706">
    <cfRule type="expression" dxfId="5405" priority="7617">
      <formula>OR($M$702&lt;&gt;"",$M$703&lt;&gt;"")</formula>
    </cfRule>
    <cfRule type="expression" dxfId="5404" priority="7618">
      <formula>AND($M$702="",$M$703="")</formula>
    </cfRule>
  </conditionalFormatting>
  <conditionalFormatting sqref="N704:N706">
    <cfRule type="expression" dxfId="5403" priority="7615">
      <formula>OR(N$702&lt;&gt;"",N$703&lt;&gt;"")</formula>
    </cfRule>
    <cfRule type="expression" dxfId="5402" priority="7616">
      <formula>AND(N$702="",N$703="")</formula>
    </cfRule>
  </conditionalFormatting>
  <conditionalFormatting sqref="O702:O703">
    <cfRule type="expression" dxfId="5401" priority="7613">
      <formula>OR(O$702&lt;&gt;"",O$703&lt;&gt;"")</formula>
    </cfRule>
    <cfRule type="expression" dxfId="5400" priority="7614">
      <formula>AND(O$702="",O$703="")</formula>
    </cfRule>
  </conditionalFormatting>
  <conditionalFormatting sqref="O704:O706">
    <cfRule type="expression" dxfId="5399" priority="7611">
      <formula>OR(O$702&lt;&gt;"",O$703&lt;&gt;"")</formula>
    </cfRule>
    <cfRule type="expression" dxfId="5398" priority="7612">
      <formula>AND(O$702="",O$703="")</formula>
    </cfRule>
  </conditionalFormatting>
  <conditionalFormatting sqref="P702:P703">
    <cfRule type="expression" dxfId="5397" priority="7609">
      <formula>OR(P$702&lt;&gt;"",P$703&lt;&gt;"")</formula>
    </cfRule>
    <cfRule type="expression" dxfId="5396" priority="7610">
      <formula>AND(P$702="",P$703="")</formula>
    </cfRule>
  </conditionalFormatting>
  <conditionalFormatting sqref="P704:P706">
    <cfRule type="expression" dxfId="5395" priority="7607">
      <formula>OR(P$702&lt;&gt;"",P$703&lt;&gt;"")</formula>
    </cfRule>
    <cfRule type="expression" dxfId="5394" priority="7608">
      <formula>AND(P$702="",P$703="")</formula>
    </cfRule>
  </conditionalFormatting>
  <conditionalFormatting sqref="Q702:Q703">
    <cfRule type="expression" dxfId="5393" priority="7605">
      <formula>OR(Q$702&lt;&gt;"",Q$703&lt;&gt;"")</formula>
    </cfRule>
    <cfRule type="expression" dxfId="5392" priority="7606">
      <formula>AND(Q$702="",Q$703="")</formula>
    </cfRule>
  </conditionalFormatting>
  <conditionalFormatting sqref="Q704:Q706">
    <cfRule type="expression" dxfId="5391" priority="7603">
      <formula>OR(Q$702&lt;&gt;"",Q$703&lt;&gt;"")</formula>
    </cfRule>
    <cfRule type="expression" dxfId="5390" priority="7604">
      <formula>AND(Q$702="",Q$703="")</formula>
    </cfRule>
  </conditionalFormatting>
  <conditionalFormatting sqref="R702:R703">
    <cfRule type="expression" dxfId="5389" priority="7601">
      <formula>OR(R$702&lt;&gt;"",R$703&lt;&gt;"")</formula>
    </cfRule>
    <cfRule type="expression" dxfId="5388" priority="7602">
      <formula>AND(R$702="",R$703="")</formula>
    </cfRule>
  </conditionalFormatting>
  <conditionalFormatting sqref="R704:R706">
    <cfRule type="expression" dxfId="5387" priority="7599">
      <formula>OR(R$702&lt;&gt;"",R$703&lt;&gt;"")</formula>
    </cfRule>
    <cfRule type="expression" dxfId="5386" priority="7600">
      <formula>AND(R$702="",R$703="")</formula>
    </cfRule>
  </conditionalFormatting>
  <conditionalFormatting sqref="S702:S703">
    <cfRule type="expression" dxfId="5385" priority="7597">
      <formula>OR(S$702&lt;&gt;"",S$703&lt;&gt;"")</formula>
    </cfRule>
    <cfRule type="expression" dxfId="5384" priority="7598">
      <formula>AND(S$702="",S$703="")</formula>
    </cfRule>
  </conditionalFormatting>
  <conditionalFormatting sqref="S704:S706">
    <cfRule type="expression" dxfId="5383" priority="7595">
      <formula>OR(S$702&lt;&gt;"",S$703&lt;&gt;"")</formula>
    </cfRule>
    <cfRule type="expression" dxfId="5382" priority="7596">
      <formula>AND(S$702="",S$703="")</formula>
    </cfRule>
  </conditionalFormatting>
  <conditionalFormatting sqref="T702:T703">
    <cfRule type="expression" dxfId="5381" priority="7593">
      <formula>OR(T$702&lt;&gt;"",T$703&lt;&gt;"")</formula>
    </cfRule>
    <cfRule type="expression" dxfId="5380" priority="7594">
      <formula>AND(T$702="",T$703="")</formula>
    </cfRule>
  </conditionalFormatting>
  <conditionalFormatting sqref="T704:T706">
    <cfRule type="expression" dxfId="5379" priority="7591">
      <formula>OR(T$702&lt;&gt;"",T$703&lt;&gt;"")</formula>
    </cfRule>
    <cfRule type="expression" dxfId="5378" priority="7592">
      <formula>AND(T$702="",T$703="")</formula>
    </cfRule>
  </conditionalFormatting>
  <conditionalFormatting sqref="U702:U703">
    <cfRule type="expression" dxfId="5377" priority="7589">
      <formula>OR(U$702&lt;&gt;"",U$703&lt;&gt;"")</formula>
    </cfRule>
    <cfRule type="expression" dxfId="5376" priority="7590">
      <formula>AND(U$702="",U$703="")</formula>
    </cfRule>
  </conditionalFormatting>
  <conditionalFormatting sqref="U704:U706">
    <cfRule type="expression" dxfId="5375" priority="7587">
      <formula>OR(U$702&lt;&gt;"",U$703&lt;&gt;"")</formula>
    </cfRule>
    <cfRule type="expression" dxfId="5374" priority="7588">
      <formula>AND(U$702="",U$703="")</formula>
    </cfRule>
  </conditionalFormatting>
  <conditionalFormatting sqref="V702:V703">
    <cfRule type="expression" dxfId="5373" priority="7585">
      <formula>OR(V$702&lt;&gt;"",V$703&lt;&gt;"")</formula>
    </cfRule>
    <cfRule type="expression" dxfId="5372" priority="7586">
      <formula>AND(V$702="",V$703="")</formula>
    </cfRule>
  </conditionalFormatting>
  <conditionalFormatting sqref="V704:V706">
    <cfRule type="expression" dxfId="5371" priority="7583">
      <formula>OR(V$702&lt;&gt;"",V$703&lt;&gt;"")</formula>
    </cfRule>
    <cfRule type="expression" dxfId="5370" priority="7584">
      <formula>AND(V$702="",V$703="")</formula>
    </cfRule>
  </conditionalFormatting>
  <conditionalFormatting sqref="W702:W703">
    <cfRule type="expression" dxfId="5369" priority="7581">
      <formula>OR(W$702&lt;&gt;"",W$703&lt;&gt;"")</formula>
    </cfRule>
    <cfRule type="expression" dxfId="5368" priority="7582">
      <formula>AND(W$702="",W$703="")</formula>
    </cfRule>
  </conditionalFormatting>
  <conditionalFormatting sqref="W704:W706">
    <cfRule type="expression" dxfId="5367" priority="7579">
      <formula>OR(W$702&lt;&gt;"",W$703&lt;&gt;"")</formula>
    </cfRule>
    <cfRule type="expression" dxfId="5366" priority="7580">
      <formula>AND(W$702="",W$703="")</formula>
    </cfRule>
  </conditionalFormatting>
  <conditionalFormatting sqref="X702:X703">
    <cfRule type="expression" dxfId="5365" priority="7577">
      <formula>OR(X$702&lt;&gt;"",X$703&lt;&gt;"")</formula>
    </cfRule>
    <cfRule type="expression" dxfId="5364" priority="7578">
      <formula>AND(X$702="",X$703="")</formula>
    </cfRule>
  </conditionalFormatting>
  <conditionalFormatting sqref="X704:X706">
    <cfRule type="expression" dxfId="5363" priority="7575">
      <formula>OR(X$702&lt;&gt;"",X$703&lt;&gt;"")</formula>
    </cfRule>
    <cfRule type="expression" dxfId="5362" priority="7576">
      <formula>AND(X$702="",X$703="")</formula>
    </cfRule>
  </conditionalFormatting>
  <conditionalFormatting sqref="Y702:Y703">
    <cfRule type="expression" dxfId="5361" priority="7573">
      <formula>OR(Y$702&lt;&gt;"",Y$703&lt;&gt;"")</formula>
    </cfRule>
    <cfRule type="expression" dxfId="5360" priority="7574">
      <formula>AND(Y$702="",Y$703="")</formula>
    </cfRule>
  </conditionalFormatting>
  <conditionalFormatting sqref="Y704:Y706">
    <cfRule type="expression" dxfId="5359" priority="7571">
      <formula>OR(Y$702&lt;&gt;"",Y$703&lt;&gt;"")</formula>
    </cfRule>
    <cfRule type="expression" dxfId="5358" priority="7572">
      <formula>AND(Y$702="",Y$703="")</formula>
    </cfRule>
  </conditionalFormatting>
  <conditionalFormatting sqref="Z702:Z703">
    <cfRule type="expression" dxfId="5357" priority="7569">
      <formula>OR(Z$702&lt;&gt;"",Z$703&lt;&gt;"")</formula>
    </cfRule>
    <cfRule type="expression" dxfId="5356" priority="7570">
      <formula>AND(Z$702="",Z$703="")</formula>
    </cfRule>
  </conditionalFormatting>
  <conditionalFormatting sqref="Z704:Z706">
    <cfRule type="expression" dxfId="5355" priority="7567">
      <formula>OR(Z$702&lt;&gt;"",Z$703&lt;&gt;"")</formula>
    </cfRule>
    <cfRule type="expression" dxfId="5354" priority="7568">
      <formula>AND(Z$702="",Z$703="")</formula>
    </cfRule>
  </conditionalFormatting>
  <conditionalFormatting sqref="AA702:AA703">
    <cfRule type="expression" dxfId="5353" priority="7565">
      <formula>OR(AA$702&lt;&gt;"",AA$703&lt;&gt;"")</formula>
    </cfRule>
    <cfRule type="expression" dxfId="5352" priority="7566">
      <formula>AND(AA$702="",AA$703="")</formula>
    </cfRule>
  </conditionalFormatting>
  <conditionalFormatting sqref="AA704:AA706">
    <cfRule type="expression" dxfId="5351" priority="7563">
      <formula>OR(AA$702&lt;&gt;"",AA$703&lt;&gt;"")</formula>
    </cfRule>
    <cfRule type="expression" dxfId="5350" priority="7564">
      <formula>AND(AA$702="",AA$703="")</formula>
    </cfRule>
  </conditionalFormatting>
  <conditionalFormatting sqref="AB702:AB703">
    <cfRule type="expression" dxfId="5349" priority="7561">
      <formula>OR(AB$702&lt;&gt;"",AB$703&lt;&gt;"")</formula>
    </cfRule>
    <cfRule type="expression" dxfId="5348" priority="7562">
      <formula>AND(AB$702="",AB$703="")</formula>
    </cfRule>
  </conditionalFormatting>
  <conditionalFormatting sqref="AB704:AB706">
    <cfRule type="expression" dxfId="5347" priority="7559">
      <formula>OR(AB$702&lt;&gt;"",AB$703&lt;&gt;"")</formula>
    </cfRule>
    <cfRule type="expression" dxfId="5346" priority="7560">
      <formula>AND(AB$702="",AB$703="")</formula>
    </cfRule>
  </conditionalFormatting>
  <conditionalFormatting sqref="AC702:AC703">
    <cfRule type="expression" dxfId="5345" priority="7557">
      <formula>OR(AC$702&lt;&gt;"",AC$703&lt;&gt;"")</formula>
    </cfRule>
    <cfRule type="expression" dxfId="5344" priority="7558">
      <formula>AND(AC$702="",AC$703="")</formula>
    </cfRule>
  </conditionalFormatting>
  <conditionalFormatting sqref="AC704:AC706">
    <cfRule type="expression" dxfId="5343" priority="7555">
      <formula>OR(AC$702&lt;&gt;"",AC$703&lt;&gt;"")</formula>
    </cfRule>
    <cfRule type="expression" dxfId="5342" priority="7556">
      <formula>AND(AC$702="",AC$703="")</formula>
    </cfRule>
  </conditionalFormatting>
  <conditionalFormatting sqref="AD702:AD703">
    <cfRule type="expression" dxfId="5341" priority="7553">
      <formula>OR(AD$702&lt;&gt;"",AD$703&lt;&gt;"")</formula>
    </cfRule>
    <cfRule type="expression" dxfId="5340" priority="7554">
      <formula>AND(AD$702="",AD$703="")</formula>
    </cfRule>
  </conditionalFormatting>
  <conditionalFormatting sqref="AD704:AD706">
    <cfRule type="expression" dxfId="5339" priority="7551">
      <formula>OR(AD$702&lt;&gt;"",AD$703&lt;&gt;"")</formula>
    </cfRule>
    <cfRule type="expression" dxfId="5338" priority="7552">
      <formula>AND(AD$702="",AD$703="")</formula>
    </cfRule>
  </conditionalFormatting>
  <conditionalFormatting sqref="AE702:AE703">
    <cfRule type="expression" dxfId="5337" priority="7549">
      <formula>OR(AE$702&lt;&gt;"",AE$703&lt;&gt;"")</formula>
    </cfRule>
    <cfRule type="expression" dxfId="5336" priority="7550">
      <formula>AND(AE$702="",AE$703="")</formula>
    </cfRule>
  </conditionalFormatting>
  <conditionalFormatting sqref="AE704:AE706">
    <cfRule type="expression" dxfId="5335" priority="7547">
      <formula>OR(AE$702&lt;&gt;"",AE$703&lt;&gt;"")</formula>
    </cfRule>
    <cfRule type="expression" dxfId="5334" priority="7548">
      <formula>AND(AE$702="",AE$703="")</formula>
    </cfRule>
  </conditionalFormatting>
  <conditionalFormatting sqref="AF702:AF703">
    <cfRule type="expression" dxfId="5333" priority="7545">
      <formula>OR(AF$702&lt;&gt;"",AF$703&lt;&gt;"")</formula>
    </cfRule>
    <cfRule type="expression" dxfId="5332" priority="7546">
      <formula>AND(AF$702="",AF$703="")</formula>
    </cfRule>
  </conditionalFormatting>
  <conditionalFormatting sqref="AF704:AF706">
    <cfRule type="expression" dxfId="5331" priority="7543">
      <formula>OR(AF$702&lt;&gt;"",AF$703&lt;&gt;"")</formula>
    </cfRule>
    <cfRule type="expression" dxfId="5330" priority="7544">
      <formula>AND(AF$702="",AF$703="")</formula>
    </cfRule>
  </conditionalFormatting>
  <conditionalFormatting sqref="AG702:AG703">
    <cfRule type="expression" dxfId="5329" priority="7541">
      <formula>OR(AG$702&lt;&gt;"",AG$703&lt;&gt;"")</formula>
    </cfRule>
    <cfRule type="expression" dxfId="5328" priority="7542">
      <formula>AND(AG$702="",AG$703="")</formula>
    </cfRule>
  </conditionalFormatting>
  <conditionalFormatting sqref="AG704:AG706">
    <cfRule type="expression" dxfId="5327" priority="7539">
      <formula>OR(AG$702&lt;&gt;"",AG$703&lt;&gt;"")</formula>
    </cfRule>
    <cfRule type="expression" dxfId="5326" priority="7540">
      <formula>AND(AG$702="",AG$703="")</formula>
    </cfRule>
  </conditionalFormatting>
  <conditionalFormatting sqref="AH702:AH703">
    <cfRule type="expression" dxfId="5325" priority="7537">
      <formula>OR(AH$702&lt;&gt;"",AH$703&lt;&gt;"")</formula>
    </cfRule>
    <cfRule type="expression" dxfId="5324" priority="7538">
      <formula>AND(AH$702="",AH$703="")</formula>
    </cfRule>
  </conditionalFormatting>
  <conditionalFormatting sqref="AH704:AH706">
    <cfRule type="expression" dxfId="5323" priority="7535">
      <formula>OR(AH$702&lt;&gt;"",AH$703&lt;&gt;"")</formula>
    </cfRule>
    <cfRule type="expression" dxfId="5322" priority="7536">
      <formula>AND(AH$702="",AH$703="")</formula>
    </cfRule>
  </conditionalFormatting>
  <conditionalFormatting sqref="AI702:AI703">
    <cfRule type="expression" dxfId="5321" priority="7533">
      <formula>OR(AI$702&lt;&gt;"",AI$703&lt;&gt;"")</formula>
    </cfRule>
    <cfRule type="expression" dxfId="5320" priority="7534">
      <formula>AND(AI$702="",AI$703="")</formula>
    </cfRule>
  </conditionalFormatting>
  <conditionalFormatting sqref="AI704:AI706">
    <cfRule type="expression" dxfId="5319" priority="7531">
      <formula>OR(AI$702&lt;&gt;"",AI$703&lt;&gt;"")</formula>
    </cfRule>
    <cfRule type="expression" dxfId="5318" priority="7532">
      <formula>AND(AI$702="",AI$703="")</formula>
    </cfRule>
  </conditionalFormatting>
  <conditionalFormatting sqref="AJ702:AJ703">
    <cfRule type="expression" dxfId="5317" priority="7529">
      <formula>OR(AJ$702&lt;&gt;"",AJ$703&lt;&gt;"")</formula>
    </cfRule>
    <cfRule type="expression" dxfId="5316" priority="7530">
      <formula>AND(AJ$702="",AJ$703="")</formula>
    </cfRule>
  </conditionalFormatting>
  <conditionalFormatting sqref="AJ704:AJ706">
    <cfRule type="expression" dxfId="5315" priority="7527">
      <formula>OR(AJ$702&lt;&gt;"",AJ$703&lt;&gt;"")</formula>
    </cfRule>
    <cfRule type="expression" dxfId="5314" priority="7528">
      <formula>AND(AJ$702="",AJ$703="")</formula>
    </cfRule>
  </conditionalFormatting>
  <conditionalFormatting sqref="AK702:AK703">
    <cfRule type="expression" dxfId="5313" priority="7525">
      <formula>OR(AK$702&lt;&gt;"",AK$703&lt;&gt;"")</formula>
    </cfRule>
    <cfRule type="expression" dxfId="5312" priority="7526">
      <formula>AND(AK$702="",AK$703="")</formula>
    </cfRule>
  </conditionalFormatting>
  <conditionalFormatting sqref="AK704:AK706">
    <cfRule type="expression" dxfId="5311" priority="7523">
      <formula>OR(AK$702&lt;&gt;"",AK$703&lt;&gt;"")</formula>
    </cfRule>
    <cfRule type="expression" dxfId="5310" priority="7524">
      <formula>AND(AK$702="",AK$703="")</formula>
    </cfRule>
  </conditionalFormatting>
  <conditionalFormatting sqref="AL702:AL703">
    <cfRule type="expression" dxfId="5309" priority="7521">
      <formula>OR(AL$702&lt;&gt;"",AL$703&lt;&gt;"")</formula>
    </cfRule>
    <cfRule type="expression" dxfId="5308" priority="7522">
      <formula>AND(AL$702="",AL$703="")</formula>
    </cfRule>
  </conditionalFormatting>
  <conditionalFormatting sqref="AL704:AL706">
    <cfRule type="expression" dxfId="5307" priority="7519">
      <formula>OR(AL$702&lt;&gt;"",AL$703&lt;&gt;"")</formula>
    </cfRule>
    <cfRule type="expression" dxfId="5306" priority="7520">
      <formula>AND(AL$702="",AL$703="")</formula>
    </cfRule>
  </conditionalFormatting>
  <conditionalFormatting sqref="AM702:AM703">
    <cfRule type="expression" dxfId="5305" priority="7517">
      <formula>OR(AM$702&lt;&gt;"",AM$703&lt;&gt;"")</formula>
    </cfRule>
    <cfRule type="expression" dxfId="5304" priority="7518">
      <formula>AND(AM$702="",AM$703="")</formula>
    </cfRule>
  </conditionalFormatting>
  <conditionalFormatting sqref="AM704:AM706">
    <cfRule type="expression" dxfId="5303" priority="7515">
      <formula>OR(AM$702&lt;&gt;"",AM$703&lt;&gt;"")</formula>
    </cfRule>
    <cfRule type="expression" dxfId="5302" priority="7516">
      <formula>AND(AM$702="",AM$703="")</formula>
    </cfRule>
  </conditionalFormatting>
  <conditionalFormatting sqref="AN702:AN703">
    <cfRule type="expression" dxfId="5301" priority="7513">
      <formula>OR(AN$702&lt;&gt;"",AN$703&lt;&gt;"")</formula>
    </cfRule>
    <cfRule type="expression" dxfId="5300" priority="7514">
      <formula>AND(AN$702="",AN$703="")</formula>
    </cfRule>
  </conditionalFormatting>
  <conditionalFormatting sqref="AN704:AN706">
    <cfRule type="expression" dxfId="5299" priority="7511">
      <formula>OR(AN$702&lt;&gt;"",AN$703&lt;&gt;"")</formula>
    </cfRule>
    <cfRule type="expression" dxfId="5298" priority="7512">
      <formula>AND(AN$702="",AN$703="")</formula>
    </cfRule>
  </conditionalFormatting>
  <conditionalFormatting sqref="AO702:AO703">
    <cfRule type="expression" dxfId="5297" priority="7509">
      <formula>OR(AO$702&lt;&gt;"",AO$703&lt;&gt;"")</formula>
    </cfRule>
    <cfRule type="expression" dxfId="5296" priority="7510">
      <formula>AND(AO$702="",AO$703="")</formula>
    </cfRule>
  </conditionalFormatting>
  <conditionalFormatting sqref="AO704:AO706">
    <cfRule type="expression" dxfId="5295" priority="7507">
      <formula>OR(AO$702&lt;&gt;"",AO$703&lt;&gt;"")</formula>
    </cfRule>
    <cfRule type="expression" dxfId="5294" priority="7508">
      <formula>AND(AO$702="",AO$703="")</formula>
    </cfRule>
  </conditionalFormatting>
  <conditionalFormatting sqref="AP702:AP703">
    <cfRule type="expression" dxfId="5293" priority="7505">
      <formula>OR(AP$702&lt;&gt;"",AP$703&lt;&gt;"")</formula>
    </cfRule>
    <cfRule type="expression" dxfId="5292" priority="7506">
      <formula>AND(AP$702="",AP$703="")</formula>
    </cfRule>
  </conditionalFormatting>
  <conditionalFormatting sqref="AP704:AP706">
    <cfRule type="expression" dxfId="5291" priority="7503">
      <formula>OR(AP$702&lt;&gt;"",AP$703&lt;&gt;"")</formula>
    </cfRule>
    <cfRule type="expression" dxfId="5290" priority="7504">
      <formula>AND(AP$702="",AP$703="")</formula>
    </cfRule>
  </conditionalFormatting>
  <conditionalFormatting sqref="AQ702:AQ703">
    <cfRule type="expression" dxfId="5289" priority="7501">
      <formula>OR(AQ$702&lt;&gt;"",AQ$703&lt;&gt;"")</formula>
    </cfRule>
    <cfRule type="expression" dxfId="5288" priority="7502">
      <formula>AND(AQ$702="",AQ$703="")</formula>
    </cfRule>
  </conditionalFormatting>
  <conditionalFormatting sqref="AQ704:AQ706">
    <cfRule type="expression" dxfId="5287" priority="7499">
      <formula>OR(AQ$702&lt;&gt;"",AQ$703&lt;&gt;"")</formula>
    </cfRule>
    <cfRule type="expression" dxfId="5286" priority="7500">
      <formula>AND(AQ$702="",AQ$703="")</formula>
    </cfRule>
  </conditionalFormatting>
  <conditionalFormatting sqref="AR702:AR703">
    <cfRule type="expression" dxfId="5285" priority="7497">
      <formula>OR(AR$702&lt;&gt;"",AR$703&lt;&gt;"")</formula>
    </cfRule>
    <cfRule type="expression" dxfId="5284" priority="7498">
      <formula>AND(AR$702="",AR$703="")</formula>
    </cfRule>
  </conditionalFormatting>
  <conditionalFormatting sqref="AR704:AR706">
    <cfRule type="expression" dxfId="5283" priority="7495">
      <formula>OR(AR$702&lt;&gt;"",AR$703&lt;&gt;"")</formula>
    </cfRule>
    <cfRule type="expression" dxfId="5282" priority="7496">
      <formula>AND(AR$702="",AR$703="")</formula>
    </cfRule>
  </conditionalFormatting>
  <conditionalFormatting sqref="AS702:AS703">
    <cfRule type="expression" dxfId="5281" priority="7493">
      <formula>OR(AS$702&lt;&gt;"",AS$703&lt;&gt;"")</formula>
    </cfRule>
    <cfRule type="expression" dxfId="5280" priority="7494">
      <formula>AND(AS$702="",AS$703="")</formula>
    </cfRule>
  </conditionalFormatting>
  <conditionalFormatting sqref="AS704:AS706">
    <cfRule type="expression" dxfId="5279" priority="7491">
      <formula>OR(AS$702&lt;&gt;"",AS$703&lt;&gt;"")</formula>
    </cfRule>
    <cfRule type="expression" dxfId="5278" priority="7492">
      <formula>AND(AS$702="",AS$703="")</formula>
    </cfRule>
  </conditionalFormatting>
  <conditionalFormatting sqref="AT702:AT703">
    <cfRule type="expression" dxfId="5277" priority="7489">
      <formula>OR(AT$702&lt;&gt;"",AT$703&lt;&gt;"")</formula>
    </cfRule>
    <cfRule type="expression" dxfId="5276" priority="7490">
      <formula>AND(AT$702="",AT$703="")</formula>
    </cfRule>
  </conditionalFormatting>
  <conditionalFormatting sqref="AT704:AT706">
    <cfRule type="expression" dxfId="5275" priority="7487">
      <formula>OR(AT$702&lt;&gt;"",AT$703&lt;&gt;"")</formula>
    </cfRule>
    <cfRule type="expression" dxfId="5274" priority="7488">
      <formula>AND(AT$702="",AT$703="")</formula>
    </cfRule>
  </conditionalFormatting>
  <conditionalFormatting sqref="AU702:AU703">
    <cfRule type="expression" dxfId="5273" priority="7485">
      <formula>OR(AU$702&lt;&gt;"",AU$703&lt;&gt;"")</formula>
    </cfRule>
    <cfRule type="expression" dxfId="5272" priority="7486">
      <formula>AND(AU$702="",AU$703="")</formula>
    </cfRule>
  </conditionalFormatting>
  <conditionalFormatting sqref="AU704:AU706">
    <cfRule type="expression" dxfId="5271" priority="7483">
      <formula>OR(AU$702&lt;&gt;"",AU$703&lt;&gt;"")</formula>
    </cfRule>
    <cfRule type="expression" dxfId="5270" priority="7484">
      <formula>AND(AU$702="",AU$703="")</formula>
    </cfRule>
  </conditionalFormatting>
  <conditionalFormatting sqref="AV702:AV703">
    <cfRule type="expression" dxfId="5269" priority="7481">
      <formula>OR(AV$702&lt;&gt;"",AV$703&lt;&gt;"")</formula>
    </cfRule>
    <cfRule type="expression" dxfId="5268" priority="7482">
      <formula>AND(AV$702="",AV$703="")</formula>
    </cfRule>
  </conditionalFormatting>
  <conditionalFormatting sqref="AV704:AV706">
    <cfRule type="expression" dxfId="5267" priority="7479">
      <formula>OR(AV$702&lt;&gt;"",AV$703&lt;&gt;"")</formula>
    </cfRule>
    <cfRule type="expression" dxfId="5266" priority="7480">
      <formula>AND(AV$702="",AV$703="")</formula>
    </cfRule>
  </conditionalFormatting>
  <conditionalFormatting sqref="AW702:AW703">
    <cfRule type="expression" dxfId="5265" priority="7477">
      <formula>OR(AW$702&lt;&gt;"",AW$703&lt;&gt;"")</formula>
    </cfRule>
    <cfRule type="expression" dxfId="5264" priority="7478">
      <formula>AND(AW$702="",AW$703="")</formula>
    </cfRule>
  </conditionalFormatting>
  <conditionalFormatting sqref="AW704:AW706">
    <cfRule type="expression" dxfId="5263" priority="7475">
      <formula>OR(AW$702&lt;&gt;"",AW$703&lt;&gt;"")</formula>
    </cfRule>
    <cfRule type="expression" dxfId="5262" priority="7476">
      <formula>AND(AW$702="",AW$703="")</formula>
    </cfRule>
  </conditionalFormatting>
  <conditionalFormatting sqref="AX702:AX703">
    <cfRule type="expression" dxfId="5261" priority="7473">
      <formula>OR(AX$702&lt;&gt;"",AX$703&lt;&gt;"")</formula>
    </cfRule>
    <cfRule type="expression" dxfId="5260" priority="7474">
      <formula>AND(AX$702="",AX$703="")</formula>
    </cfRule>
  </conditionalFormatting>
  <conditionalFormatting sqref="AX704:AX706">
    <cfRule type="expression" dxfId="5259" priority="7471">
      <formula>OR(AX$702&lt;&gt;"",AX$703&lt;&gt;"")</formula>
    </cfRule>
    <cfRule type="expression" dxfId="5258" priority="7472">
      <formula>AND(AX$702="",AX$703="")</formula>
    </cfRule>
  </conditionalFormatting>
  <conditionalFormatting sqref="AY702:AY703">
    <cfRule type="expression" dxfId="5257" priority="7469">
      <formula>OR(AY$702&lt;&gt;"",AY$703&lt;&gt;"")</formula>
    </cfRule>
    <cfRule type="expression" dxfId="5256" priority="7470">
      <formula>AND(AY$702="",AY$703="")</formula>
    </cfRule>
  </conditionalFormatting>
  <conditionalFormatting sqref="AY704:AY706">
    <cfRule type="expression" dxfId="5255" priority="7467">
      <formula>OR(AY$702&lt;&gt;"",AY$703&lt;&gt;"")</formula>
    </cfRule>
    <cfRule type="expression" dxfId="5254" priority="7468">
      <formula>AND(AY$702="",AY$703="")</formula>
    </cfRule>
  </conditionalFormatting>
  <conditionalFormatting sqref="AZ702:AZ703">
    <cfRule type="expression" dxfId="5253" priority="7465">
      <formula>OR(AZ$702&lt;&gt;"",AZ$703&lt;&gt;"")</formula>
    </cfRule>
    <cfRule type="expression" dxfId="5252" priority="7466">
      <formula>AND(AZ$702="",AZ$703="")</formula>
    </cfRule>
  </conditionalFormatting>
  <conditionalFormatting sqref="AZ704:AZ706">
    <cfRule type="expression" dxfId="5251" priority="7463">
      <formula>OR(AZ$702&lt;&gt;"",AZ$703&lt;&gt;"")</formula>
    </cfRule>
    <cfRule type="expression" dxfId="5250" priority="7464">
      <formula>AND(AZ$702="",AZ$703="")</formula>
    </cfRule>
  </conditionalFormatting>
  <conditionalFormatting sqref="BA702:BA703">
    <cfRule type="expression" dxfId="5249" priority="7461">
      <formula>OR(BA$702&lt;&gt;"",BA$703&lt;&gt;"")</formula>
    </cfRule>
    <cfRule type="expression" dxfId="5248" priority="7462">
      <formula>AND(BA$702="",BA$703="")</formula>
    </cfRule>
  </conditionalFormatting>
  <conditionalFormatting sqref="BA704:BA706">
    <cfRule type="expression" dxfId="5247" priority="7459">
      <formula>OR(BA$702&lt;&gt;"",BA$703&lt;&gt;"")</formula>
    </cfRule>
    <cfRule type="expression" dxfId="5246" priority="7460">
      <formula>AND(BA$702="",BA$703="")</formula>
    </cfRule>
  </conditionalFormatting>
  <conditionalFormatting sqref="BB702:BB703">
    <cfRule type="expression" dxfId="5245" priority="7457">
      <formula>OR(BB$702&lt;&gt;"",BB$703&lt;&gt;"")</formula>
    </cfRule>
    <cfRule type="expression" dxfId="5244" priority="7458">
      <formula>AND(BB$702="",BB$703="")</formula>
    </cfRule>
  </conditionalFormatting>
  <conditionalFormatting sqref="BB704:BB706">
    <cfRule type="expression" dxfId="5243" priority="7455">
      <formula>OR(BB$702&lt;&gt;"",BB$703&lt;&gt;"")</formula>
    </cfRule>
    <cfRule type="expression" dxfId="5242" priority="7456">
      <formula>AND(BB$702="",BB$703="")</formula>
    </cfRule>
  </conditionalFormatting>
  <conditionalFormatting sqref="BC702:BC703">
    <cfRule type="expression" dxfId="5241" priority="7453">
      <formula>OR(BC$702&lt;&gt;"",BC$703&lt;&gt;"")</formula>
    </cfRule>
    <cfRule type="expression" dxfId="5240" priority="7454">
      <formula>AND(BC$702="",BC$703="")</formula>
    </cfRule>
  </conditionalFormatting>
  <conditionalFormatting sqref="BC704:BC706">
    <cfRule type="expression" dxfId="5239" priority="7451">
      <formula>OR(BC$702&lt;&gt;"",BC$703&lt;&gt;"")</formula>
    </cfRule>
    <cfRule type="expression" dxfId="5238" priority="7452">
      <formula>AND(BC$702="",BC$703="")</formula>
    </cfRule>
  </conditionalFormatting>
  <conditionalFormatting sqref="BD702:BD703">
    <cfRule type="expression" dxfId="5237" priority="7449">
      <formula>OR(BD$702&lt;&gt;"",BD$703&lt;&gt;"")</formula>
    </cfRule>
    <cfRule type="expression" dxfId="5236" priority="7450">
      <formula>AND(BD$702="",BD$703="")</formula>
    </cfRule>
  </conditionalFormatting>
  <conditionalFormatting sqref="BD704:BD706">
    <cfRule type="expression" dxfId="5235" priority="7447">
      <formula>OR(BD$702&lt;&gt;"",BD$703&lt;&gt;"")</formula>
    </cfRule>
    <cfRule type="expression" dxfId="5234" priority="7448">
      <formula>AND(BD$702="",BD$703="")</formula>
    </cfRule>
  </conditionalFormatting>
  <conditionalFormatting sqref="BE702:BE703">
    <cfRule type="expression" dxfId="5233" priority="7445">
      <formula>OR(BE$702&lt;&gt;"",BE$703&lt;&gt;"")</formula>
    </cfRule>
    <cfRule type="expression" dxfId="5232" priority="7446">
      <formula>AND(BE$702="",BE$703="")</formula>
    </cfRule>
  </conditionalFormatting>
  <conditionalFormatting sqref="BE704:BE706">
    <cfRule type="expression" dxfId="5231" priority="7443">
      <formula>OR(BE$702&lt;&gt;"",BE$703&lt;&gt;"")</formula>
    </cfRule>
    <cfRule type="expression" dxfId="5230" priority="7444">
      <formula>AND(BE$702="",BE$703="")</formula>
    </cfRule>
  </conditionalFormatting>
  <conditionalFormatting sqref="BF702:BF703">
    <cfRule type="expression" dxfId="5229" priority="7441">
      <formula>OR(BF$702&lt;&gt;"",BF$703&lt;&gt;"")</formula>
    </cfRule>
    <cfRule type="expression" dxfId="5228" priority="7442">
      <formula>AND(BF$702="",BF$703="")</formula>
    </cfRule>
  </conditionalFormatting>
  <conditionalFormatting sqref="BF704:BF706">
    <cfRule type="expression" dxfId="5227" priority="7439">
      <formula>OR(BF$702&lt;&gt;"",BF$703&lt;&gt;"")</formula>
    </cfRule>
    <cfRule type="expression" dxfId="5226" priority="7440">
      <formula>AND(BF$702="",BF$703="")</formula>
    </cfRule>
  </conditionalFormatting>
  <conditionalFormatting sqref="BG702:BG703">
    <cfRule type="expression" dxfId="5225" priority="7437">
      <formula>OR(BG$702&lt;&gt;"",BG$703&lt;&gt;"")</formula>
    </cfRule>
    <cfRule type="expression" dxfId="5224" priority="7438">
      <formula>AND(BG$702="",BG$703="")</formula>
    </cfRule>
  </conditionalFormatting>
  <conditionalFormatting sqref="BG704:BG706">
    <cfRule type="expression" dxfId="5223" priority="7435">
      <formula>OR(BG$702&lt;&gt;"",BG$703&lt;&gt;"")</formula>
    </cfRule>
    <cfRule type="expression" dxfId="5222" priority="7436">
      <formula>AND(BG$702="",BG$703="")</formula>
    </cfRule>
  </conditionalFormatting>
  <conditionalFormatting sqref="BH702:BH703">
    <cfRule type="expression" dxfId="5221" priority="7433">
      <formula>OR(BH$702&lt;&gt;"",BH$703&lt;&gt;"")</formula>
    </cfRule>
    <cfRule type="expression" dxfId="5220" priority="7434">
      <formula>AND(BH$702="",BH$703="")</formula>
    </cfRule>
  </conditionalFormatting>
  <conditionalFormatting sqref="BH704:BH706">
    <cfRule type="expression" dxfId="5219" priority="7431">
      <formula>OR(BH$702&lt;&gt;"",BH$703&lt;&gt;"")</formula>
    </cfRule>
    <cfRule type="expression" dxfId="5218" priority="7432">
      <formula>AND(BH$702="",BH$703="")</formula>
    </cfRule>
  </conditionalFormatting>
  <conditionalFormatting sqref="BI702:BI703">
    <cfRule type="expression" dxfId="5217" priority="7429">
      <formula>OR(BI$702&lt;&gt;"",BI$703&lt;&gt;"")</formula>
    </cfRule>
    <cfRule type="expression" dxfId="5216" priority="7430">
      <formula>AND(BI$702="",BI$703="")</formula>
    </cfRule>
  </conditionalFormatting>
  <conditionalFormatting sqref="BI704:BI706">
    <cfRule type="expression" dxfId="5215" priority="7427">
      <formula>OR(BI$702&lt;&gt;"",BI$703&lt;&gt;"")</formula>
    </cfRule>
    <cfRule type="expression" dxfId="5214" priority="7428">
      <formula>AND(BI$702="",BI$703="")</formula>
    </cfRule>
  </conditionalFormatting>
  <conditionalFormatting sqref="BJ702:BJ703">
    <cfRule type="expression" dxfId="5213" priority="7425">
      <formula>OR(BJ$702&lt;&gt;"",BJ$703&lt;&gt;"")</formula>
    </cfRule>
    <cfRule type="expression" dxfId="5212" priority="7426">
      <formula>AND(BJ$702="",BJ$703="")</formula>
    </cfRule>
  </conditionalFormatting>
  <conditionalFormatting sqref="BJ704:BJ706">
    <cfRule type="expression" dxfId="5211" priority="7423">
      <formula>OR(BJ$702&lt;&gt;"",BJ$703&lt;&gt;"")</formula>
    </cfRule>
    <cfRule type="expression" dxfId="5210" priority="7424">
      <formula>AND(BJ$702="",BJ$703="")</formula>
    </cfRule>
  </conditionalFormatting>
  <conditionalFormatting sqref="BK702:BK703">
    <cfRule type="expression" dxfId="5209" priority="7421">
      <formula>OR(BK$702&lt;&gt;"",BK$703&lt;&gt;"")</formula>
    </cfRule>
    <cfRule type="expression" dxfId="5208" priority="7422">
      <formula>AND(BK$702="",BK$703="")</formula>
    </cfRule>
  </conditionalFormatting>
  <conditionalFormatting sqref="BK704:BK706">
    <cfRule type="expression" dxfId="5207" priority="7419">
      <formula>OR(BK$702&lt;&gt;"",BK$703&lt;&gt;"")</formula>
    </cfRule>
    <cfRule type="expression" dxfId="5206" priority="7420">
      <formula>AND(BK$702="",BK$703="")</formula>
    </cfRule>
  </conditionalFormatting>
  <conditionalFormatting sqref="BL702:BL703">
    <cfRule type="expression" dxfId="5205" priority="7417">
      <formula>OR(BL$702&lt;&gt;"",BL$703&lt;&gt;"")</formula>
    </cfRule>
    <cfRule type="expression" dxfId="5204" priority="7418">
      <formula>AND(BL$702="",BL$703="")</formula>
    </cfRule>
  </conditionalFormatting>
  <conditionalFormatting sqref="BL704:BL706">
    <cfRule type="expression" dxfId="5203" priority="7415">
      <formula>OR(BL$702&lt;&gt;"",BL$703&lt;&gt;"")</formula>
    </cfRule>
    <cfRule type="expression" dxfId="5202" priority="7416">
      <formula>AND(BL$702="",BL$703="")</formula>
    </cfRule>
  </conditionalFormatting>
  <conditionalFormatting sqref="BM702:BM703">
    <cfRule type="expression" dxfId="5201" priority="7413">
      <formula>OR(BM$702&lt;&gt;"",BM$703&lt;&gt;"")</formula>
    </cfRule>
    <cfRule type="expression" dxfId="5200" priority="7414">
      <formula>AND(BM$702="",BM$703="")</formula>
    </cfRule>
  </conditionalFormatting>
  <conditionalFormatting sqref="BM704:BM706">
    <cfRule type="expression" dxfId="5199" priority="7411">
      <formula>OR(BM$702&lt;&gt;"",BM$703&lt;&gt;"")</formula>
    </cfRule>
    <cfRule type="expression" dxfId="5198" priority="7412">
      <formula>AND(BM$702="",BM$703="")</formula>
    </cfRule>
  </conditionalFormatting>
  <conditionalFormatting sqref="BN702:BN703">
    <cfRule type="expression" dxfId="5197" priority="7409">
      <formula>OR(BN$702&lt;&gt;"",BN$703&lt;&gt;"")</formula>
    </cfRule>
    <cfRule type="expression" dxfId="5196" priority="7410">
      <formula>AND(BN$702="",BN$703="")</formula>
    </cfRule>
  </conditionalFormatting>
  <conditionalFormatting sqref="BN704:BN706">
    <cfRule type="expression" dxfId="5195" priority="7407">
      <formula>OR(BN$702&lt;&gt;"",BN$703&lt;&gt;"")</formula>
    </cfRule>
    <cfRule type="expression" dxfId="5194" priority="7408">
      <formula>AND(BN$702="",BN$703="")</formula>
    </cfRule>
  </conditionalFormatting>
  <conditionalFormatting sqref="BO702:BO703">
    <cfRule type="expression" dxfId="5193" priority="7405">
      <formula>OR(BO$702&lt;&gt;"",BO$703&lt;&gt;"")</formula>
    </cfRule>
    <cfRule type="expression" dxfId="5192" priority="7406">
      <formula>AND(BO$702="",BO$703="")</formula>
    </cfRule>
  </conditionalFormatting>
  <conditionalFormatting sqref="BO704:BO706">
    <cfRule type="expression" dxfId="5191" priority="7403">
      <formula>OR(BO$702&lt;&gt;"",BO$703&lt;&gt;"")</formula>
    </cfRule>
    <cfRule type="expression" dxfId="5190" priority="7404">
      <formula>AND(BO$702="",BO$703="")</formula>
    </cfRule>
  </conditionalFormatting>
  <conditionalFormatting sqref="BP702:BP703">
    <cfRule type="expression" dxfId="5189" priority="7401">
      <formula>OR(BP$702&lt;&gt;"",BP$703&lt;&gt;"")</formula>
    </cfRule>
    <cfRule type="expression" dxfId="5188" priority="7402">
      <formula>AND(BP$702="",BP$703="")</formula>
    </cfRule>
  </conditionalFormatting>
  <conditionalFormatting sqref="BP704:BP706">
    <cfRule type="expression" dxfId="5187" priority="7399">
      <formula>OR(BP$702&lt;&gt;"",BP$703&lt;&gt;"")</formula>
    </cfRule>
    <cfRule type="expression" dxfId="5186" priority="7400">
      <formula>AND(BP$702="",BP$703="")</formula>
    </cfRule>
  </conditionalFormatting>
  <conditionalFormatting sqref="BQ702:BQ703">
    <cfRule type="expression" dxfId="5185" priority="7397">
      <formula>OR(BQ$702&lt;&gt;"",BQ$703&lt;&gt;"")</formula>
    </cfRule>
    <cfRule type="expression" dxfId="5184" priority="7398">
      <formula>AND(BQ$702="",BQ$703="")</formula>
    </cfRule>
  </conditionalFormatting>
  <conditionalFormatting sqref="BQ704:BQ706">
    <cfRule type="expression" dxfId="5183" priority="7395">
      <formula>OR(BQ$702&lt;&gt;"",BQ$703&lt;&gt;"")</formula>
    </cfRule>
    <cfRule type="expression" dxfId="5182" priority="7396">
      <formula>AND(BQ$702="",BQ$703="")</formula>
    </cfRule>
  </conditionalFormatting>
  <conditionalFormatting sqref="BR702:BR703">
    <cfRule type="expression" dxfId="5181" priority="7393">
      <formula>OR(BR$702&lt;&gt;"",BR$703&lt;&gt;"")</formula>
    </cfRule>
    <cfRule type="expression" dxfId="5180" priority="7394">
      <formula>AND(BR$702="",BR$703="")</formula>
    </cfRule>
  </conditionalFormatting>
  <conditionalFormatting sqref="BR704:BR706">
    <cfRule type="expression" dxfId="5179" priority="7391">
      <formula>OR(BR$702&lt;&gt;"",BR$703&lt;&gt;"")</formula>
    </cfRule>
    <cfRule type="expression" dxfId="5178" priority="7392">
      <formula>AND(BR$702="",BR$703="")</formula>
    </cfRule>
  </conditionalFormatting>
  <conditionalFormatting sqref="BS702:BS703">
    <cfRule type="expression" dxfId="5177" priority="7389">
      <formula>OR(BS$702&lt;&gt;"",BS$703&lt;&gt;"")</formula>
    </cfRule>
    <cfRule type="expression" dxfId="5176" priority="7390">
      <formula>AND(BS$702="",BS$703="")</formula>
    </cfRule>
  </conditionalFormatting>
  <conditionalFormatting sqref="BS704:BS706">
    <cfRule type="expression" dxfId="5175" priority="7387">
      <formula>OR(BS$702&lt;&gt;"",BS$703&lt;&gt;"")</formula>
    </cfRule>
    <cfRule type="expression" dxfId="5174" priority="7388">
      <formula>AND(BS$702="",BS$703="")</formula>
    </cfRule>
  </conditionalFormatting>
  <conditionalFormatting sqref="M712:M713">
    <cfRule type="expression" dxfId="5173" priority="7385">
      <formula>OR(M$712&lt;&gt;"",M$713&lt;&gt;"")</formula>
    </cfRule>
    <cfRule type="expression" dxfId="5172" priority="7386">
      <formula>AND(M$712="",M$713="")</formula>
    </cfRule>
  </conditionalFormatting>
  <conditionalFormatting sqref="N712:N713">
    <cfRule type="expression" dxfId="5171" priority="7383">
      <formula>OR(N$712&lt;&gt;"",N$713&lt;&gt;"")</formula>
    </cfRule>
    <cfRule type="expression" dxfId="5170" priority="7384">
      <formula>AND(N$712="",N$713="")</formula>
    </cfRule>
  </conditionalFormatting>
  <conditionalFormatting sqref="M714:M717">
    <cfRule type="expression" dxfId="5169" priority="7381">
      <formula>OR($M$712&lt;&gt;"",$M$713&lt;&gt;"")</formula>
    </cfRule>
    <cfRule type="expression" dxfId="5168" priority="7382">
      <formula>AND($M$712="",$M$713="")</formula>
    </cfRule>
  </conditionalFormatting>
  <conditionalFormatting sqref="N714:N717">
    <cfRule type="expression" dxfId="5167" priority="7379">
      <formula>OR(N$712&lt;&gt;"",N$713&lt;&gt;"")</formula>
    </cfRule>
    <cfRule type="expression" dxfId="5166" priority="7380">
      <formula>AND(N$712="",N$713="")</formula>
    </cfRule>
  </conditionalFormatting>
  <conditionalFormatting sqref="O712:O713">
    <cfRule type="expression" dxfId="5165" priority="7377">
      <formula>OR(O$712&lt;&gt;"",O$713&lt;&gt;"")</formula>
    </cfRule>
    <cfRule type="expression" dxfId="5164" priority="7378">
      <formula>AND(O$712="",O$713="")</formula>
    </cfRule>
  </conditionalFormatting>
  <conditionalFormatting sqref="O714:O717">
    <cfRule type="expression" dxfId="5163" priority="7375">
      <formula>OR(O$712&lt;&gt;"",O$713&lt;&gt;"")</formula>
    </cfRule>
    <cfRule type="expression" dxfId="5162" priority="7376">
      <formula>AND(O$712="",O$713="")</formula>
    </cfRule>
  </conditionalFormatting>
  <conditionalFormatting sqref="P712:P713">
    <cfRule type="expression" dxfId="5161" priority="7373">
      <formula>OR(P$712&lt;&gt;"",P$713&lt;&gt;"")</formula>
    </cfRule>
    <cfRule type="expression" dxfId="5160" priority="7374">
      <formula>AND(P$712="",P$713="")</formula>
    </cfRule>
  </conditionalFormatting>
  <conditionalFormatting sqref="P714:P717">
    <cfRule type="expression" dxfId="5159" priority="7371">
      <formula>OR(P$712&lt;&gt;"",P$713&lt;&gt;"")</formula>
    </cfRule>
    <cfRule type="expression" dxfId="5158" priority="7372">
      <formula>AND(P$712="",P$713="")</formula>
    </cfRule>
  </conditionalFormatting>
  <conditionalFormatting sqref="Q712:Q713">
    <cfRule type="expression" dxfId="5157" priority="7369">
      <formula>OR(Q$712&lt;&gt;"",Q$713&lt;&gt;"")</formula>
    </cfRule>
    <cfRule type="expression" dxfId="5156" priority="7370">
      <formula>AND(Q$712="",Q$713="")</formula>
    </cfRule>
  </conditionalFormatting>
  <conditionalFormatting sqref="Q714:Q717">
    <cfRule type="expression" dxfId="5155" priority="7367">
      <formula>OR(Q$712&lt;&gt;"",Q$713&lt;&gt;"")</formula>
    </cfRule>
    <cfRule type="expression" dxfId="5154" priority="7368">
      <formula>AND(Q$712="",Q$713="")</formula>
    </cfRule>
  </conditionalFormatting>
  <conditionalFormatting sqref="R712:R713">
    <cfRule type="expression" dxfId="5153" priority="7365">
      <formula>OR(R$712&lt;&gt;"",R$713&lt;&gt;"")</formula>
    </cfRule>
    <cfRule type="expression" dxfId="5152" priority="7366">
      <formula>AND(R$712="",R$713="")</formula>
    </cfRule>
  </conditionalFormatting>
  <conditionalFormatting sqref="R714:R717">
    <cfRule type="expression" dxfId="5151" priority="7363">
      <formula>OR(R$712&lt;&gt;"",R$713&lt;&gt;"")</formula>
    </cfRule>
    <cfRule type="expression" dxfId="5150" priority="7364">
      <formula>AND(R$712="",R$713="")</formula>
    </cfRule>
  </conditionalFormatting>
  <conditionalFormatting sqref="S712:S713">
    <cfRule type="expression" dxfId="5149" priority="7361">
      <formula>OR(S$712&lt;&gt;"",S$713&lt;&gt;"")</formula>
    </cfRule>
    <cfRule type="expression" dxfId="5148" priority="7362">
      <formula>AND(S$712="",S$713="")</formula>
    </cfRule>
  </conditionalFormatting>
  <conditionalFormatting sqref="S714:S717">
    <cfRule type="expression" dxfId="5147" priority="7359">
      <formula>OR(S$712&lt;&gt;"",S$713&lt;&gt;"")</formula>
    </cfRule>
    <cfRule type="expression" dxfId="5146" priority="7360">
      <formula>AND(S$712="",S$713="")</formula>
    </cfRule>
  </conditionalFormatting>
  <conditionalFormatting sqref="T712:T713">
    <cfRule type="expression" dxfId="5145" priority="7357">
      <formula>OR(T$712&lt;&gt;"",T$713&lt;&gt;"")</formula>
    </cfRule>
    <cfRule type="expression" dxfId="5144" priority="7358">
      <formula>AND(T$712="",T$713="")</formula>
    </cfRule>
  </conditionalFormatting>
  <conditionalFormatting sqref="T714:T717">
    <cfRule type="expression" dxfId="5143" priority="7355">
      <formula>OR(T$712&lt;&gt;"",T$713&lt;&gt;"")</formula>
    </cfRule>
    <cfRule type="expression" dxfId="5142" priority="7356">
      <formula>AND(T$712="",T$713="")</formula>
    </cfRule>
  </conditionalFormatting>
  <conditionalFormatting sqref="U712:U713">
    <cfRule type="expression" dxfId="5141" priority="7353">
      <formula>OR(U$712&lt;&gt;"",U$713&lt;&gt;"")</formula>
    </cfRule>
    <cfRule type="expression" dxfId="5140" priority="7354">
      <formula>AND(U$712="",U$713="")</formula>
    </cfRule>
  </conditionalFormatting>
  <conditionalFormatting sqref="U714:U717">
    <cfRule type="expression" dxfId="5139" priority="7351">
      <formula>OR(U$712&lt;&gt;"",U$713&lt;&gt;"")</formula>
    </cfRule>
    <cfRule type="expression" dxfId="5138" priority="7352">
      <formula>AND(U$712="",U$713="")</formula>
    </cfRule>
  </conditionalFormatting>
  <conditionalFormatting sqref="V712:V713">
    <cfRule type="expression" dxfId="5137" priority="7349">
      <formula>OR(V$712&lt;&gt;"",V$713&lt;&gt;"")</formula>
    </cfRule>
    <cfRule type="expression" dxfId="5136" priority="7350">
      <formula>AND(V$712="",V$713="")</formula>
    </cfRule>
  </conditionalFormatting>
  <conditionalFormatting sqref="V714:V717">
    <cfRule type="expression" dxfId="5135" priority="7347">
      <formula>OR(V$712&lt;&gt;"",V$713&lt;&gt;"")</formula>
    </cfRule>
    <cfRule type="expression" dxfId="5134" priority="7348">
      <formula>AND(V$712="",V$713="")</formula>
    </cfRule>
  </conditionalFormatting>
  <conditionalFormatting sqref="W712:W713">
    <cfRule type="expression" dxfId="5133" priority="7345">
      <formula>OR(W$712&lt;&gt;"",W$713&lt;&gt;"")</formula>
    </cfRule>
    <cfRule type="expression" dxfId="5132" priority="7346">
      <formula>AND(W$712="",W$713="")</formula>
    </cfRule>
  </conditionalFormatting>
  <conditionalFormatting sqref="W714:W717">
    <cfRule type="expression" dxfId="5131" priority="7343">
      <formula>OR(W$712&lt;&gt;"",W$713&lt;&gt;"")</formula>
    </cfRule>
    <cfRule type="expression" dxfId="5130" priority="7344">
      <formula>AND(W$712="",W$713="")</formula>
    </cfRule>
  </conditionalFormatting>
  <conditionalFormatting sqref="X712:X713">
    <cfRule type="expression" dxfId="5129" priority="7341">
      <formula>OR(X$712&lt;&gt;"",X$713&lt;&gt;"")</formula>
    </cfRule>
    <cfRule type="expression" dxfId="5128" priority="7342">
      <formula>AND(X$712="",X$713="")</formula>
    </cfRule>
  </conditionalFormatting>
  <conditionalFormatting sqref="X714:X717">
    <cfRule type="expression" dxfId="5127" priority="7339">
      <formula>OR(X$712&lt;&gt;"",X$713&lt;&gt;"")</formula>
    </cfRule>
    <cfRule type="expression" dxfId="5126" priority="7340">
      <formula>AND(X$712="",X$713="")</formula>
    </cfRule>
  </conditionalFormatting>
  <conditionalFormatting sqref="Y712:Y713">
    <cfRule type="expression" dxfId="5125" priority="7337">
      <formula>OR(Y$712&lt;&gt;"",Y$713&lt;&gt;"")</formula>
    </cfRule>
    <cfRule type="expression" dxfId="5124" priority="7338">
      <formula>AND(Y$712="",Y$713="")</formula>
    </cfRule>
  </conditionalFormatting>
  <conditionalFormatting sqref="Y714:Y717">
    <cfRule type="expression" dxfId="5123" priority="7335">
      <formula>OR(Y$712&lt;&gt;"",Y$713&lt;&gt;"")</formula>
    </cfRule>
    <cfRule type="expression" dxfId="5122" priority="7336">
      <formula>AND(Y$712="",Y$713="")</formula>
    </cfRule>
  </conditionalFormatting>
  <conditionalFormatting sqref="Z712:Z713">
    <cfRule type="expression" dxfId="5121" priority="7333">
      <formula>OR(Z$712&lt;&gt;"",Z$713&lt;&gt;"")</formula>
    </cfRule>
    <cfRule type="expression" dxfId="5120" priority="7334">
      <formula>AND(Z$712="",Z$713="")</formula>
    </cfRule>
  </conditionalFormatting>
  <conditionalFormatting sqref="Z714:Z717">
    <cfRule type="expression" dxfId="5119" priority="7331">
      <formula>OR(Z$712&lt;&gt;"",Z$713&lt;&gt;"")</formula>
    </cfRule>
    <cfRule type="expression" dxfId="5118" priority="7332">
      <formula>AND(Z$712="",Z$713="")</formula>
    </cfRule>
  </conditionalFormatting>
  <conditionalFormatting sqref="AA712:AA713">
    <cfRule type="expression" dxfId="5117" priority="7329">
      <formula>OR(AA$712&lt;&gt;"",AA$713&lt;&gt;"")</formula>
    </cfRule>
    <cfRule type="expression" dxfId="5116" priority="7330">
      <formula>AND(AA$712="",AA$713="")</formula>
    </cfRule>
  </conditionalFormatting>
  <conditionalFormatting sqref="AA714:AA717">
    <cfRule type="expression" dxfId="5115" priority="7327">
      <formula>OR(AA$712&lt;&gt;"",AA$713&lt;&gt;"")</formula>
    </cfRule>
    <cfRule type="expression" dxfId="5114" priority="7328">
      <formula>AND(AA$712="",AA$713="")</formula>
    </cfRule>
  </conditionalFormatting>
  <conditionalFormatting sqref="AB712:AB713">
    <cfRule type="expression" dxfId="5113" priority="7325">
      <formula>OR(AB$712&lt;&gt;"",AB$713&lt;&gt;"")</formula>
    </cfRule>
    <cfRule type="expression" dxfId="5112" priority="7326">
      <formula>AND(AB$712="",AB$713="")</formula>
    </cfRule>
  </conditionalFormatting>
  <conditionalFormatting sqref="AB714:AB717">
    <cfRule type="expression" dxfId="5111" priority="7323">
      <formula>OR(AB$712&lt;&gt;"",AB$713&lt;&gt;"")</formula>
    </cfRule>
    <cfRule type="expression" dxfId="5110" priority="7324">
      <formula>AND(AB$712="",AB$713="")</formula>
    </cfRule>
  </conditionalFormatting>
  <conditionalFormatting sqref="AC712:AC713">
    <cfRule type="expression" dxfId="5109" priority="7321">
      <formula>OR(AC$712&lt;&gt;"",AC$713&lt;&gt;"")</formula>
    </cfRule>
    <cfRule type="expression" dxfId="5108" priority="7322">
      <formula>AND(AC$712="",AC$713="")</formula>
    </cfRule>
  </conditionalFormatting>
  <conditionalFormatting sqref="AC714:AC717">
    <cfRule type="expression" dxfId="5107" priority="7319">
      <formula>OR(AC$712&lt;&gt;"",AC$713&lt;&gt;"")</formula>
    </cfRule>
    <cfRule type="expression" dxfId="5106" priority="7320">
      <formula>AND(AC$712="",AC$713="")</formula>
    </cfRule>
  </conditionalFormatting>
  <conditionalFormatting sqref="AD712:AD713">
    <cfRule type="expression" dxfId="5105" priority="7317">
      <formula>OR(AD$712&lt;&gt;"",AD$713&lt;&gt;"")</formula>
    </cfRule>
    <cfRule type="expression" dxfId="5104" priority="7318">
      <formula>AND(AD$712="",AD$713="")</formula>
    </cfRule>
  </conditionalFormatting>
  <conditionalFormatting sqref="AD714:AD717">
    <cfRule type="expression" dxfId="5103" priority="7315">
      <formula>OR(AD$712&lt;&gt;"",AD$713&lt;&gt;"")</formula>
    </cfRule>
    <cfRule type="expression" dxfId="5102" priority="7316">
      <formula>AND(AD$712="",AD$713="")</formula>
    </cfRule>
  </conditionalFormatting>
  <conditionalFormatting sqref="AE712:AE713">
    <cfRule type="expression" dxfId="5101" priority="7313">
      <formula>OR(AE$712&lt;&gt;"",AE$713&lt;&gt;"")</formula>
    </cfRule>
    <cfRule type="expression" dxfId="5100" priority="7314">
      <formula>AND(AE$712="",AE$713="")</formula>
    </cfRule>
  </conditionalFormatting>
  <conditionalFormatting sqref="AE714:AE717">
    <cfRule type="expression" dxfId="5099" priority="7311">
      <formula>OR(AE$712&lt;&gt;"",AE$713&lt;&gt;"")</formula>
    </cfRule>
    <cfRule type="expression" dxfId="5098" priority="7312">
      <formula>AND(AE$712="",AE$713="")</formula>
    </cfRule>
  </conditionalFormatting>
  <conditionalFormatting sqref="AF712:AF713">
    <cfRule type="expression" dxfId="5097" priority="7309">
      <formula>OR(AF$712&lt;&gt;"",AF$713&lt;&gt;"")</formula>
    </cfRule>
    <cfRule type="expression" dxfId="5096" priority="7310">
      <formula>AND(AF$712="",AF$713="")</formula>
    </cfRule>
  </conditionalFormatting>
  <conditionalFormatting sqref="AF714:AF717">
    <cfRule type="expression" dxfId="5095" priority="7307">
      <formula>OR(AF$712&lt;&gt;"",AF$713&lt;&gt;"")</formula>
    </cfRule>
    <cfRule type="expression" dxfId="5094" priority="7308">
      <formula>AND(AF$712="",AF$713="")</formula>
    </cfRule>
  </conditionalFormatting>
  <conditionalFormatting sqref="AG712:AG713">
    <cfRule type="expression" dxfId="5093" priority="7305">
      <formula>OR(AG$712&lt;&gt;"",AG$713&lt;&gt;"")</formula>
    </cfRule>
    <cfRule type="expression" dxfId="5092" priority="7306">
      <formula>AND(AG$712="",AG$713="")</formula>
    </cfRule>
  </conditionalFormatting>
  <conditionalFormatting sqref="AG714:AG717">
    <cfRule type="expression" dxfId="5091" priority="7303">
      <formula>OR(AG$712&lt;&gt;"",AG$713&lt;&gt;"")</formula>
    </cfRule>
    <cfRule type="expression" dxfId="5090" priority="7304">
      <formula>AND(AG$712="",AG$713="")</formula>
    </cfRule>
  </conditionalFormatting>
  <conditionalFormatting sqref="AH712:AH713">
    <cfRule type="expression" dxfId="5089" priority="7301">
      <formula>OR(AH$712&lt;&gt;"",AH$713&lt;&gt;"")</formula>
    </cfRule>
    <cfRule type="expression" dxfId="5088" priority="7302">
      <formula>AND(AH$712="",AH$713="")</formula>
    </cfRule>
  </conditionalFormatting>
  <conditionalFormatting sqref="AH714:AH717">
    <cfRule type="expression" dxfId="5087" priority="7299">
      <formula>OR(AH$712&lt;&gt;"",AH$713&lt;&gt;"")</formula>
    </cfRule>
    <cfRule type="expression" dxfId="5086" priority="7300">
      <formula>AND(AH$712="",AH$713="")</formula>
    </cfRule>
  </conditionalFormatting>
  <conditionalFormatting sqref="AI712:AI713">
    <cfRule type="expression" dxfId="5085" priority="7297">
      <formula>OR(AI$712&lt;&gt;"",AI$713&lt;&gt;"")</formula>
    </cfRule>
    <cfRule type="expression" dxfId="5084" priority="7298">
      <formula>AND(AI$712="",AI$713="")</formula>
    </cfRule>
  </conditionalFormatting>
  <conditionalFormatting sqref="AI714:AI717">
    <cfRule type="expression" dxfId="5083" priority="7295">
      <formula>OR(AI$712&lt;&gt;"",AI$713&lt;&gt;"")</formula>
    </cfRule>
    <cfRule type="expression" dxfId="5082" priority="7296">
      <formula>AND(AI$712="",AI$713="")</formula>
    </cfRule>
  </conditionalFormatting>
  <conditionalFormatting sqref="AJ712:AJ713">
    <cfRule type="expression" dxfId="5081" priority="7293">
      <formula>OR(AJ$712&lt;&gt;"",AJ$713&lt;&gt;"")</formula>
    </cfRule>
    <cfRule type="expression" dxfId="5080" priority="7294">
      <formula>AND(AJ$712="",AJ$713="")</formula>
    </cfRule>
  </conditionalFormatting>
  <conditionalFormatting sqref="AJ714:AJ717">
    <cfRule type="expression" dxfId="5079" priority="7291">
      <formula>OR(AJ$712&lt;&gt;"",AJ$713&lt;&gt;"")</formula>
    </cfRule>
    <cfRule type="expression" dxfId="5078" priority="7292">
      <formula>AND(AJ$712="",AJ$713="")</formula>
    </cfRule>
  </conditionalFormatting>
  <conditionalFormatting sqref="AK712:AK713">
    <cfRule type="expression" dxfId="5077" priority="7289">
      <formula>OR(AK$712&lt;&gt;"",AK$713&lt;&gt;"")</formula>
    </cfRule>
    <cfRule type="expression" dxfId="5076" priority="7290">
      <formula>AND(AK$712="",AK$713="")</formula>
    </cfRule>
  </conditionalFormatting>
  <conditionalFormatting sqref="AK714:AK717">
    <cfRule type="expression" dxfId="5075" priority="7287">
      <formula>OR(AK$712&lt;&gt;"",AK$713&lt;&gt;"")</formula>
    </cfRule>
    <cfRule type="expression" dxfId="5074" priority="7288">
      <formula>AND(AK$712="",AK$713="")</formula>
    </cfRule>
  </conditionalFormatting>
  <conditionalFormatting sqref="AL712:AL713">
    <cfRule type="expression" dxfId="5073" priority="7285">
      <formula>OR(AL$712&lt;&gt;"",AL$713&lt;&gt;"")</formula>
    </cfRule>
    <cfRule type="expression" dxfId="5072" priority="7286">
      <formula>AND(AL$712="",AL$713="")</formula>
    </cfRule>
  </conditionalFormatting>
  <conditionalFormatting sqref="AL714:AL717">
    <cfRule type="expression" dxfId="5071" priority="7283">
      <formula>OR(AL$712&lt;&gt;"",AL$713&lt;&gt;"")</formula>
    </cfRule>
    <cfRule type="expression" dxfId="5070" priority="7284">
      <formula>AND(AL$712="",AL$713="")</formula>
    </cfRule>
  </conditionalFormatting>
  <conditionalFormatting sqref="AM712:AM713">
    <cfRule type="expression" dxfId="5069" priority="7281">
      <formula>OR(AM$712&lt;&gt;"",AM$713&lt;&gt;"")</formula>
    </cfRule>
    <cfRule type="expression" dxfId="5068" priority="7282">
      <formula>AND(AM$712="",AM$713="")</formula>
    </cfRule>
  </conditionalFormatting>
  <conditionalFormatting sqref="AM714:AM717">
    <cfRule type="expression" dxfId="5067" priority="7279">
      <formula>OR(AM$712&lt;&gt;"",AM$713&lt;&gt;"")</formula>
    </cfRule>
    <cfRule type="expression" dxfId="5066" priority="7280">
      <formula>AND(AM$712="",AM$713="")</formula>
    </cfRule>
  </conditionalFormatting>
  <conditionalFormatting sqref="AN712:AN713">
    <cfRule type="expression" dxfId="5065" priority="7277">
      <formula>OR(AN$712&lt;&gt;"",AN$713&lt;&gt;"")</formula>
    </cfRule>
    <cfRule type="expression" dxfId="5064" priority="7278">
      <formula>AND(AN$712="",AN$713="")</formula>
    </cfRule>
  </conditionalFormatting>
  <conditionalFormatting sqref="AN714:AN717">
    <cfRule type="expression" dxfId="5063" priority="7275">
      <formula>OR(AN$712&lt;&gt;"",AN$713&lt;&gt;"")</formula>
    </cfRule>
    <cfRule type="expression" dxfId="5062" priority="7276">
      <formula>AND(AN$712="",AN$713="")</formula>
    </cfRule>
  </conditionalFormatting>
  <conditionalFormatting sqref="AO712:AO713">
    <cfRule type="expression" dxfId="5061" priority="7273">
      <formula>OR(AO$712&lt;&gt;"",AO$713&lt;&gt;"")</formula>
    </cfRule>
    <cfRule type="expression" dxfId="5060" priority="7274">
      <formula>AND(AO$712="",AO$713="")</formula>
    </cfRule>
  </conditionalFormatting>
  <conditionalFormatting sqref="AO714:AO717">
    <cfRule type="expression" dxfId="5059" priority="7271">
      <formula>OR(AO$712&lt;&gt;"",AO$713&lt;&gt;"")</formula>
    </cfRule>
    <cfRule type="expression" dxfId="5058" priority="7272">
      <formula>AND(AO$712="",AO$713="")</formula>
    </cfRule>
  </conditionalFormatting>
  <conditionalFormatting sqref="AP712:AP713">
    <cfRule type="expression" dxfId="5057" priority="7269">
      <formula>OR(AP$712&lt;&gt;"",AP$713&lt;&gt;"")</formula>
    </cfRule>
    <cfRule type="expression" dxfId="5056" priority="7270">
      <formula>AND(AP$712="",AP$713="")</formula>
    </cfRule>
  </conditionalFormatting>
  <conditionalFormatting sqref="AP714:AP717">
    <cfRule type="expression" dxfId="5055" priority="7267">
      <formula>OR(AP$712&lt;&gt;"",AP$713&lt;&gt;"")</formula>
    </cfRule>
    <cfRule type="expression" dxfId="5054" priority="7268">
      <formula>AND(AP$712="",AP$713="")</formula>
    </cfRule>
  </conditionalFormatting>
  <conditionalFormatting sqref="AQ712:AQ713">
    <cfRule type="expression" dxfId="5053" priority="7265">
      <formula>OR(AQ$712&lt;&gt;"",AQ$713&lt;&gt;"")</formula>
    </cfRule>
    <cfRule type="expression" dxfId="5052" priority="7266">
      <formula>AND(AQ$712="",AQ$713="")</formula>
    </cfRule>
  </conditionalFormatting>
  <conditionalFormatting sqref="AQ714:AQ717">
    <cfRule type="expression" dxfId="5051" priority="7263">
      <formula>OR(AQ$712&lt;&gt;"",AQ$713&lt;&gt;"")</formula>
    </cfRule>
    <cfRule type="expression" dxfId="5050" priority="7264">
      <formula>AND(AQ$712="",AQ$713="")</formula>
    </cfRule>
  </conditionalFormatting>
  <conditionalFormatting sqref="AR712:AR713">
    <cfRule type="expression" dxfId="5049" priority="7261">
      <formula>OR(AR$712&lt;&gt;"",AR$713&lt;&gt;"")</formula>
    </cfRule>
    <cfRule type="expression" dxfId="5048" priority="7262">
      <formula>AND(AR$712="",AR$713="")</formula>
    </cfRule>
  </conditionalFormatting>
  <conditionalFormatting sqref="AR714:AR717">
    <cfRule type="expression" dxfId="5047" priority="7259">
      <formula>OR(AR$712&lt;&gt;"",AR$713&lt;&gt;"")</formula>
    </cfRule>
    <cfRule type="expression" dxfId="5046" priority="7260">
      <formula>AND(AR$712="",AR$713="")</formula>
    </cfRule>
  </conditionalFormatting>
  <conditionalFormatting sqref="AS712:AS713">
    <cfRule type="expression" dxfId="5045" priority="7257">
      <formula>OR(AS$712&lt;&gt;"",AS$713&lt;&gt;"")</formula>
    </cfRule>
    <cfRule type="expression" dxfId="5044" priority="7258">
      <formula>AND(AS$712="",AS$713="")</formula>
    </cfRule>
  </conditionalFormatting>
  <conditionalFormatting sqref="AS714:AS717">
    <cfRule type="expression" dxfId="5043" priority="7255">
      <formula>OR(AS$712&lt;&gt;"",AS$713&lt;&gt;"")</formula>
    </cfRule>
    <cfRule type="expression" dxfId="5042" priority="7256">
      <formula>AND(AS$712="",AS$713="")</formula>
    </cfRule>
  </conditionalFormatting>
  <conditionalFormatting sqref="AT712:AT713">
    <cfRule type="expression" dxfId="5041" priority="7253">
      <formula>OR(AT$712&lt;&gt;"",AT$713&lt;&gt;"")</formula>
    </cfRule>
    <cfRule type="expression" dxfId="5040" priority="7254">
      <formula>AND(AT$712="",AT$713="")</formula>
    </cfRule>
  </conditionalFormatting>
  <conditionalFormatting sqref="AT714:AT717">
    <cfRule type="expression" dxfId="5039" priority="7251">
      <formula>OR(AT$712&lt;&gt;"",AT$713&lt;&gt;"")</formula>
    </cfRule>
    <cfRule type="expression" dxfId="5038" priority="7252">
      <formula>AND(AT$712="",AT$713="")</formula>
    </cfRule>
  </conditionalFormatting>
  <conditionalFormatting sqref="AU712:AU713">
    <cfRule type="expression" dxfId="5037" priority="7249">
      <formula>OR(AU$712&lt;&gt;"",AU$713&lt;&gt;"")</formula>
    </cfRule>
    <cfRule type="expression" dxfId="5036" priority="7250">
      <formula>AND(AU$712="",AU$713="")</formula>
    </cfRule>
  </conditionalFormatting>
  <conditionalFormatting sqref="AU714:AU717">
    <cfRule type="expression" dxfId="5035" priority="7247">
      <formula>OR(AU$712&lt;&gt;"",AU$713&lt;&gt;"")</formula>
    </cfRule>
    <cfRule type="expression" dxfId="5034" priority="7248">
      <formula>AND(AU$712="",AU$713="")</formula>
    </cfRule>
  </conditionalFormatting>
  <conditionalFormatting sqref="AV712:AV713">
    <cfRule type="expression" dxfId="5033" priority="7245">
      <formula>OR(AV$712&lt;&gt;"",AV$713&lt;&gt;"")</formula>
    </cfRule>
    <cfRule type="expression" dxfId="5032" priority="7246">
      <formula>AND(AV$712="",AV$713="")</formula>
    </cfRule>
  </conditionalFormatting>
  <conditionalFormatting sqref="AV714:AV717">
    <cfRule type="expression" dxfId="5031" priority="7243">
      <formula>OR(AV$712&lt;&gt;"",AV$713&lt;&gt;"")</formula>
    </cfRule>
    <cfRule type="expression" dxfId="5030" priority="7244">
      <formula>AND(AV$712="",AV$713="")</formula>
    </cfRule>
  </conditionalFormatting>
  <conditionalFormatting sqref="AW712:AW713">
    <cfRule type="expression" dxfId="5029" priority="7241">
      <formula>OR(AW$712&lt;&gt;"",AW$713&lt;&gt;"")</formula>
    </cfRule>
    <cfRule type="expression" dxfId="5028" priority="7242">
      <formula>AND(AW$712="",AW$713="")</formula>
    </cfRule>
  </conditionalFormatting>
  <conditionalFormatting sqref="AW714:AW717">
    <cfRule type="expression" dxfId="5027" priority="7239">
      <formula>OR(AW$712&lt;&gt;"",AW$713&lt;&gt;"")</formula>
    </cfRule>
    <cfRule type="expression" dxfId="5026" priority="7240">
      <formula>AND(AW$712="",AW$713="")</formula>
    </cfRule>
  </conditionalFormatting>
  <conditionalFormatting sqref="AX712:AX713">
    <cfRule type="expression" dxfId="5025" priority="7237">
      <formula>OR(AX$712&lt;&gt;"",AX$713&lt;&gt;"")</formula>
    </cfRule>
    <cfRule type="expression" dxfId="5024" priority="7238">
      <formula>AND(AX$712="",AX$713="")</formula>
    </cfRule>
  </conditionalFormatting>
  <conditionalFormatting sqref="AX714:AX717">
    <cfRule type="expression" dxfId="5023" priority="7235">
      <formula>OR(AX$712&lt;&gt;"",AX$713&lt;&gt;"")</formula>
    </cfRule>
    <cfRule type="expression" dxfId="5022" priority="7236">
      <formula>AND(AX$712="",AX$713="")</formula>
    </cfRule>
  </conditionalFormatting>
  <conditionalFormatting sqref="AY712:AY713">
    <cfRule type="expression" dxfId="5021" priority="7233">
      <formula>OR(AY$712&lt;&gt;"",AY$713&lt;&gt;"")</formula>
    </cfRule>
    <cfRule type="expression" dxfId="5020" priority="7234">
      <formula>AND(AY$712="",AY$713="")</formula>
    </cfRule>
  </conditionalFormatting>
  <conditionalFormatting sqref="AY714:AY717">
    <cfRule type="expression" dxfId="5019" priority="7231">
      <formula>OR(AY$712&lt;&gt;"",AY$713&lt;&gt;"")</formula>
    </cfRule>
    <cfRule type="expression" dxfId="5018" priority="7232">
      <formula>AND(AY$712="",AY$713="")</formula>
    </cfRule>
  </conditionalFormatting>
  <conditionalFormatting sqref="AZ712:AZ713">
    <cfRule type="expression" dxfId="5017" priority="7229">
      <formula>OR(AZ$712&lt;&gt;"",AZ$713&lt;&gt;"")</formula>
    </cfRule>
    <cfRule type="expression" dxfId="5016" priority="7230">
      <formula>AND(AZ$712="",AZ$713="")</formula>
    </cfRule>
  </conditionalFormatting>
  <conditionalFormatting sqref="AZ714:AZ717">
    <cfRule type="expression" dxfId="5015" priority="7227">
      <formula>OR(AZ$712&lt;&gt;"",AZ$713&lt;&gt;"")</formula>
    </cfRule>
    <cfRule type="expression" dxfId="5014" priority="7228">
      <formula>AND(AZ$712="",AZ$713="")</formula>
    </cfRule>
  </conditionalFormatting>
  <conditionalFormatting sqref="BA712:BA713">
    <cfRule type="expression" dxfId="5013" priority="7225">
      <formula>OR(BA$712&lt;&gt;"",BA$713&lt;&gt;"")</formula>
    </cfRule>
    <cfRule type="expression" dxfId="5012" priority="7226">
      <formula>AND(BA$712="",BA$713="")</formula>
    </cfRule>
  </conditionalFormatting>
  <conditionalFormatting sqref="BA714:BA717">
    <cfRule type="expression" dxfId="5011" priority="7223">
      <formula>OR(BA$712&lt;&gt;"",BA$713&lt;&gt;"")</formula>
    </cfRule>
    <cfRule type="expression" dxfId="5010" priority="7224">
      <formula>AND(BA$712="",BA$713="")</formula>
    </cfRule>
  </conditionalFormatting>
  <conditionalFormatting sqref="BB712:BB713">
    <cfRule type="expression" dxfId="5009" priority="7221">
      <formula>OR(BB$712&lt;&gt;"",BB$713&lt;&gt;"")</formula>
    </cfRule>
    <cfRule type="expression" dxfId="5008" priority="7222">
      <formula>AND(BB$712="",BB$713="")</formula>
    </cfRule>
  </conditionalFormatting>
  <conditionalFormatting sqref="BB714:BB717">
    <cfRule type="expression" dxfId="5007" priority="7219">
      <formula>OR(BB$712&lt;&gt;"",BB$713&lt;&gt;"")</formula>
    </cfRule>
    <cfRule type="expression" dxfId="5006" priority="7220">
      <formula>AND(BB$712="",BB$713="")</formula>
    </cfRule>
  </conditionalFormatting>
  <conditionalFormatting sqref="BC712:BC713">
    <cfRule type="expression" dxfId="5005" priority="7217">
      <formula>OR(BC$712&lt;&gt;"",BC$713&lt;&gt;"")</formula>
    </cfRule>
    <cfRule type="expression" dxfId="5004" priority="7218">
      <formula>AND(BC$712="",BC$713="")</formula>
    </cfRule>
  </conditionalFormatting>
  <conditionalFormatting sqref="BC714:BC717">
    <cfRule type="expression" dxfId="5003" priority="7215">
      <formula>OR(BC$712&lt;&gt;"",BC$713&lt;&gt;"")</formula>
    </cfRule>
    <cfRule type="expression" dxfId="5002" priority="7216">
      <formula>AND(BC$712="",BC$713="")</formula>
    </cfRule>
  </conditionalFormatting>
  <conditionalFormatting sqref="BD712:BD713">
    <cfRule type="expression" dxfId="5001" priority="7213">
      <formula>OR(BD$712&lt;&gt;"",BD$713&lt;&gt;"")</formula>
    </cfRule>
    <cfRule type="expression" dxfId="5000" priority="7214">
      <formula>AND(BD$712="",BD$713="")</formula>
    </cfRule>
  </conditionalFormatting>
  <conditionalFormatting sqref="BD714:BD717">
    <cfRule type="expression" dxfId="4999" priority="7211">
      <formula>OR(BD$712&lt;&gt;"",BD$713&lt;&gt;"")</formula>
    </cfRule>
    <cfRule type="expression" dxfId="4998" priority="7212">
      <formula>AND(BD$712="",BD$713="")</formula>
    </cfRule>
  </conditionalFormatting>
  <conditionalFormatting sqref="BE712:BE713">
    <cfRule type="expression" dxfId="4997" priority="7209">
      <formula>OR(BE$712&lt;&gt;"",BE$713&lt;&gt;"")</formula>
    </cfRule>
    <cfRule type="expression" dxfId="4996" priority="7210">
      <formula>AND(BE$712="",BE$713="")</formula>
    </cfRule>
  </conditionalFormatting>
  <conditionalFormatting sqref="BE714:BE717">
    <cfRule type="expression" dxfId="4995" priority="7207">
      <formula>OR(BE$712&lt;&gt;"",BE$713&lt;&gt;"")</formula>
    </cfRule>
    <cfRule type="expression" dxfId="4994" priority="7208">
      <formula>AND(BE$712="",BE$713="")</formula>
    </cfRule>
  </conditionalFormatting>
  <conditionalFormatting sqref="BF712:BF713">
    <cfRule type="expression" dxfId="4993" priority="7205">
      <formula>OR(BF$712&lt;&gt;"",BF$713&lt;&gt;"")</formula>
    </cfRule>
    <cfRule type="expression" dxfId="4992" priority="7206">
      <formula>AND(BF$712="",BF$713="")</formula>
    </cfRule>
  </conditionalFormatting>
  <conditionalFormatting sqref="BF714:BF717">
    <cfRule type="expression" dxfId="4991" priority="7203">
      <formula>OR(BF$712&lt;&gt;"",BF$713&lt;&gt;"")</formula>
    </cfRule>
    <cfRule type="expression" dxfId="4990" priority="7204">
      <formula>AND(BF$712="",BF$713="")</formula>
    </cfRule>
  </conditionalFormatting>
  <conditionalFormatting sqref="BG712:BG713">
    <cfRule type="expression" dxfId="4989" priority="7201">
      <formula>OR(BG$712&lt;&gt;"",BG$713&lt;&gt;"")</formula>
    </cfRule>
    <cfRule type="expression" dxfId="4988" priority="7202">
      <formula>AND(BG$712="",BG$713="")</formula>
    </cfRule>
  </conditionalFormatting>
  <conditionalFormatting sqref="BG714:BG717">
    <cfRule type="expression" dxfId="4987" priority="7199">
      <formula>OR(BG$712&lt;&gt;"",BG$713&lt;&gt;"")</formula>
    </cfRule>
    <cfRule type="expression" dxfId="4986" priority="7200">
      <formula>AND(BG$712="",BG$713="")</formula>
    </cfRule>
  </conditionalFormatting>
  <conditionalFormatting sqref="BH712:BH713">
    <cfRule type="expression" dxfId="4985" priority="7197">
      <formula>OR(BH$712&lt;&gt;"",BH$713&lt;&gt;"")</formula>
    </cfRule>
    <cfRule type="expression" dxfId="4984" priority="7198">
      <formula>AND(BH$712="",BH$713="")</formula>
    </cfRule>
  </conditionalFormatting>
  <conditionalFormatting sqref="BH714:BH717">
    <cfRule type="expression" dxfId="4983" priority="7195">
      <formula>OR(BH$712&lt;&gt;"",BH$713&lt;&gt;"")</formula>
    </cfRule>
    <cfRule type="expression" dxfId="4982" priority="7196">
      <formula>AND(BH$712="",BH$713="")</formula>
    </cfRule>
  </conditionalFormatting>
  <conditionalFormatting sqref="BI712:BI713">
    <cfRule type="expression" dxfId="4981" priority="7193">
      <formula>OR(BI$712&lt;&gt;"",BI$713&lt;&gt;"")</formula>
    </cfRule>
    <cfRule type="expression" dxfId="4980" priority="7194">
      <formula>AND(BI$712="",BI$713="")</formula>
    </cfRule>
  </conditionalFormatting>
  <conditionalFormatting sqref="BI714:BI717">
    <cfRule type="expression" dxfId="4979" priority="7191">
      <formula>OR(BI$712&lt;&gt;"",BI$713&lt;&gt;"")</formula>
    </cfRule>
    <cfRule type="expression" dxfId="4978" priority="7192">
      <formula>AND(BI$712="",BI$713="")</formula>
    </cfRule>
  </conditionalFormatting>
  <conditionalFormatting sqref="BJ712:BJ713">
    <cfRule type="expression" dxfId="4977" priority="7189">
      <formula>OR(BJ$712&lt;&gt;"",BJ$713&lt;&gt;"")</formula>
    </cfRule>
    <cfRule type="expression" dxfId="4976" priority="7190">
      <formula>AND(BJ$712="",BJ$713="")</formula>
    </cfRule>
  </conditionalFormatting>
  <conditionalFormatting sqref="BJ714:BJ717">
    <cfRule type="expression" dxfId="4975" priority="7187">
      <formula>OR(BJ$712&lt;&gt;"",BJ$713&lt;&gt;"")</formula>
    </cfRule>
    <cfRule type="expression" dxfId="4974" priority="7188">
      <formula>AND(BJ$712="",BJ$713="")</formula>
    </cfRule>
  </conditionalFormatting>
  <conditionalFormatting sqref="BK712:BK713">
    <cfRule type="expression" dxfId="4973" priority="7185">
      <formula>OR(BK$712&lt;&gt;"",BK$713&lt;&gt;"")</formula>
    </cfRule>
    <cfRule type="expression" dxfId="4972" priority="7186">
      <formula>AND(BK$712="",BK$713="")</formula>
    </cfRule>
  </conditionalFormatting>
  <conditionalFormatting sqref="BK714:BK717">
    <cfRule type="expression" dxfId="4971" priority="7183">
      <formula>OR(BK$712&lt;&gt;"",BK$713&lt;&gt;"")</formula>
    </cfRule>
    <cfRule type="expression" dxfId="4970" priority="7184">
      <formula>AND(BK$712="",BK$713="")</formula>
    </cfRule>
  </conditionalFormatting>
  <conditionalFormatting sqref="BL712:BL713">
    <cfRule type="expression" dxfId="4969" priority="7181">
      <formula>OR(BL$712&lt;&gt;"",BL$713&lt;&gt;"")</formula>
    </cfRule>
    <cfRule type="expression" dxfId="4968" priority="7182">
      <formula>AND(BL$712="",BL$713="")</formula>
    </cfRule>
  </conditionalFormatting>
  <conditionalFormatting sqref="BL714:BL717">
    <cfRule type="expression" dxfId="4967" priority="7179">
      <formula>OR(BL$712&lt;&gt;"",BL$713&lt;&gt;"")</formula>
    </cfRule>
    <cfRule type="expression" dxfId="4966" priority="7180">
      <formula>AND(BL$712="",BL$713="")</formula>
    </cfRule>
  </conditionalFormatting>
  <conditionalFormatting sqref="BM712:BM713">
    <cfRule type="expression" dxfId="4965" priority="7177">
      <formula>OR(BM$712&lt;&gt;"",BM$713&lt;&gt;"")</formula>
    </cfRule>
    <cfRule type="expression" dxfId="4964" priority="7178">
      <formula>AND(BM$712="",BM$713="")</formula>
    </cfRule>
  </conditionalFormatting>
  <conditionalFormatting sqref="BM714:BM717">
    <cfRule type="expression" dxfId="4963" priority="7175">
      <formula>OR(BM$712&lt;&gt;"",BM$713&lt;&gt;"")</formula>
    </cfRule>
    <cfRule type="expression" dxfId="4962" priority="7176">
      <formula>AND(BM$712="",BM$713="")</formula>
    </cfRule>
  </conditionalFormatting>
  <conditionalFormatting sqref="BN712:BN713">
    <cfRule type="expression" dxfId="4961" priority="7173">
      <formula>OR(BN$712&lt;&gt;"",BN$713&lt;&gt;"")</formula>
    </cfRule>
    <cfRule type="expression" dxfId="4960" priority="7174">
      <formula>AND(BN$712="",BN$713="")</formula>
    </cfRule>
  </conditionalFormatting>
  <conditionalFormatting sqref="BN714:BN717">
    <cfRule type="expression" dxfId="4959" priority="7171">
      <formula>OR(BN$712&lt;&gt;"",BN$713&lt;&gt;"")</formula>
    </cfRule>
    <cfRule type="expression" dxfId="4958" priority="7172">
      <formula>AND(BN$712="",BN$713="")</formula>
    </cfRule>
  </conditionalFormatting>
  <conditionalFormatting sqref="BO712:BO713">
    <cfRule type="expression" dxfId="4957" priority="7169">
      <formula>OR(BO$712&lt;&gt;"",BO$713&lt;&gt;"")</formula>
    </cfRule>
    <cfRule type="expression" dxfId="4956" priority="7170">
      <formula>AND(BO$712="",BO$713="")</formula>
    </cfRule>
  </conditionalFormatting>
  <conditionalFormatting sqref="BO714:BO717">
    <cfRule type="expression" dxfId="4955" priority="7167">
      <formula>OR(BO$712&lt;&gt;"",BO$713&lt;&gt;"")</formula>
    </cfRule>
    <cfRule type="expression" dxfId="4954" priority="7168">
      <formula>AND(BO$712="",BO$713="")</formula>
    </cfRule>
  </conditionalFormatting>
  <conditionalFormatting sqref="BP712:BP713">
    <cfRule type="expression" dxfId="4953" priority="7165">
      <formula>OR(BP$712&lt;&gt;"",BP$713&lt;&gt;"")</formula>
    </cfRule>
    <cfRule type="expression" dxfId="4952" priority="7166">
      <formula>AND(BP$712="",BP$713="")</formula>
    </cfRule>
  </conditionalFormatting>
  <conditionalFormatting sqref="BP714:BP717">
    <cfRule type="expression" dxfId="4951" priority="7163">
      <formula>OR(BP$712&lt;&gt;"",BP$713&lt;&gt;"")</formula>
    </cfRule>
    <cfRule type="expression" dxfId="4950" priority="7164">
      <formula>AND(BP$712="",BP$713="")</formula>
    </cfRule>
  </conditionalFormatting>
  <conditionalFormatting sqref="BQ712:BQ713">
    <cfRule type="expression" dxfId="4949" priority="7161">
      <formula>OR(BQ$712&lt;&gt;"",BQ$713&lt;&gt;"")</formula>
    </cfRule>
    <cfRule type="expression" dxfId="4948" priority="7162">
      <formula>AND(BQ$712="",BQ$713="")</formula>
    </cfRule>
  </conditionalFormatting>
  <conditionalFormatting sqref="BQ714:BQ717">
    <cfRule type="expression" dxfId="4947" priority="7159">
      <formula>OR(BQ$712&lt;&gt;"",BQ$713&lt;&gt;"")</formula>
    </cfRule>
    <cfRule type="expression" dxfId="4946" priority="7160">
      <formula>AND(BQ$712="",BQ$713="")</formula>
    </cfRule>
  </conditionalFormatting>
  <conditionalFormatting sqref="BR712:BR713">
    <cfRule type="expression" dxfId="4945" priority="7157">
      <formula>OR(BR$712&lt;&gt;"",BR$713&lt;&gt;"")</formula>
    </cfRule>
    <cfRule type="expression" dxfId="4944" priority="7158">
      <formula>AND(BR$712="",BR$713="")</formula>
    </cfRule>
  </conditionalFormatting>
  <conditionalFormatting sqref="BR714:BR717">
    <cfRule type="expression" dxfId="4943" priority="7155">
      <formula>OR(BR$712&lt;&gt;"",BR$713&lt;&gt;"")</formula>
    </cfRule>
    <cfRule type="expression" dxfId="4942" priority="7156">
      <formula>AND(BR$712="",BR$713="")</formula>
    </cfRule>
  </conditionalFormatting>
  <conditionalFormatting sqref="BS712:BS713">
    <cfRule type="expression" dxfId="4941" priority="7153">
      <formula>OR(BS$712&lt;&gt;"",BS$713&lt;&gt;"")</formula>
    </cfRule>
    <cfRule type="expression" dxfId="4940" priority="7154">
      <formula>AND(BS$712="",BS$713="")</formula>
    </cfRule>
  </conditionalFormatting>
  <conditionalFormatting sqref="BS714:BS717">
    <cfRule type="expression" dxfId="4939" priority="7151">
      <formula>OR(BS$712&lt;&gt;"",BS$713&lt;&gt;"")</formula>
    </cfRule>
    <cfRule type="expression" dxfId="4938" priority="7152">
      <formula>AND(BS$712="",BS$713="")</formula>
    </cfRule>
  </conditionalFormatting>
  <conditionalFormatting sqref="M724:M725">
    <cfRule type="expression" dxfId="4937" priority="7149">
      <formula>OR(M$724&lt;&gt;"",M$725&lt;&gt;"")</formula>
    </cfRule>
    <cfRule type="expression" dxfId="4936" priority="7150">
      <formula>AND(M$724="",M$725="")</formula>
    </cfRule>
  </conditionalFormatting>
  <conditionalFormatting sqref="N724:N725">
    <cfRule type="expression" dxfId="4935" priority="7147">
      <formula>OR(N$724&lt;&gt;"",N$725&lt;&gt;"")</formula>
    </cfRule>
    <cfRule type="expression" dxfId="4934" priority="7148">
      <formula>AND(N$724="",N$725="")</formula>
    </cfRule>
  </conditionalFormatting>
  <conditionalFormatting sqref="M726:M729">
    <cfRule type="expression" dxfId="4933" priority="7145">
      <formula>OR($M$724&lt;&gt;"",$M$725&lt;&gt;"")</formula>
    </cfRule>
    <cfRule type="expression" dxfId="4932" priority="7146">
      <formula>AND($M$724="",$M$725="")</formula>
    </cfRule>
  </conditionalFormatting>
  <conditionalFormatting sqref="N726:N729">
    <cfRule type="expression" dxfId="4931" priority="7143">
      <formula>OR(N$724&lt;&gt;"",N$725&lt;&gt;"")</formula>
    </cfRule>
    <cfRule type="expression" dxfId="4930" priority="7144">
      <formula>AND(N$724="",N$725="")</formula>
    </cfRule>
  </conditionalFormatting>
  <conditionalFormatting sqref="O724:O725">
    <cfRule type="expression" dxfId="4929" priority="7141">
      <formula>OR(O$724&lt;&gt;"",O$725&lt;&gt;"")</formula>
    </cfRule>
    <cfRule type="expression" dxfId="4928" priority="7142">
      <formula>AND(O$724="",O$725="")</formula>
    </cfRule>
  </conditionalFormatting>
  <conditionalFormatting sqref="O726:O729">
    <cfRule type="expression" dxfId="4927" priority="7139">
      <formula>OR(O$724&lt;&gt;"",O$725&lt;&gt;"")</formula>
    </cfRule>
    <cfRule type="expression" dxfId="4926" priority="7140">
      <formula>AND(O$724="",O$725="")</formula>
    </cfRule>
  </conditionalFormatting>
  <conditionalFormatting sqref="P724:P725">
    <cfRule type="expression" dxfId="4925" priority="7137">
      <formula>OR(P$724&lt;&gt;"",P$725&lt;&gt;"")</formula>
    </cfRule>
    <cfRule type="expression" dxfId="4924" priority="7138">
      <formula>AND(P$724="",P$725="")</formula>
    </cfRule>
  </conditionalFormatting>
  <conditionalFormatting sqref="P726:P729">
    <cfRule type="expression" dxfId="4923" priority="7135">
      <formula>OR(P$724&lt;&gt;"",P$725&lt;&gt;"")</formula>
    </cfRule>
    <cfRule type="expression" dxfId="4922" priority="7136">
      <formula>AND(P$724="",P$725="")</formula>
    </cfRule>
  </conditionalFormatting>
  <conditionalFormatting sqref="Q724:Q725">
    <cfRule type="expression" dxfId="4921" priority="7133">
      <formula>OR(Q$724&lt;&gt;"",Q$725&lt;&gt;"")</formula>
    </cfRule>
    <cfRule type="expression" dxfId="4920" priority="7134">
      <formula>AND(Q$724="",Q$725="")</formula>
    </cfRule>
  </conditionalFormatting>
  <conditionalFormatting sqref="Q726:Q729">
    <cfRule type="expression" dxfId="4919" priority="7131">
      <formula>OR(Q$724&lt;&gt;"",Q$725&lt;&gt;"")</formula>
    </cfRule>
    <cfRule type="expression" dxfId="4918" priority="7132">
      <formula>AND(Q$724="",Q$725="")</formula>
    </cfRule>
  </conditionalFormatting>
  <conditionalFormatting sqref="R724:R725">
    <cfRule type="expression" dxfId="4917" priority="7129">
      <formula>OR(R$724&lt;&gt;"",R$725&lt;&gt;"")</formula>
    </cfRule>
    <cfRule type="expression" dxfId="4916" priority="7130">
      <formula>AND(R$724="",R$725="")</formula>
    </cfRule>
  </conditionalFormatting>
  <conditionalFormatting sqref="R726:R729">
    <cfRule type="expression" dxfId="4915" priority="7127">
      <formula>OR(R$724&lt;&gt;"",R$725&lt;&gt;"")</formula>
    </cfRule>
    <cfRule type="expression" dxfId="4914" priority="7128">
      <formula>AND(R$724="",R$725="")</formula>
    </cfRule>
  </conditionalFormatting>
  <conditionalFormatting sqref="S724:S725">
    <cfRule type="expression" dxfId="4913" priority="7125">
      <formula>OR(S$724&lt;&gt;"",S$725&lt;&gt;"")</formula>
    </cfRule>
    <cfRule type="expression" dxfId="4912" priority="7126">
      <formula>AND(S$724="",S$725="")</formula>
    </cfRule>
  </conditionalFormatting>
  <conditionalFormatting sqref="S726:S729">
    <cfRule type="expression" dxfId="4911" priority="7123">
      <formula>OR(S$724&lt;&gt;"",S$725&lt;&gt;"")</formula>
    </cfRule>
    <cfRule type="expression" dxfId="4910" priority="7124">
      <formula>AND(S$724="",S$725="")</formula>
    </cfRule>
  </conditionalFormatting>
  <conditionalFormatting sqref="T724:T725">
    <cfRule type="expression" dxfId="4909" priority="7121">
      <formula>OR(T$724&lt;&gt;"",T$725&lt;&gt;"")</formula>
    </cfRule>
    <cfRule type="expression" dxfId="4908" priority="7122">
      <formula>AND(T$724="",T$725="")</formula>
    </cfRule>
  </conditionalFormatting>
  <conditionalFormatting sqref="T726:T729">
    <cfRule type="expression" dxfId="4907" priority="7119">
      <formula>OR(T$724&lt;&gt;"",T$725&lt;&gt;"")</formula>
    </cfRule>
    <cfRule type="expression" dxfId="4906" priority="7120">
      <formula>AND(T$724="",T$725="")</formula>
    </cfRule>
  </conditionalFormatting>
  <conditionalFormatting sqref="U724:U725">
    <cfRule type="expression" dxfId="4905" priority="7117">
      <formula>OR(U$724&lt;&gt;"",U$725&lt;&gt;"")</formula>
    </cfRule>
    <cfRule type="expression" dxfId="4904" priority="7118">
      <formula>AND(U$724="",U$725="")</formula>
    </cfRule>
  </conditionalFormatting>
  <conditionalFormatting sqref="U726:U729">
    <cfRule type="expression" dxfId="4903" priority="7115">
      <formula>OR(U$724&lt;&gt;"",U$725&lt;&gt;"")</formula>
    </cfRule>
    <cfRule type="expression" dxfId="4902" priority="7116">
      <formula>AND(U$724="",U$725="")</formula>
    </cfRule>
  </conditionalFormatting>
  <conditionalFormatting sqref="V724:V725">
    <cfRule type="expression" dxfId="4901" priority="7113">
      <formula>OR(V$724&lt;&gt;"",V$725&lt;&gt;"")</formula>
    </cfRule>
    <cfRule type="expression" dxfId="4900" priority="7114">
      <formula>AND(V$724="",V$725="")</formula>
    </cfRule>
  </conditionalFormatting>
  <conditionalFormatting sqref="V726:V729">
    <cfRule type="expression" dxfId="4899" priority="7111">
      <formula>OR(V$724&lt;&gt;"",V$725&lt;&gt;"")</formula>
    </cfRule>
    <cfRule type="expression" dxfId="4898" priority="7112">
      <formula>AND(V$724="",V$725="")</formula>
    </cfRule>
  </conditionalFormatting>
  <conditionalFormatting sqref="W724:W725">
    <cfRule type="expression" dxfId="4897" priority="7109">
      <formula>OR(W$724&lt;&gt;"",W$725&lt;&gt;"")</formula>
    </cfRule>
    <cfRule type="expression" dxfId="4896" priority="7110">
      <formula>AND(W$724="",W$725="")</formula>
    </cfRule>
  </conditionalFormatting>
  <conditionalFormatting sqref="W726:W729">
    <cfRule type="expression" dxfId="4895" priority="7107">
      <formula>OR(W$724&lt;&gt;"",W$725&lt;&gt;"")</formula>
    </cfRule>
    <cfRule type="expression" dxfId="4894" priority="7108">
      <formula>AND(W$724="",W$725="")</formula>
    </cfRule>
  </conditionalFormatting>
  <conditionalFormatting sqref="X724:X725">
    <cfRule type="expression" dxfId="4893" priority="7105">
      <formula>OR(X$724&lt;&gt;"",X$725&lt;&gt;"")</formula>
    </cfRule>
    <cfRule type="expression" dxfId="4892" priority="7106">
      <formula>AND(X$724="",X$725="")</formula>
    </cfRule>
  </conditionalFormatting>
  <conditionalFormatting sqref="X726:X729">
    <cfRule type="expression" dxfId="4891" priority="7103">
      <formula>OR(X$724&lt;&gt;"",X$725&lt;&gt;"")</formula>
    </cfRule>
    <cfRule type="expression" dxfId="4890" priority="7104">
      <formula>AND(X$724="",X$725="")</formula>
    </cfRule>
  </conditionalFormatting>
  <conditionalFormatting sqref="Y724:Y725">
    <cfRule type="expression" dxfId="4889" priority="7101">
      <formula>OR(Y$724&lt;&gt;"",Y$725&lt;&gt;"")</formula>
    </cfRule>
    <cfRule type="expression" dxfId="4888" priority="7102">
      <formula>AND(Y$724="",Y$725="")</formula>
    </cfRule>
  </conditionalFormatting>
  <conditionalFormatting sqref="Y726:Y729">
    <cfRule type="expression" dxfId="4887" priority="7099">
      <formula>OR(Y$724&lt;&gt;"",Y$725&lt;&gt;"")</formula>
    </cfRule>
    <cfRule type="expression" dxfId="4886" priority="7100">
      <formula>AND(Y$724="",Y$725="")</formula>
    </cfRule>
  </conditionalFormatting>
  <conditionalFormatting sqref="Z724:Z725">
    <cfRule type="expression" dxfId="4885" priority="7097">
      <formula>OR(Z$724&lt;&gt;"",Z$725&lt;&gt;"")</formula>
    </cfRule>
    <cfRule type="expression" dxfId="4884" priority="7098">
      <formula>AND(Z$724="",Z$725="")</formula>
    </cfRule>
  </conditionalFormatting>
  <conditionalFormatting sqref="Z726:Z729">
    <cfRule type="expression" dxfId="4883" priority="7095">
      <formula>OR(Z$724&lt;&gt;"",Z$725&lt;&gt;"")</formula>
    </cfRule>
    <cfRule type="expression" dxfId="4882" priority="7096">
      <formula>AND(Z$724="",Z$725="")</formula>
    </cfRule>
  </conditionalFormatting>
  <conditionalFormatting sqref="AA724:AA725">
    <cfRule type="expression" dxfId="4881" priority="7093">
      <formula>OR(AA$724&lt;&gt;"",AA$725&lt;&gt;"")</formula>
    </cfRule>
    <cfRule type="expression" dxfId="4880" priority="7094">
      <formula>AND(AA$724="",AA$725="")</formula>
    </cfRule>
  </conditionalFormatting>
  <conditionalFormatting sqref="AA726:AA729">
    <cfRule type="expression" dxfId="4879" priority="7091">
      <formula>OR(AA$724&lt;&gt;"",AA$725&lt;&gt;"")</formula>
    </cfRule>
    <cfRule type="expression" dxfId="4878" priority="7092">
      <formula>AND(AA$724="",AA$725="")</formula>
    </cfRule>
  </conditionalFormatting>
  <conditionalFormatting sqref="AB724:AB725">
    <cfRule type="expression" dxfId="4877" priority="7089">
      <formula>OR(AB$724&lt;&gt;"",AB$725&lt;&gt;"")</formula>
    </cfRule>
    <cfRule type="expression" dxfId="4876" priority="7090">
      <formula>AND(AB$724="",AB$725="")</formula>
    </cfRule>
  </conditionalFormatting>
  <conditionalFormatting sqref="AB726:AB729">
    <cfRule type="expression" dxfId="4875" priority="7087">
      <formula>OR(AB$724&lt;&gt;"",AB$725&lt;&gt;"")</formula>
    </cfRule>
    <cfRule type="expression" dxfId="4874" priority="7088">
      <formula>AND(AB$724="",AB$725="")</formula>
    </cfRule>
  </conditionalFormatting>
  <conditionalFormatting sqref="AC724:AC725">
    <cfRule type="expression" dxfId="4873" priority="7085">
      <formula>OR(AC$724&lt;&gt;"",AC$725&lt;&gt;"")</formula>
    </cfRule>
    <cfRule type="expression" dxfId="4872" priority="7086">
      <formula>AND(AC$724="",AC$725="")</formula>
    </cfRule>
  </conditionalFormatting>
  <conditionalFormatting sqref="AC726:AC729">
    <cfRule type="expression" dxfId="4871" priority="7083">
      <formula>OR(AC$724&lt;&gt;"",AC$725&lt;&gt;"")</formula>
    </cfRule>
    <cfRule type="expression" dxfId="4870" priority="7084">
      <formula>AND(AC$724="",AC$725="")</formula>
    </cfRule>
  </conditionalFormatting>
  <conditionalFormatting sqref="AD724:AD725">
    <cfRule type="expression" dxfId="4869" priority="7081">
      <formula>OR(AD$724&lt;&gt;"",AD$725&lt;&gt;"")</formula>
    </cfRule>
    <cfRule type="expression" dxfId="4868" priority="7082">
      <formula>AND(AD$724="",AD$725="")</formula>
    </cfRule>
  </conditionalFormatting>
  <conditionalFormatting sqref="AD726:AD729">
    <cfRule type="expression" dxfId="4867" priority="7079">
      <formula>OR(AD$724&lt;&gt;"",AD$725&lt;&gt;"")</formula>
    </cfRule>
    <cfRule type="expression" dxfId="4866" priority="7080">
      <formula>AND(AD$724="",AD$725="")</formula>
    </cfRule>
  </conditionalFormatting>
  <conditionalFormatting sqref="AE724:AE725">
    <cfRule type="expression" dxfId="4865" priority="7077">
      <formula>OR(AE$724&lt;&gt;"",AE$725&lt;&gt;"")</formula>
    </cfRule>
    <cfRule type="expression" dxfId="4864" priority="7078">
      <formula>AND(AE$724="",AE$725="")</formula>
    </cfRule>
  </conditionalFormatting>
  <conditionalFormatting sqref="AE726:AE729">
    <cfRule type="expression" dxfId="4863" priority="7075">
      <formula>OR(AE$724&lt;&gt;"",AE$725&lt;&gt;"")</formula>
    </cfRule>
    <cfRule type="expression" dxfId="4862" priority="7076">
      <formula>AND(AE$724="",AE$725="")</formula>
    </cfRule>
  </conditionalFormatting>
  <conditionalFormatting sqref="AF724:AF725">
    <cfRule type="expression" dxfId="4861" priority="7073">
      <formula>OR(AF$724&lt;&gt;"",AF$725&lt;&gt;"")</formula>
    </cfRule>
    <cfRule type="expression" dxfId="4860" priority="7074">
      <formula>AND(AF$724="",AF$725="")</formula>
    </cfRule>
  </conditionalFormatting>
  <conditionalFormatting sqref="AF726:AF729">
    <cfRule type="expression" dxfId="4859" priority="7071">
      <formula>OR(AF$724&lt;&gt;"",AF$725&lt;&gt;"")</formula>
    </cfRule>
    <cfRule type="expression" dxfId="4858" priority="7072">
      <formula>AND(AF$724="",AF$725="")</formula>
    </cfRule>
  </conditionalFormatting>
  <conditionalFormatting sqref="AG724:AG725">
    <cfRule type="expression" dxfId="4857" priority="7069">
      <formula>OR(AG$724&lt;&gt;"",AG$725&lt;&gt;"")</formula>
    </cfRule>
    <cfRule type="expression" dxfId="4856" priority="7070">
      <formula>AND(AG$724="",AG$725="")</formula>
    </cfRule>
  </conditionalFormatting>
  <conditionalFormatting sqref="AG726:AG729">
    <cfRule type="expression" dxfId="4855" priority="7067">
      <formula>OR(AG$724&lt;&gt;"",AG$725&lt;&gt;"")</formula>
    </cfRule>
    <cfRule type="expression" dxfId="4854" priority="7068">
      <formula>AND(AG$724="",AG$725="")</formula>
    </cfRule>
  </conditionalFormatting>
  <conditionalFormatting sqref="AH724:AH725">
    <cfRule type="expression" dxfId="4853" priority="7065">
      <formula>OR(AH$724&lt;&gt;"",AH$725&lt;&gt;"")</formula>
    </cfRule>
    <cfRule type="expression" dxfId="4852" priority="7066">
      <formula>AND(AH$724="",AH$725="")</formula>
    </cfRule>
  </conditionalFormatting>
  <conditionalFormatting sqref="AH726:AH729">
    <cfRule type="expression" dxfId="4851" priority="7063">
      <formula>OR(AH$724&lt;&gt;"",AH$725&lt;&gt;"")</formula>
    </cfRule>
    <cfRule type="expression" dxfId="4850" priority="7064">
      <formula>AND(AH$724="",AH$725="")</formula>
    </cfRule>
  </conditionalFormatting>
  <conditionalFormatting sqref="AI724:AI725">
    <cfRule type="expression" dxfId="4849" priority="7061">
      <formula>OR(AI$724&lt;&gt;"",AI$725&lt;&gt;"")</formula>
    </cfRule>
    <cfRule type="expression" dxfId="4848" priority="7062">
      <formula>AND(AI$724="",AI$725="")</formula>
    </cfRule>
  </conditionalFormatting>
  <conditionalFormatting sqref="AI726:AI729">
    <cfRule type="expression" dxfId="4847" priority="7059">
      <formula>OR(AI$724&lt;&gt;"",AI$725&lt;&gt;"")</formula>
    </cfRule>
    <cfRule type="expression" dxfId="4846" priority="7060">
      <formula>AND(AI$724="",AI$725="")</formula>
    </cfRule>
  </conditionalFormatting>
  <conditionalFormatting sqref="AJ724:AJ725">
    <cfRule type="expression" dxfId="4845" priority="7057">
      <formula>OR(AJ$724&lt;&gt;"",AJ$725&lt;&gt;"")</formula>
    </cfRule>
    <cfRule type="expression" dxfId="4844" priority="7058">
      <formula>AND(AJ$724="",AJ$725="")</formula>
    </cfRule>
  </conditionalFormatting>
  <conditionalFormatting sqref="AJ726:AJ729">
    <cfRule type="expression" dxfId="4843" priority="7055">
      <formula>OR(AJ$724&lt;&gt;"",AJ$725&lt;&gt;"")</formula>
    </cfRule>
    <cfRule type="expression" dxfId="4842" priority="7056">
      <formula>AND(AJ$724="",AJ$725="")</formula>
    </cfRule>
  </conditionalFormatting>
  <conditionalFormatting sqref="AK724:AK725">
    <cfRule type="expression" dxfId="4841" priority="7053">
      <formula>OR(AK$724&lt;&gt;"",AK$725&lt;&gt;"")</formula>
    </cfRule>
    <cfRule type="expression" dxfId="4840" priority="7054">
      <formula>AND(AK$724="",AK$725="")</formula>
    </cfRule>
  </conditionalFormatting>
  <conditionalFormatting sqref="AK726:AK729">
    <cfRule type="expression" dxfId="4839" priority="7051">
      <formula>OR(AK$724&lt;&gt;"",AK$725&lt;&gt;"")</formula>
    </cfRule>
    <cfRule type="expression" dxfId="4838" priority="7052">
      <formula>AND(AK$724="",AK$725="")</formula>
    </cfRule>
  </conditionalFormatting>
  <conditionalFormatting sqref="AL724:AL725">
    <cfRule type="expression" dxfId="4837" priority="7049">
      <formula>OR(AL$724&lt;&gt;"",AL$725&lt;&gt;"")</formula>
    </cfRule>
    <cfRule type="expression" dxfId="4836" priority="7050">
      <formula>AND(AL$724="",AL$725="")</formula>
    </cfRule>
  </conditionalFormatting>
  <conditionalFormatting sqref="AL726:AL729">
    <cfRule type="expression" dxfId="4835" priority="7047">
      <formula>OR(AL$724&lt;&gt;"",AL$725&lt;&gt;"")</formula>
    </cfRule>
    <cfRule type="expression" dxfId="4834" priority="7048">
      <formula>AND(AL$724="",AL$725="")</formula>
    </cfRule>
  </conditionalFormatting>
  <conditionalFormatting sqref="AM724:AM725">
    <cfRule type="expression" dxfId="4833" priority="7045">
      <formula>OR(AM$724&lt;&gt;"",AM$725&lt;&gt;"")</formula>
    </cfRule>
    <cfRule type="expression" dxfId="4832" priority="7046">
      <formula>AND(AM$724="",AM$725="")</formula>
    </cfRule>
  </conditionalFormatting>
  <conditionalFormatting sqref="AM726:AM729">
    <cfRule type="expression" dxfId="4831" priority="7043">
      <formula>OR(AM$724&lt;&gt;"",AM$725&lt;&gt;"")</formula>
    </cfRule>
    <cfRule type="expression" dxfId="4830" priority="7044">
      <formula>AND(AM$724="",AM$725="")</formula>
    </cfRule>
  </conditionalFormatting>
  <conditionalFormatting sqref="AN724:AN725">
    <cfRule type="expression" dxfId="4829" priority="7041">
      <formula>OR(AN$724&lt;&gt;"",AN$725&lt;&gt;"")</formula>
    </cfRule>
    <cfRule type="expression" dxfId="4828" priority="7042">
      <formula>AND(AN$724="",AN$725="")</formula>
    </cfRule>
  </conditionalFormatting>
  <conditionalFormatting sqref="AN726:AN729">
    <cfRule type="expression" dxfId="4827" priority="7039">
      <formula>OR(AN$724&lt;&gt;"",AN$725&lt;&gt;"")</formula>
    </cfRule>
    <cfRule type="expression" dxfId="4826" priority="7040">
      <formula>AND(AN$724="",AN$725="")</formula>
    </cfRule>
  </conditionalFormatting>
  <conditionalFormatting sqref="AO724:AO725">
    <cfRule type="expression" dxfId="4825" priority="7037">
      <formula>OR(AO$724&lt;&gt;"",AO$725&lt;&gt;"")</formula>
    </cfRule>
    <cfRule type="expression" dxfId="4824" priority="7038">
      <formula>AND(AO$724="",AO$725="")</formula>
    </cfRule>
  </conditionalFormatting>
  <conditionalFormatting sqref="AO726:AO729">
    <cfRule type="expression" dxfId="4823" priority="7035">
      <formula>OR(AO$724&lt;&gt;"",AO$725&lt;&gt;"")</formula>
    </cfRule>
    <cfRule type="expression" dxfId="4822" priority="7036">
      <formula>AND(AO$724="",AO$725="")</formula>
    </cfRule>
  </conditionalFormatting>
  <conditionalFormatting sqref="AP724:AP725">
    <cfRule type="expression" dxfId="4821" priority="7033">
      <formula>OR(AP$724&lt;&gt;"",AP$725&lt;&gt;"")</formula>
    </cfRule>
    <cfRule type="expression" dxfId="4820" priority="7034">
      <formula>AND(AP$724="",AP$725="")</formula>
    </cfRule>
  </conditionalFormatting>
  <conditionalFormatting sqref="AP726:AP729">
    <cfRule type="expression" dxfId="4819" priority="7031">
      <formula>OR(AP$724&lt;&gt;"",AP$725&lt;&gt;"")</formula>
    </cfRule>
    <cfRule type="expression" dxfId="4818" priority="7032">
      <formula>AND(AP$724="",AP$725="")</formula>
    </cfRule>
  </conditionalFormatting>
  <conditionalFormatting sqref="AQ724:AQ725">
    <cfRule type="expression" dxfId="4817" priority="7029">
      <formula>OR(AQ$724&lt;&gt;"",AQ$725&lt;&gt;"")</formula>
    </cfRule>
    <cfRule type="expression" dxfId="4816" priority="7030">
      <formula>AND(AQ$724="",AQ$725="")</formula>
    </cfRule>
  </conditionalFormatting>
  <conditionalFormatting sqref="AQ726:AQ729">
    <cfRule type="expression" dxfId="4815" priority="7027">
      <formula>OR(AQ$724&lt;&gt;"",AQ$725&lt;&gt;"")</formula>
    </cfRule>
    <cfRule type="expression" dxfId="4814" priority="7028">
      <formula>AND(AQ$724="",AQ$725="")</formula>
    </cfRule>
  </conditionalFormatting>
  <conditionalFormatting sqref="AR724:AR725">
    <cfRule type="expression" dxfId="4813" priority="7025">
      <formula>OR(AR$724&lt;&gt;"",AR$725&lt;&gt;"")</formula>
    </cfRule>
    <cfRule type="expression" dxfId="4812" priority="7026">
      <formula>AND(AR$724="",AR$725="")</formula>
    </cfRule>
  </conditionalFormatting>
  <conditionalFormatting sqref="AR726:AR729">
    <cfRule type="expression" dxfId="4811" priority="7023">
      <formula>OR(AR$724&lt;&gt;"",AR$725&lt;&gt;"")</formula>
    </cfRule>
    <cfRule type="expression" dxfId="4810" priority="7024">
      <formula>AND(AR$724="",AR$725="")</formula>
    </cfRule>
  </conditionalFormatting>
  <conditionalFormatting sqref="AS724:AS725">
    <cfRule type="expression" dxfId="4809" priority="7021">
      <formula>OR(AS$724&lt;&gt;"",AS$725&lt;&gt;"")</formula>
    </cfRule>
    <cfRule type="expression" dxfId="4808" priority="7022">
      <formula>AND(AS$724="",AS$725="")</formula>
    </cfRule>
  </conditionalFormatting>
  <conditionalFormatting sqref="AS726:AS729">
    <cfRule type="expression" dxfId="4807" priority="7019">
      <formula>OR(AS$724&lt;&gt;"",AS$725&lt;&gt;"")</formula>
    </cfRule>
    <cfRule type="expression" dxfId="4806" priority="7020">
      <formula>AND(AS$724="",AS$725="")</formula>
    </cfRule>
  </conditionalFormatting>
  <conditionalFormatting sqref="AT724:AT725">
    <cfRule type="expression" dxfId="4805" priority="7017">
      <formula>OR(AT$724&lt;&gt;"",AT$725&lt;&gt;"")</formula>
    </cfRule>
    <cfRule type="expression" dxfId="4804" priority="7018">
      <formula>AND(AT$724="",AT$725="")</formula>
    </cfRule>
  </conditionalFormatting>
  <conditionalFormatting sqref="AT726:AT729">
    <cfRule type="expression" dxfId="4803" priority="7015">
      <formula>OR(AT$724&lt;&gt;"",AT$725&lt;&gt;"")</formula>
    </cfRule>
    <cfRule type="expression" dxfId="4802" priority="7016">
      <formula>AND(AT$724="",AT$725="")</formula>
    </cfRule>
  </conditionalFormatting>
  <conditionalFormatting sqref="AU724:AU725">
    <cfRule type="expression" dxfId="4801" priority="7013">
      <formula>OR(AU$724&lt;&gt;"",AU$725&lt;&gt;"")</formula>
    </cfRule>
    <cfRule type="expression" dxfId="4800" priority="7014">
      <formula>AND(AU$724="",AU$725="")</formula>
    </cfRule>
  </conditionalFormatting>
  <conditionalFormatting sqref="AU726:AU729">
    <cfRule type="expression" dxfId="4799" priority="7011">
      <formula>OR(AU$724&lt;&gt;"",AU$725&lt;&gt;"")</formula>
    </cfRule>
    <cfRule type="expression" dxfId="4798" priority="7012">
      <formula>AND(AU$724="",AU$725="")</formula>
    </cfRule>
  </conditionalFormatting>
  <conditionalFormatting sqref="AV724:AV725">
    <cfRule type="expression" dxfId="4797" priority="7009">
      <formula>OR(AV$724&lt;&gt;"",AV$725&lt;&gt;"")</formula>
    </cfRule>
    <cfRule type="expression" dxfId="4796" priority="7010">
      <formula>AND(AV$724="",AV$725="")</formula>
    </cfRule>
  </conditionalFormatting>
  <conditionalFormatting sqref="AV726:AV729">
    <cfRule type="expression" dxfId="4795" priority="7007">
      <formula>OR(AV$724&lt;&gt;"",AV$725&lt;&gt;"")</formula>
    </cfRule>
    <cfRule type="expression" dxfId="4794" priority="7008">
      <formula>AND(AV$724="",AV$725="")</formula>
    </cfRule>
  </conditionalFormatting>
  <conditionalFormatting sqref="AW724:AW725">
    <cfRule type="expression" dxfId="4793" priority="7005">
      <formula>OR(AW$724&lt;&gt;"",AW$725&lt;&gt;"")</formula>
    </cfRule>
    <cfRule type="expression" dxfId="4792" priority="7006">
      <formula>AND(AW$724="",AW$725="")</formula>
    </cfRule>
  </conditionalFormatting>
  <conditionalFormatting sqref="AW726:AW729">
    <cfRule type="expression" dxfId="4791" priority="7003">
      <formula>OR(AW$724&lt;&gt;"",AW$725&lt;&gt;"")</formula>
    </cfRule>
    <cfRule type="expression" dxfId="4790" priority="7004">
      <formula>AND(AW$724="",AW$725="")</formula>
    </cfRule>
  </conditionalFormatting>
  <conditionalFormatting sqref="AX724:AX725">
    <cfRule type="expression" dxfId="4789" priority="7001">
      <formula>OR(AX$724&lt;&gt;"",AX$725&lt;&gt;"")</formula>
    </cfRule>
    <cfRule type="expression" dxfId="4788" priority="7002">
      <formula>AND(AX$724="",AX$725="")</formula>
    </cfRule>
  </conditionalFormatting>
  <conditionalFormatting sqref="AX726:AX729">
    <cfRule type="expression" dxfId="4787" priority="6999">
      <formula>OR(AX$724&lt;&gt;"",AX$725&lt;&gt;"")</formula>
    </cfRule>
    <cfRule type="expression" dxfId="4786" priority="7000">
      <formula>AND(AX$724="",AX$725="")</formula>
    </cfRule>
  </conditionalFormatting>
  <conditionalFormatting sqref="AY724:AY725">
    <cfRule type="expression" dxfId="4785" priority="6997">
      <formula>OR(AY$724&lt;&gt;"",AY$725&lt;&gt;"")</formula>
    </cfRule>
    <cfRule type="expression" dxfId="4784" priority="6998">
      <formula>AND(AY$724="",AY$725="")</formula>
    </cfRule>
  </conditionalFormatting>
  <conditionalFormatting sqref="AY726:AY729">
    <cfRule type="expression" dxfId="4783" priority="6995">
      <formula>OR(AY$724&lt;&gt;"",AY$725&lt;&gt;"")</formula>
    </cfRule>
    <cfRule type="expression" dxfId="4782" priority="6996">
      <formula>AND(AY$724="",AY$725="")</formula>
    </cfRule>
  </conditionalFormatting>
  <conditionalFormatting sqref="AZ724:AZ725">
    <cfRule type="expression" dxfId="4781" priority="6993">
      <formula>OR(AZ$724&lt;&gt;"",AZ$725&lt;&gt;"")</formula>
    </cfRule>
    <cfRule type="expression" dxfId="4780" priority="6994">
      <formula>AND(AZ$724="",AZ$725="")</formula>
    </cfRule>
  </conditionalFormatting>
  <conditionalFormatting sqref="AZ726:AZ729">
    <cfRule type="expression" dxfId="4779" priority="6991">
      <formula>OR(AZ$724&lt;&gt;"",AZ$725&lt;&gt;"")</formula>
    </cfRule>
    <cfRule type="expression" dxfId="4778" priority="6992">
      <formula>AND(AZ$724="",AZ$725="")</formula>
    </cfRule>
  </conditionalFormatting>
  <conditionalFormatting sqref="BA724:BA725">
    <cfRule type="expression" dxfId="4777" priority="6989">
      <formula>OR(BA$724&lt;&gt;"",BA$725&lt;&gt;"")</formula>
    </cfRule>
    <cfRule type="expression" dxfId="4776" priority="6990">
      <formula>AND(BA$724="",BA$725="")</formula>
    </cfRule>
  </conditionalFormatting>
  <conditionalFormatting sqref="BA726:BA729">
    <cfRule type="expression" dxfId="4775" priority="6987">
      <formula>OR(BA$724&lt;&gt;"",BA$725&lt;&gt;"")</formula>
    </cfRule>
    <cfRule type="expression" dxfId="4774" priority="6988">
      <formula>AND(BA$724="",BA$725="")</formula>
    </cfRule>
  </conditionalFormatting>
  <conditionalFormatting sqref="BB724:BB725">
    <cfRule type="expression" dxfId="4773" priority="6985">
      <formula>OR(BB$724&lt;&gt;"",BB$725&lt;&gt;"")</formula>
    </cfRule>
    <cfRule type="expression" dxfId="4772" priority="6986">
      <formula>AND(BB$724="",BB$725="")</formula>
    </cfRule>
  </conditionalFormatting>
  <conditionalFormatting sqref="BB726:BB729">
    <cfRule type="expression" dxfId="4771" priority="6983">
      <formula>OR(BB$724&lt;&gt;"",BB$725&lt;&gt;"")</formula>
    </cfRule>
    <cfRule type="expression" dxfId="4770" priority="6984">
      <formula>AND(BB$724="",BB$725="")</formula>
    </cfRule>
  </conditionalFormatting>
  <conditionalFormatting sqref="BC724:BC725">
    <cfRule type="expression" dxfId="4769" priority="6981">
      <formula>OR(BC$724&lt;&gt;"",BC$725&lt;&gt;"")</formula>
    </cfRule>
    <cfRule type="expression" dxfId="4768" priority="6982">
      <formula>AND(BC$724="",BC$725="")</formula>
    </cfRule>
  </conditionalFormatting>
  <conditionalFormatting sqref="BC726:BC729">
    <cfRule type="expression" dxfId="4767" priority="6979">
      <formula>OR(BC$724&lt;&gt;"",BC$725&lt;&gt;"")</formula>
    </cfRule>
    <cfRule type="expression" dxfId="4766" priority="6980">
      <formula>AND(BC$724="",BC$725="")</formula>
    </cfRule>
  </conditionalFormatting>
  <conditionalFormatting sqref="BD724:BD725">
    <cfRule type="expression" dxfId="4765" priority="6977">
      <formula>OR(BD$724&lt;&gt;"",BD$725&lt;&gt;"")</formula>
    </cfRule>
    <cfRule type="expression" dxfId="4764" priority="6978">
      <formula>AND(BD$724="",BD$725="")</formula>
    </cfRule>
  </conditionalFormatting>
  <conditionalFormatting sqref="BD726:BD729">
    <cfRule type="expression" dxfId="4763" priority="6975">
      <formula>OR(BD$724&lt;&gt;"",BD$725&lt;&gt;"")</formula>
    </cfRule>
    <cfRule type="expression" dxfId="4762" priority="6976">
      <formula>AND(BD$724="",BD$725="")</formula>
    </cfRule>
  </conditionalFormatting>
  <conditionalFormatting sqref="BE724:BE725">
    <cfRule type="expression" dxfId="4761" priority="6973">
      <formula>OR(BE$724&lt;&gt;"",BE$725&lt;&gt;"")</formula>
    </cfRule>
    <cfRule type="expression" dxfId="4760" priority="6974">
      <formula>AND(BE$724="",BE$725="")</formula>
    </cfRule>
  </conditionalFormatting>
  <conditionalFormatting sqref="BE726:BE729">
    <cfRule type="expression" dxfId="4759" priority="6971">
      <formula>OR(BE$724&lt;&gt;"",BE$725&lt;&gt;"")</formula>
    </cfRule>
    <cfRule type="expression" dxfId="4758" priority="6972">
      <formula>AND(BE$724="",BE$725="")</formula>
    </cfRule>
  </conditionalFormatting>
  <conditionalFormatting sqref="BF724:BF725">
    <cfRule type="expression" dxfId="4757" priority="6969">
      <formula>OR(BF$724&lt;&gt;"",BF$725&lt;&gt;"")</formula>
    </cfRule>
    <cfRule type="expression" dxfId="4756" priority="6970">
      <formula>AND(BF$724="",BF$725="")</formula>
    </cfRule>
  </conditionalFormatting>
  <conditionalFormatting sqref="BF726:BF729">
    <cfRule type="expression" dxfId="4755" priority="6967">
      <formula>OR(BF$724&lt;&gt;"",BF$725&lt;&gt;"")</formula>
    </cfRule>
    <cfRule type="expression" dxfId="4754" priority="6968">
      <formula>AND(BF$724="",BF$725="")</formula>
    </cfRule>
  </conditionalFormatting>
  <conditionalFormatting sqref="BG724:BG725">
    <cfRule type="expression" dxfId="4753" priority="6965">
      <formula>OR(BG$724&lt;&gt;"",BG$725&lt;&gt;"")</formula>
    </cfRule>
    <cfRule type="expression" dxfId="4752" priority="6966">
      <formula>AND(BG$724="",BG$725="")</formula>
    </cfRule>
  </conditionalFormatting>
  <conditionalFormatting sqref="BG726:BG729">
    <cfRule type="expression" dxfId="4751" priority="6963">
      <formula>OR(BG$724&lt;&gt;"",BG$725&lt;&gt;"")</formula>
    </cfRule>
    <cfRule type="expression" dxfId="4750" priority="6964">
      <formula>AND(BG$724="",BG$725="")</formula>
    </cfRule>
  </conditionalFormatting>
  <conditionalFormatting sqref="BH724:BH725">
    <cfRule type="expression" dxfId="4749" priority="6961">
      <formula>OR(BH$724&lt;&gt;"",BH$725&lt;&gt;"")</formula>
    </cfRule>
    <cfRule type="expression" dxfId="4748" priority="6962">
      <formula>AND(BH$724="",BH$725="")</formula>
    </cfRule>
  </conditionalFormatting>
  <conditionalFormatting sqref="BH726:BH729">
    <cfRule type="expression" dxfId="4747" priority="6959">
      <formula>OR(BH$724&lt;&gt;"",BH$725&lt;&gt;"")</formula>
    </cfRule>
    <cfRule type="expression" dxfId="4746" priority="6960">
      <formula>AND(BH$724="",BH$725="")</formula>
    </cfRule>
  </conditionalFormatting>
  <conditionalFormatting sqref="BI724:BI725">
    <cfRule type="expression" dxfId="4745" priority="6957">
      <formula>OR(BI$724&lt;&gt;"",BI$725&lt;&gt;"")</formula>
    </cfRule>
    <cfRule type="expression" dxfId="4744" priority="6958">
      <formula>AND(BI$724="",BI$725="")</formula>
    </cfRule>
  </conditionalFormatting>
  <conditionalFormatting sqref="BI726:BI729">
    <cfRule type="expression" dxfId="4743" priority="6955">
      <formula>OR(BI$724&lt;&gt;"",BI$725&lt;&gt;"")</formula>
    </cfRule>
    <cfRule type="expression" dxfId="4742" priority="6956">
      <formula>AND(BI$724="",BI$725="")</formula>
    </cfRule>
  </conditionalFormatting>
  <conditionalFormatting sqref="BJ724:BJ725">
    <cfRule type="expression" dxfId="4741" priority="6953">
      <formula>OR(BJ$724&lt;&gt;"",BJ$725&lt;&gt;"")</formula>
    </cfRule>
    <cfRule type="expression" dxfId="4740" priority="6954">
      <formula>AND(BJ$724="",BJ$725="")</formula>
    </cfRule>
  </conditionalFormatting>
  <conditionalFormatting sqref="BJ726:BJ729">
    <cfRule type="expression" dxfId="4739" priority="6951">
      <formula>OR(BJ$724&lt;&gt;"",BJ$725&lt;&gt;"")</formula>
    </cfRule>
    <cfRule type="expression" dxfId="4738" priority="6952">
      <formula>AND(BJ$724="",BJ$725="")</formula>
    </cfRule>
  </conditionalFormatting>
  <conditionalFormatting sqref="BK724:BK725">
    <cfRule type="expression" dxfId="4737" priority="6949">
      <formula>OR(BK$724&lt;&gt;"",BK$725&lt;&gt;"")</formula>
    </cfRule>
    <cfRule type="expression" dxfId="4736" priority="6950">
      <formula>AND(BK$724="",BK$725="")</formula>
    </cfRule>
  </conditionalFormatting>
  <conditionalFormatting sqref="BK726:BK729">
    <cfRule type="expression" dxfId="4735" priority="6947">
      <formula>OR(BK$724&lt;&gt;"",BK$725&lt;&gt;"")</formula>
    </cfRule>
    <cfRule type="expression" dxfId="4734" priority="6948">
      <formula>AND(BK$724="",BK$725="")</formula>
    </cfRule>
  </conditionalFormatting>
  <conditionalFormatting sqref="BL724:BL725">
    <cfRule type="expression" dxfId="4733" priority="6945">
      <formula>OR(BL$724&lt;&gt;"",BL$725&lt;&gt;"")</formula>
    </cfRule>
    <cfRule type="expression" dxfId="4732" priority="6946">
      <formula>AND(BL$724="",BL$725="")</formula>
    </cfRule>
  </conditionalFormatting>
  <conditionalFormatting sqref="BL726:BL729">
    <cfRule type="expression" dxfId="4731" priority="6943">
      <formula>OR(BL$724&lt;&gt;"",BL$725&lt;&gt;"")</formula>
    </cfRule>
    <cfRule type="expression" dxfId="4730" priority="6944">
      <formula>AND(BL$724="",BL$725="")</formula>
    </cfRule>
  </conditionalFormatting>
  <conditionalFormatting sqref="BM724:BM725">
    <cfRule type="expression" dxfId="4729" priority="6941">
      <formula>OR(BM$724&lt;&gt;"",BM$725&lt;&gt;"")</formula>
    </cfRule>
    <cfRule type="expression" dxfId="4728" priority="6942">
      <formula>AND(BM$724="",BM$725="")</formula>
    </cfRule>
  </conditionalFormatting>
  <conditionalFormatting sqref="BM726:BM729">
    <cfRule type="expression" dxfId="4727" priority="6939">
      <formula>OR(BM$724&lt;&gt;"",BM$725&lt;&gt;"")</formula>
    </cfRule>
    <cfRule type="expression" dxfId="4726" priority="6940">
      <formula>AND(BM$724="",BM$725="")</formula>
    </cfRule>
  </conditionalFormatting>
  <conditionalFormatting sqref="BN724:BN725">
    <cfRule type="expression" dxfId="4725" priority="6937">
      <formula>OR(BN$724&lt;&gt;"",BN$725&lt;&gt;"")</formula>
    </cfRule>
    <cfRule type="expression" dxfId="4724" priority="6938">
      <formula>AND(BN$724="",BN$725="")</formula>
    </cfRule>
  </conditionalFormatting>
  <conditionalFormatting sqref="BN726:BN729">
    <cfRule type="expression" dxfId="4723" priority="6935">
      <formula>OR(BN$724&lt;&gt;"",BN$725&lt;&gt;"")</formula>
    </cfRule>
    <cfRule type="expression" dxfId="4722" priority="6936">
      <formula>AND(BN$724="",BN$725="")</formula>
    </cfRule>
  </conditionalFormatting>
  <conditionalFormatting sqref="BO724:BO725">
    <cfRule type="expression" dxfId="4721" priority="6933">
      <formula>OR(BO$724&lt;&gt;"",BO$725&lt;&gt;"")</formula>
    </cfRule>
    <cfRule type="expression" dxfId="4720" priority="6934">
      <formula>AND(BO$724="",BO$725="")</formula>
    </cfRule>
  </conditionalFormatting>
  <conditionalFormatting sqref="BO726:BO729">
    <cfRule type="expression" dxfId="4719" priority="6931">
      <formula>OR(BO$724&lt;&gt;"",BO$725&lt;&gt;"")</formula>
    </cfRule>
    <cfRule type="expression" dxfId="4718" priority="6932">
      <formula>AND(BO$724="",BO$725="")</formula>
    </cfRule>
  </conditionalFormatting>
  <conditionalFormatting sqref="BP724:BP725">
    <cfRule type="expression" dxfId="4717" priority="6929">
      <formula>OR(BP$724&lt;&gt;"",BP$725&lt;&gt;"")</formula>
    </cfRule>
    <cfRule type="expression" dxfId="4716" priority="6930">
      <formula>AND(BP$724="",BP$725="")</formula>
    </cfRule>
  </conditionalFormatting>
  <conditionalFormatting sqref="BP726:BP729">
    <cfRule type="expression" dxfId="4715" priority="6927">
      <formula>OR(BP$724&lt;&gt;"",BP$725&lt;&gt;"")</formula>
    </cfRule>
    <cfRule type="expression" dxfId="4714" priority="6928">
      <formula>AND(BP$724="",BP$725="")</formula>
    </cfRule>
  </conditionalFormatting>
  <conditionalFormatting sqref="BQ724:BQ725">
    <cfRule type="expression" dxfId="4713" priority="6925">
      <formula>OR(BQ$724&lt;&gt;"",BQ$725&lt;&gt;"")</formula>
    </cfRule>
    <cfRule type="expression" dxfId="4712" priority="6926">
      <formula>AND(BQ$724="",BQ$725="")</formula>
    </cfRule>
  </conditionalFormatting>
  <conditionalFormatting sqref="BQ726:BQ729">
    <cfRule type="expression" dxfId="4711" priority="6923">
      <formula>OR(BQ$724&lt;&gt;"",BQ$725&lt;&gt;"")</formula>
    </cfRule>
    <cfRule type="expression" dxfId="4710" priority="6924">
      <formula>AND(BQ$724="",BQ$725="")</formula>
    </cfRule>
  </conditionalFormatting>
  <conditionalFormatting sqref="BR724:BR725">
    <cfRule type="expression" dxfId="4709" priority="6921">
      <formula>OR(BR$724&lt;&gt;"",BR$725&lt;&gt;"")</formula>
    </cfRule>
    <cfRule type="expression" dxfId="4708" priority="6922">
      <formula>AND(BR$724="",BR$725="")</formula>
    </cfRule>
  </conditionalFormatting>
  <conditionalFormatting sqref="BR726:BR729">
    <cfRule type="expression" dxfId="4707" priority="6919">
      <formula>OR(BR$724&lt;&gt;"",BR$725&lt;&gt;"")</formula>
    </cfRule>
    <cfRule type="expression" dxfId="4706" priority="6920">
      <formula>AND(BR$724="",BR$725="")</formula>
    </cfRule>
  </conditionalFormatting>
  <conditionalFormatting sqref="BS724:BS725">
    <cfRule type="expression" dxfId="4705" priority="6917">
      <formula>OR(BS$724&lt;&gt;"",BS$725&lt;&gt;"")</formula>
    </cfRule>
    <cfRule type="expression" dxfId="4704" priority="6918">
      <formula>AND(BS$724="",BS$725="")</formula>
    </cfRule>
  </conditionalFormatting>
  <conditionalFormatting sqref="BS726:BS729">
    <cfRule type="expression" dxfId="4703" priority="6915">
      <formula>OR(BS$724&lt;&gt;"",BS$725&lt;&gt;"")</formula>
    </cfRule>
    <cfRule type="expression" dxfId="4702" priority="6916">
      <formula>AND(BS$724="",BS$725="")</formula>
    </cfRule>
  </conditionalFormatting>
  <conditionalFormatting sqref="M189:M192">
    <cfRule type="expression" dxfId="4701" priority="6914">
      <formula>AND($M$187="",$M$188="")</formula>
    </cfRule>
  </conditionalFormatting>
  <conditionalFormatting sqref="M96">
    <cfRule type="expression" dxfId="4700" priority="6795">
      <formula>OR($M$94&lt;&gt;"",$M$95&lt;&gt;"")</formula>
    </cfRule>
    <cfRule type="expression" dxfId="4699" priority="6796">
      <formula>AND($M$94="",$M$95="")</formula>
    </cfRule>
  </conditionalFormatting>
  <conditionalFormatting sqref="M94:M95">
    <cfRule type="expression" dxfId="4698" priority="6791">
      <formula>OR(M$94&lt;&gt;"",M$95&lt;&gt;"")</formula>
    </cfRule>
    <cfRule type="expression" dxfId="4697" priority="6792">
      <formula>AND(M$94="",M$95="")</formula>
    </cfRule>
  </conditionalFormatting>
  <conditionalFormatting sqref="N94:N95">
    <cfRule type="expression" dxfId="4696" priority="6787">
      <formula>OR(N$94&lt;&gt;"",N$95&lt;&gt;"")</formula>
    </cfRule>
    <cfRule type="expression" dxfId="4695" priority="6788">
      <formula>AND(N$94="",N$95="")</formula>
    </cfRule>
  </conditionalFormatting>
  <conditionalFormatting sqref="N96">
    <cfRule type="expression" dxfId="4694" priority="6783">
      <formula>OR(N$94&lt;&gt;"",N$95&lt;&gt;"")</formula>
    </cfRule>
    <cfRule type="expression" dxfId="4693" priority="6784">
      <formula>AND(N$94="",N$95="")</formula>
    </cfRule>
  </conditionalFormatting>
  <conditionalFormatting sqref="O96">
    <cfRule type="expression" dxfId="4692" priority="6741">
      <formula>OR(O$94&lt;&gt;"",O$95&lt;&gt;"")</formula>
    </cfRule>
    <cfRule type="expression" dxfId="4691" priority="6742">
      <formula>AND(O$94="",O$95="")</formula>
    </cfRule>
  </conditionalFormatting>
  <conditionalFormatting sqref="P96">
    <cfRule type="expression" dxfId="4690" priority="6735">
      <formula>OR(P$94&lt;&gt;"",P$95&lt;&gt;"")</formula>
    </cfRule>
    <cfRule type="expression" dxfId="4689" priority="6736">
      <formula>AND(P$94="",P$95="")</formula>
    </cfRule>
  </conditionalFormatting>
  <conditionalFormatting sqref="Q96">
    <cfRule type="expression" dxfId="4688" priority="6729">
      <formula>OR(Q$94&lt;&gt;"",Q$95&lt;&gt;"")</formula>
    </cfRule>
    <cfRule type="expression" dxfId="4687" priority="6730">
      <formula>AND(Q$94="",Q$95="")</formula>
    </cfRule>
  </conditionalFormatting>
  <conditionalFormatting sqref="R96">
    <cfRule type="expression" dxfId="4686" priority="6723">
      <formula>OR(R$94&lt;&gt;"",R$95&lt;&gt;"")</formula>
    </cfRule>
    <cfRule type="expression" dxfId="4685" priority="6724">
      <formula>AND(R$94="",R$95="")</formula>
    </cfRule>
  </conditionalFormatting>
  <conditionalFormatting sqref="S96">
    <cfRule type="expression" dxfId="4684" priority="6717">
      <formula>OR(S$94&lt;&gt;"",S$95&lt;&gt;"")</formula>
    </cfRule>
    <cfRule type="expression" dxfId="4683" priority="6718">
      <formula>AND(S$94="",S$95="")</formula>
    </cfRule>
  </conditionalFormatting>
  <conditionalFormatting sqref="T96">
    <cfRule type="expression" dxfId="4682" priority="6711">
      <formula>OR(T$94&lt;&gt;"",T$95&lt;&gt;"")</formula>
    </cfRule>
    <cfRule type="expression" dxfId="4681" priority="6712">
      <formula>AND(T$94="",T$95="")</formula>
    </cfRule>
  </conditionalFormatting>
  <conditionalFormatting sqref="U96">
    <cfRule type="expression" dxfId="4680" priority="6705">
      <formula>OR(U$94&lt;&gt;"",U$95&lt;&gt;"")</formula>
    </cfRule>
    <cfRule type="expression" dxfId="4679" priority="6706">
      <formula>AND(U$94="",U$95="")</formula>
    </cfRule>
  </conditionalFormatting>
  <conditionalFormatting sqref="V96">
    <cfRule type="expression" dxfId="4678" priority="6699">
      <formula>OR(V$94&lt;&gt;"",V$95&lt;&gt;"")</formula>
    </cfRule>
    <cfRule type="expression" dxfId="4677" priority="6700">
      <formula>AND(V$94="",V$95="")</formula>
    </cfRule>
  </conditionalFormatting>
  <conditionalFormatting sqref="W96">
    <cfRule type="expression" dxfId="4676" priority="6693">
      <formula>OR(W$94&lt;&gt;"",W$95&lt;&gt;"")</formula>
    </cfRule>
    <cfRule type="expression" dxfId="4675" priority="6694">
      <formula>AND(W$94="",W$95="")</formula>
    </cfRule>
  </conditionalFormatting>
  <conditionalFormatting sqref="X96">
    <cfRule type="expression" dxfId="4674" priority="6687">
      <formula>OR(X$94&lt;&gt;"",X$95&lt;&gt;"")</formula>
    </cfRule>
    <cfRule type="expression" dxfId="4673" priority="6688">
      <formula>AND(X$94="",X$95="")</formula>
    </cfRule>
  </conditionalFormatting>
  <conditionalFormatting sqref="Y96">
    <cfRule type="expression" dxfId="4672" priority="6681">
      <formula>OR(Y$94&lt;&gt;"",Y$95&lt;&gt;"")</formula>
    </cfRule>
    <cfRule type="expression" dxfId="4671" priority="6682">
      <formula>AND(Y$94="",Y$95="")</formula>
    </cfRule>
  </conditionalFormatting>
  <conditionalFormatting sqref="Z96">
    <cfRule type="expression" dxfId="4670" priority="6675">
      <formula>OR(Z$94&lt;&gt;"",Z$95&lt;&gt;"")</formula>
    </cfRule>
    <cfRule type="expression" dxfId="4669" priority="6676">
      <formula>AND(Z$94="",Z$95="")</formula>
    </cfRule>
  </conditionalFormatting>
  <conditionalFormatting sqref="AA96">
    <cfRule type="expression" dxfId="4668" priority="6669">
      <formula>OR(AA$94&lt;&gt;"",AA$95&lt;&gt;"")</formula>
    </cfRule>
    <cfRule type="expression" dxfId="4667" priority="6670">
      <formula>AND(AA$94="",AA$95="")</formula>
    </cfRule>
  </conditionalFormatting>
  <conditionalFormatting sqref="AB96">
    <cfRule type="expression" dxfId="4666" priority="6663">
      <formula>OR(AB$94&lt;&gt;"",AB$95&lt;&gt;"")</formula>
    </cfRule>
    <cfRule type="expression" dxfId="4665" priority="6664">
      <formula>AND(AB$94="",AB$95="")</formula>
    </cfRule>
  </conditionalFormatting>
  <conditionalFormatting sqref="AC96">
    <cfRule type="expression" dxfId="4664" priority="6657">
      <formula>OR(AC$94&lt;&gt;"",AC$95&lt;&gt;"")</formula>
    </cfRule>
    <cfRule type="expression" dxfId="4663" priority="6658">
      <formula>AND(AC$94="",AC$95="")</formula>
    </cfRule>
  </conditionalFormatting>
  <conditionalFormatting sqref="AD96">
    <cfRule type="expression" dxfId="4662" priority="6651">
      <formula>OR(AD$94&lt;&gt;"",AD$95&lt;&gt;"")</formula>
    </cfRule>
    <cfRule type="expression" dxfId="4661" priority="6652">
      <formula>AND(AD$94="",AD$95="")</formula>
    </cfRule>
  </conditionalFormatting>
  <conditionalFormatting sqref="AE96">
    <cfRule type="expression" dxfId="4660" priority="6645">
      <formula>OR(AE$94&lt;&gt;"",AE$95&lt;&gt;"")</formula>
    </cfRule>
    <cfRule type="expression" dxfId="4659" priority="6646">
      <formula>AND(AE$94="",AE$95="")</formula>
    </cfRule>
  </conditionalFormatting>
  <conditionalFormatting sqref="AF96">
    <cfRule type="expression" dxfId="4658" priority="6639">
      <formula>OR(AF$94&lt;&gt;"",AF$95&lt;&gt;"")</formula>
    </cfRule>
    <cfRule type="expression" dxfId="4657" priority="6640">
      <formula>AND(AF$94="",AF$95="")</formula>
    </cfRule>
  </conditionalFormatting>
  <conditionalFormatting sqref="AG96">
    <cfRule type="expression" dxfId="4656" priority="6633">
      <formula>OR(AG$94&lt;&gt;"",AG$95&lt;&gt;"")</formula>
    </cfRule>
    <cfRule type="expression" dxfId="4655" priority="6634">
      <formula>AND(AG$94="",AG$95="")</formula>
    </cfRule>
  </conditionalFormatting>
  <conditionalFormatting sqref="AH96">
    <cfRule type="expression" dxfId="4654" priority="6627">
      <formula>OR(AH$94&lt;&gt;"",AH$95&lt;&gt;"")</formula>
    </cfRule>
    <cfRule type="expression" dxfId="4653" priority="6628">
      <formula>AND(AH$94="",AH$95="")</formula>
    </cfRule>
  </conditionalFormatting>
  <conditionalFormatting sqref="AI96">
    <cfRule type="expression" dxfId="4652" priority="6621">
      <formula>OR(AI$94&lt;&gt;"",AI$95&lt;&gt;"")</formula>
    </cfRule>
    <cfRule type="expression" dxfId="4651" priority="6622">
      <formula>AND(AI$94="",AI$95="")</formula>
    </cfRule>
  </conditionalFormatting>
  <conditionalFormatting sqref="AJ96">
    <cfRule type="expression" dxfId="4650" priority="6615">
      <formula>OR(AJ$94&lt;&gt;"",AJ$95&lt;&gt;"")</formula>
    </cfRule>
    <cfRule type="expression" dxfId="4649" priority="6616">
      <formula>AND(AJ$94="",AJ$95="")</formula>
    </cfRule>
  </conditionalFormatting>
  <conditionalFormatting sqref="AK96">
    <cfRule type="expression" dxfId="4648" priority="6609">
      <formula>OR(AK$94&lt;&gt;"",AK$95&lt;&gt;"")</formula>
    </cfRule>
    <cfRule type="expression" dxfId="4647" priority="6610">
      <formula>AND(AK$94="",AK$95="")</formula>
    </cfRule>
  </conditionalFormatting>
  <conditionalFormatting sqref="AL96">
    <cfRule type="expression" dxfId="4646" priority="6597">
      <formula>OR(AL$94&lt;&gt;"",AL$95&lt;&gt;"")</formula>
    </cfRule>
    <cfRule type="expression" dxfId="4645" priority="6598">
      <formula>AND(AL$94="",AL$95="")</formula>
    </cfRule>
  </conditionalFormatting>
  <conditionalFormatting sqref="AM96">
    <cfRule type="expression" dxfId="4644" priority="6591">
      <formula>OR(AM$94&lt;&gt;"",AM$95&lt;&gt;"")</formula>
    </cfRule>
    <cfRule type="expression" dxfId="4643" priority="6592">
      <formula>AND(AM$94="",AM$95="")</formula>
    </cfRule>
  </conditionalFormatting>
  <conditionalFormatting sqref="AN96">
    <cfRule type="expression" dxfId="4642" priority="6585">
      <formula>OR(AN$94&lt;&gt;"",AN$95&lt;&gt;"")</formula>
    </cfRule>
    <cfRule type="expression" dxfId="4641" priority="6586">
      <formula>AND(AN$94="",AN$95="")</formula>
    </cfRule>
  </conditionalFormatting>
  <conditionalFormatting sqref="AO96">
    <cfRule type="expression" dxfId="4640" priority="6579">
      <formula>OR(AO$94&lt;&gt;"",AO$95&lt;&gt;"")</formula>
    </cfRule>
    <cfRule type="expression" dxfId="4639" priority="6580">
      <formula>AND(AO$94="",AO$95="")</formula>
    </cfRule>
  </conditionalFormatting>
  <conditionalFormatting sqref="AP96">
    <cfRule type="expression" dxfId="4638" priority="6573">
      <formula>OR(AP$94&lt;&gt;"",AP$95&lt;&gt;"")</formula>
    </cfRule>
    <cfRule type="expression" dxfId="4637" priority="6574">
      <formula>AND(AP$94="",AP$95="")</formula>
    </cfRule>
  </conditionalFormatting>
  <conditionalFormatting sqref="AQ96">
    <cfRule type="expression" dxfId="4636" priority="6567">
      <formula>OR(AQ$94&lt;&gt;"",AQ$95&lt;&gt;"")</formula>
    </cfRule>
    <cfRule type="expression" dxfId="4635" priority="6568">
      <formula>AND(AQ$94="",AQ$95="")</formula>
    </cfRule>
  </conditionalFormatting>
  <conditionalFormatting sqref="AR96">
    <cfRule type="expression" dxfId="4634" priority="6561">
      <formula>OR(AR$94&lt;&gt;"",AR$95&lt;&gt;"")</formula>
    </cfRule>
    <cfRule type="expression" dxfId="4633" priority="6562">
      <formula>AND(AR$94="",AR$95="")</formula>
    </cfRule>
  </conditionalFormatting>
  <conditionalFormatting sqref="AS96">
    <cfRule type="expression" dxfId="4632" priority="6555">
      <formula>OR(AS$94&lt;&gt;"",AS$95&lt;&gt;"")</formula>
    </cfRule>
    <cfRule type="expression" dxfId="4631" priority="6556">
      <formula>AND(AS$94="",AS$95="")</formula>
    </cfRule>
  </conditionalFormatting>
  <conditionalFormatting sqref="AT96">
    <cfRule type="expression" dxfId="4630" priority="6549">
      <formula>OR(AT$94&lt;&gt;"",AT$95&lt;&gt;"")</formula>
    </cfRule>
    <cfRule type="expression" dxfId="4629" priority="6550">
      <formula>AND(AT$94="",AT$95="")</formula>
    </cfRule>
  </conditionalFormatting>
  <conditionalFormatting sqref="AU96">
    <cfRule type="expression" dxfId="4628" priority="6543">
      <formula>OR(AU$94&lt;&gt;"",AU$95&lt;&gt;"")</formula>
    </cfRule>
    <cfRule type="expression" dxfId="4627" priority="6544">
      <formula>AND(AU$94="",AU$95="")</formula>
    </cfRule>
  </conditionalFormatting>
  <conditionalFormatting sqref="AV96">
    <cfRule type="expression" dxfId="4626" priority="6537">
      <formula>OR(AV$94&lt;&gt;"",AV$95&lt;&gt;"")</formula>
    </cfRule>
    <cfRule type="expression" dxfId="4625" priority="6538">
      <formula>AND(AV$94="",AV$95="")</formula>
    </cfRule>
  </conditionalFormatting>
  <conditionalFormatting sqref="AW96">
    <cfRule type="expression" dxfId="4624" priority="6531">
      <formula>OR(AW$94&lt;&gt;"",AW$95&lt;&gt;"")</formula>
    </cfRule>
    <cfRule type="expression" dxfId="4623" priority="6532">
      <formula>AND(AW$94="",AW$95="")</formula>
    </cfRule>
  </conditionalFormatting>
  <conditionalFormatting sqref="AX96">
    <cfRule type="expression" dxfId="4622" priority="6525">
      <formula>OR(AX$94&lt;&gt;"",AX$95&lt;&gt;"")</formula>
    </cfRule>
    <cfRule type="expression" dxfId="4621" priority="6526">
      <formula>AND(AX$94="",AX$95="")</formula>
    </cfRule>
  </conditionalFormatting>
  <conditionalFormatting sqref="AY96">
    <cfRule type="expression" dxfId="4620" priority="6519">
      <formula>OR(AY$94&lt;&gt;"",AY$95&lt;&gt;"")</formula>
    </cfRule>
    <cfRule type="expression" dxfId="4619" priority="6520">
      <formula>AND(AY$94="",AY$95="")</formula>
    </cfRule>
  </conditionalFormatting>
  <conditionalFormatting sqref="AZ96">
    <cfRule type="expression" dxfId="4618" priority="6513">
      <formula>OR(AZ$94&lt;&gt;"",AZ$95&lt;&gt;"")</formula>
    </cfRule>
    <cfRule type="expression" dxfId="4617" priority="6514">
      <formula>AND(AZ$94="",AZ$95="")</formula>
    </cfRule>
  </conditionalFormatting>
  <conditionalFormatting sqref="BA96">
    <cfRule type="expression" dxfId="4616" priority="6507">
      <formula>OR(BA$94&lt;&gt;"",BA$95&lt;&gt;"")</formula>
    </cfRule>
    <cfRule type="expression" dxfId="4615" priority="6508">
      <formula>AND(BA$94="",BA$95="")</formula>
    </cfRule>
  </conditionalFormatting>
  <conditionalFormatting sqref="BB96">
    <cfRule type="expression" dxfId="4614" priority="6501">
      <formula>OR(BB$94&lt;&gt;"",BB$95&lt;&gt;"")</formula>
    </cfRule>
    <cfRule type="expression" dxfId="4613" priority="6502">
      <formula>AND(BB$94="",BB$95="")</formula>
    </cfRule>
  </conditionalFormatting>
  <conditionalFormatting sqref="BC96">
    <cfRule type="expression" dxfId="4612" priority="6495">
      <formula>OR(BC$94&lt;&gt;"",BC$95&lt;&gt;"")</formula>
    </cfRule>
    <cfRule type="expression" dxfId="4611" priority="6496">
      <formula>AND(BC$94="",BC$95="")</formula>
    </cfRule>
  </conditionalFormatting>
  <conditionalFormatting sqref="BD96">
    <cfRule type="expression" dxfId="4610" priority="6489">
      <formula>OR(BD$94&lt;&gt;"",BD$95&lt;&gt;"")</formula>
    </cfRule>
    <cfRule type="expression" dxfId="4609" priority="6490">
      <formula>AND(BD$94="",BD$95="")</formula>
    </cfRule>
  </conditionalFormatting>
  <conditionalFormatting sqref="BE96">
    <cfRule type="expression" dxfId="4608" priority="6483">
      <formula>OR(BE$94&lt;&gt;"",BE$95&lt;&gt;"")</formula>
    </cfRule>
    <cfRule type="expression" dxfId="4607" priority="6484">
      <formula>AND(BE$94="",BE$95="")</formula>
    </cfRule>
  </conditionalFormatting>
  <conditionalFormatting sqref="BF96">
    <cfRule type="expression" dxfId="4606" priority="6477">
      <formula>OR(BF$94&lt;&gt;"",BF$95&lt;&gt;"")</formula>
    </cfRule>
    <cfRule type="expression" dxfId="4605" priority="6478">
      <formula>AND(BF$94="",BF$95="")</formula>
    </cfRule>
  </conditionalFormatting>
  <conditionalFormatting sqref="BG96">
    <cfRule type="expression" dxfId="4604" priority="6471">
      <formula>OR(BG$94&lt;&gt;"",BG$95&lt;&gt;"")</formula>
    </cfRule>
    <cfRule type="expression" dxfId="4603" priority="6472">
      <formula>AND(BG$94="",BG$95="")</formula>
    </cfRule>
  </conditionalFormatting>
  <conditionalFormatting sqref="BH96">
    <cfRule type="expression" dxfId="4602" priority="6465">
      <formula>OR(BH$94&lt;&gt;"",BH$95&lt;&gt;"")</formula>
    </cfRule>
    <cfRule type="expression" dxfId="4601" priority="6466">
      <formula>AND(BH$94="",BH$95="")</formula>
    </cfRule>
  </conditionalFormatting>
  <conditionalFormatting sqref="BI96">
    <cfRule type="expression" dxfId="4600" priority="6459">
      <formula>OR(BI$94&lt;&gt;"",BI$95&lt;&gt;"")</formula>
    </cfRule>
    <cfRule type="expression" dxfId="4599" priority="6460">
      <formula>AND(BI$94="",BI$95="")</formula>
    </cfRule>
  </conditionalFormatting>
  <conditionalFormatting sqref="BJ96">
    <cfRule type="expression" dxfId="4598" priority="6453">
      <formula>OR(BJ$94&lt;&gt;"",BJ$95&lt;&gt;"")</formula>
    </cfRule>
    <cfRule type="expression" dxfId="4597" priority="6454">
      <formula>AND(BJ$94="",BJ$95="")</formula>
    </cfRule>
  </conditionalFormatting>
  <conditionalFormatting sqref="BK96">
    <cfRule type="expression" dxfId="4596" priority="6447">
      <formula>OR(BK$94&lt;&gt;"",BK$95&lt;&gt;"")</formula>
    </cfRule>
    <cfRule type="expression" dxfId="4595" priority="6448">
      <formula>AND(BK$94="",BK$95="")</formula>
    </cfRule>
  </conditionalFormatting>
  <conditionalFormatting sqref="BL96">
    <cfRule type="expression" dxfId="4594" priority="6441">
      <formula>OR(BL$94&lt;&gt;"",BL$95&lt;&gt;"")</formula>
    </cfRule>
    <cfRule type="expression" dxfId="4593" priority="6442">
      <formula>AND(BL$94="",BL$95="")</formula>
    </cfRule>
  </conditionalFormatting>
  <conditionalFormatting sqref="BM96">
    <cfRule type="expression" dxfId="4592" priority="6435">
      <formula>OR(BM$94&lt;&gt;"",BM$95&lt;&gt;"")</formula>
    </cfRule>
    <cfRule type="expression" dxfId="4591" priority="6436">
      <formula>AND(BM$94="",BM$95="")</formula>
    </cfRule>
  </conditionalFormatting>
  <conditionalFormatting sqref="BN96">
    <cfRule type="expression" dxfId="4590" priority="6429">
      <formula>OR(BN$94&lt;&gt;"",BN$95&lt;&gt;"")</formula>
    </cfRule>
    <cfRule type="expression" dxfId="4589" priority="6430">
      <formula>AND(BN$94="",BN$95="")</formula>
    </cfRule>
  </conditionalFormatting>
  <conditionalFormatting sqref="BO96">
    <cfRule type="expression" dxfId="4588" priority="6423">
      <formula>OR(BO$94&lt;&gt;"",BO$95&lt;&gt;"")</formula>
    </cfRule>
    <cfRule type="expression" dxfId="4587" priority="6424">
      <formula>AND(BO$94="",BO$95="")</formula>
    </cfRule>
  </conditionalFormatting>
  <conditionalFormatting sqref="BP96">
    <cfRule type="expression" dxfId="4586" priority="6417">
      <formula>OR(BP$94&lt;&gt;"",BP$95&lt;&gt;"")</formula>
    </cfRule>
    <cfRule type="expression" dxfId="4585" priority="6418">
      <formula>AND(BP$94="",BP$95="")</formula>
    </cfRule>
  </conditionalFormatting>
  <conditionalFormatting sqref="BQ96">
    <cfRule type="expression" dxfId="4584" priority="6411">
      <formula>OR(BQ$94&lt;&gt;"",BQ$95&lt;&gt;"")</formula>
    </cfRule>
    <cfRule type="expression" dxfId="4583" priority="6412">
      <formula>AND(BQ$94="",BQ$95="")</formula>
    </cfRule>
  </conditionalFormatting>
  <conditionalFormatting sqref="BR96">
    <cfRule type="expression" dxfId="4582" priority="6405">
      <formula>OR(BR$94&lt;&gt;"",BR$95&lt;&gt;"")</formula>
    </cfRule>
    <cfRule type="expression" dxfId="4581" priority="6406">
      <formula>AND(BR$94="",BR$95="")</formula>
    </cfRule>
  </conditionalFormatting>
  <conditionalFormatting sqref="BS96">
    <cfRule type="expression" dxfId="4580" priority="6399">
      <formula>OR(BS$94&lt;&gt;"",BS$95&lt;&gt;"")</formula>
    </cfRule>
    <cfRule type="expression" dxfId="4579" priority="6400">
      <formula>AND(BS$94="",BS$95="")</formula>
    </cfRule>
  </conditionalFormatting>
  <conditionalFormatting sqref="M150">
    <cfRule type="expression" dxfId="4578" priority="6397">
      <formula>OR($M$148&lt;&gt;"",$M$149&lt;&gt;"")</formula>
    </cfRule>
    <cfRule type="expression" dxfId="4577" priority="6398">
      <formula>AND($M$148="",$M$149="")</formula>
    </cfRule>
  </conditionalFormatting>
  <conditionalFormatting sqref="M148:M149">
    <cfRule type="expression" dxfId="4576" priority="6395">
      <formula>OR(M$148&lt;&gt;"",M$149&lt;&gt;"")</formula>
    </cfRule>
    <cfRule type="expression" dxfId="4575" priority="6396">
      <formula>AND(M$148="",M$149="")</formula>
    </cfRule>
  </conditionalFormatting>
  <conditionalFormatting sqref="N148:N149">
    <cfRule type="expression" dxfId="4574" priority="6391">
      <formula>OR(N$148&lt;&gt;"",N$149&lt;&gt;"")</formula>
    </cfRule>
    <cfRule type="expression" dxfId="4573" priority="6392">
      <formula>AND(N$148="",N$149="")</formula>
    </cfRule>
  </conditionalFormatting>
  <conditionalFormatting sqref="N150">
    <cfRule type="expression" dxfId="4572" priority="6387">
      <formula>OR(N$148&lt;&gt;"",N$149&lt;&gt;"")</formula>
    </cfRule>
    <cfRule type="expression" dxfId="4571" priority="6388">
      <formula>AND(N$148="",N$149="")</formula>
    </cfRule>
  </conditionalFormatting>
  <conditionalFormatting sqref="O150">
    <cfRule type="expression" dxfId="4570" priority="6381">
      <formula>OR(O$148&lt;&gt;"",O$149&lt;&gt;"")</formula>
    </cfRule>
    <cfRule type="expression" dxfId="4569" priority="6382">
      <formula>AND(O$148="",O$149="")</formula>
    </cfRule>
  </conditionalFormatting>
  <conditionalFormatting sqref="P150">
    <cfRule type="expression" dxfId="4568" priority="6375">
      <formula>OR(P$148&lt;&gt;"",P$149&lt;&gt;"")</formula>
    </cfRule>
    <cfRule type="expression" dxfId="4567" priority="6376">
      <formula>AND(P$148="",P$149="")</formula>
    </cfRule>
  </conditionalFormatting>
  <conditionalFormatting sqref="Q150">
    <cfRule type="expression" dxfId="4566" priority="6369">
      <formula>OR(Q$148&lt;&gt;"",Q$149&lt;&gt;"")</formula>
    </cfRule>
    <cfRule type="expression" dxfId="4565" priority="6370">
      <formula>AND(Q$148="",Q$149="")</formula>
    </cfRule>
  </conditionalFormatting>
  <conditionalFormatting sqref="R150">
    <cfRule type="expression" dxfId="4564" priority="6363">
      <formula>OR(R$148&lt;&gt;"",R$149&lt;&gt;"")</formula>
    </cfRule>
    <cfRule type="expression" dxfId="4563" priority="6364">
      <formula>AND(R$148="",R$149="")</formula>
    </cfRule>
  </conditionalFormatting>
  <conditionalFormatting sqref="S150">
    <cfRule type="expression" dxfId="4562" priority="6357">
      <formula>OR(S$148&lt;&gt;"",S$149&lt;&gt;"")</formula>
    </cfRule>
    <cfRule type="expression" dxfId="4561" priority="6358">
      <formula>AND(S$148="",S$149="")</formula>
    </cfRule>
  </conditionalFormatting>
  <conditionalFormatting sqref="T150">
    <cfRule type="expression" dxfId="4560" priority="6351">
      <formula>OR(T$148&lt;&gt;"",T$149&lt;&gt;"")</formula>
    </cfRule>
    <cfRule type="expression" dxfId="4559" priority="6352">
      <formula>AND(T$148="",T$149="")</formula>
    </cfRule>
  </conditionalFormatting>
  <conditionalFormatting sqref="U150">
    <cfRule type="expression" dxfId="4558" priority="6345">
      <formula>OR(U$148&lt;&gt;"",U$149&lt;&gt;"")</formula>
    </cfRule>
    <cfRule type="expression" dxfId="4557" priority="6346">
      <formula>AND(U$148="",U$149="")</formula>
    </cfRule>
  </conditionalFormatting>
  <conditionalFormatting sqref="V150">
    <cfRule type="expression" dxfId="4556" priority="6339">
      <formula>OR(V$148&lt;&gt;"",V$149&lt;&gt;"")</formula>
    </cfRule>
    <cfRule type="expression" dxfId="4555" priority="6340">
      <formula>AND(V$148="",V$149="")</formula>
    </cfRule>
  </conditionalFormatting>
  <conditionalFormatting sqref="W150">
    <cfRule type="expression" dxfId="4554" priority="6333">
      <formula>OR(W$148&lt;&gt;"",W$149&lt;&gt;"")</formula>
    </cfRule>
    <cfRule type="expression" dxfId="4553" priority="6334">
      <formula>AND(W$148="",W$149="")</formula>
    </cfRule>
  </conditionalFormatting>
  <conditionalFormatting sqref="X150">
    <cfRule type="expression" dxfId="4552" priority="6327">
      <formula>OR(X$148&lt;&gt;"",X$149&lt;&gt;"")</formula>
    </cfRule>
    <cfRule type="expression" dxfId="4551" priority="6328">
      <formula>AND(X$148="",X$149="")</formula>
    </cfRule>
  </conditionalFormatting>
  <conditionalFormatting sqref="Y150">
    <cfRule type="expression" dxfId="4550" priority="6321">
      <formula>OR(Y$148&lt;&gt;"",Y$149&lt;&gt;"")</formula>
    </cfRule>
    <cfRule type="expression" dxfId="4549" priority="6322">
      <formula>AND(Y$148="",Y$149="")</formula>
    </cfRule>
  </conditionalFormatting>
  <conditionalFormatting sqref="Z150">
    <cfRule type="expression" dxfId="4548" priority="6315">
      <formula>OR(Z$148&lt;&gt;"",Z$149&lt;&gt;"")</formula>
    </cfRule>
    <cfRule type="expression" dxfId="4547" priority="6316">
      <formula>AND(Z$148="",Z$149="")</formula>
    </cfRule>
  </conditionalFormatting>
  <conditionalFormatting sqref="AA150">
    <cfRule type="expression" dxfId="4546" priority="6309">
      <formula>OR(AA$148&lt;&gt;"",AA$149&lt;&gt;"")</formula>
    </cfRule>
    <cfRule type="expression" dxfId="4545" priority="6310">
      <formula>AND(AA$148="",AA$149="")</formula>
    </cfRule>
  </conditionalFormatting>
  <conditionalFormatting sqref="AB150">
    <cfRule type="expression" dxfId="4544" priority="6303">
      <formula>OR(AB$148&lt;&gt;"",AB$149&lt;&gt;"")</formula>
    </cfRule>
    <cfRule type="expression" dxfId="4543" priority="6304">
      <formula>AND(AB$148="",AB$149="")</formula>
    </cfRule>
  </conditionalFormatting>
  <conditionalFormatting sqref="AC150">
    <cfRule type="expression" dxfId="4542" priority="6297">
      <formula>OR(AC$148&lt;&gt;"",AC$149&lt;&gt;"")</formula>
    </cfRule>
    <cfRule type="expression" dxfId="4541" priority="6298">
      <formula>AND(AC$148="",AC$149="")</formula>
    </cfRule>
  </conditionalFormatting>
  <conditionalFormatting sqref="AD150">
    <cfRule type="expression" dxfId="4540" priority="6291">
      <formula>OR(AD$148&lt;&gt;"",AD$149&lt;&gt;"")</formula>
    </cfRule>
    <cfRule type="expression" dxfId="4539" priority="6292">
      <formula>AND(AD$148="",AD$149="")</formula>
    </cfRule>
  </conditionalFormatting>
  <conditionalFormatting sqref="AE150">
    <cfRule type="expression" dxfId="4538" priority="6285">
      <formula>OR(AE$148&lt;&gt;"",AE$149&lt;&gt;"")</formula>
    </cfRule>
    <cfRule type="expression" dxfId="4537" priority="6286">
      <formula>AND(AE$148="",AE$149="")</formula>
    </cfRule>
  </conditionalFormatting>
  <conditionalFormatting sqref="AF150">
    <cfRule type="expression" dxfId="4536" priority="6279">
      <formula>OR(AF$148&lt;&gt;"",AF$149&lt;&gt;"")</formula>
    </cfRule>
    <cfRule type="expression" dxfId="4535" priority="6280">
      <formula>AND(AF$148="",AF$149="")</formula>
    </cfRule>
  </conditionalFormatting>
  <conditionalFormatting sqref="AG150">
    <cfRule type="expression" dxfId="4534" priority="6273">
      <formula>OR(AG$148&lt;&gt;"",AG$149&lt;&gt;"")</formula>
    </cfRule>
    <cfRule type="expression" dxfId="4533" priority="6274">
      <formula>AND(AG$148="",AG$149="")</formula>
    </cfRule>
  </conditionalFormatting>
  <conditionalFormatting sqref="AH150">
    <cfRule type="expression" dxfId="4532" priority="6267">
      <formula>OR(AH$148&lt;&gt;"",AH$149&lt;&gt;"")</formula>
    </cfRule>
    <cfRule type="expression" dxfId="4531" priority="6268">
      <formula>AND(AH$148="",AH$149="")</formula>
    </cfRule>
  </conditionalFormatting>
  <conditionalFormatting sqref="AI150">
    <cfRule type="expression" dxfId="4530" priority="6261">
      <formula>OR(AI$148&lt;&gt;"",AI$149&lt;&gt;"")</formula>
    </cfRule>
    <cfRule type="expression" dxfId="4529" priority="6262">
      <formula>AND(AI$148="",AI$149="")</formula>
    </cfRule>
  </conditionalFormatting>
  <conditionalFormatting sqref="AJ150">
    <cfRule type="expression" dxfId="4528" priority="6255">
      <formula>OR(AJ$148&lt;&gt;"",AJ$149&lt;&gt;"")</formula>
    </cfRule>
    <cfRule type="expression" dxfId="4527" priority="6256">
      <formula>AND(AJ$148="",AJ$149="")</formula>
    </cfRule>
  </conditionalFormatting>
  <conditionalFormatting sqref="AK150">
    <cfRule type="expression" dxfId="4526" priority="6249">
      <formula>OR(AK$148&lt;&gt;"",AK$149&lt;&gt;"")</formula>
    </cfRule>
    <cfRule type="expression" dxfId="4525" priority="6250">
      <formula>AND(AK$148="",AK$149="")</formula>
    </cfRule>
  </conditionalFormatting>
  <conditionalFormatting sqref="AL150">
    <cfRule type="expression" dxfId="4524" priority="6243">
      <formula>OR(AL$148&lt;&gt;"",AL$149&lt;&gt;"")</formula>
    </cfRule>
    <cfRule type="expression" dxfId="4523" priority="6244">
      <formula>AND(AL$148="",AL$149="")</formula>
    </cfRule>
  </conditionalFormatting>
  <conditionalFormatting sqref="AM150">
    <cfRule type="expression" dxfId="4522" priority="6237">
      <formula>OR(AM$148&lt;&gt;"",AM$149&lt;&gt;"")</formula>
    </cfRule>
    <cfRule type="expression" dxfId="4521" priority="6238">
      <formula>AND(AM$148="",AM$149="")</formula>
    </cfRule>
  </conditionalFormatting>
  <conditionalFormatting sqref="AN150">
    <cfRule type="expression" dxfId="4520" priority="6231">
      <formula>OR(AN$148&lt;&gt;"",AN$149&lt;&gt;"")</formula>
    </cfRule>
    <cfRule type="expression" dxfId="4519" priority="6232">
      <formula>AND(AN$148="",AN$149="")</formula>
    </cfRule>
  </conditionalFormatting>
  <conditionalFormatting sqref="AO150">
    <cfRule type="expression" dxfId="4518" priority="6225">
      <formula>OR(AO$148&lt;&gt;"",AO$149&lt;&gt;"")</formula>
    </cfRule>
    <cfRule type="expression" dxfId="4517" priority="6226">
      <formula>AND(AO$148="",AO$149="")</formula>
    </cfRule>
  </conditionalFormatting>
  <conditionalFormatting sqref="AP150">
    <cfRule type="expression" dxfId="4516" priority="6219">
      <formula>OR(AP$148&lt;&gt;"",AP$149&lt;&gt;"")</formula>
    </cfRule>
    <cfRule type="expression" dxfId="4515" priority="6220">
      <formula>AND(AP$148="",AP$149="")</formula>
    </cfRule>
  </conditionalFormatting>
  <conditionalFormatting sqref="AQ150">
    <cfRule type="expression" dxfId="4514" priority="6213">
      <formula>OR(AQ$148&lt;&gt;"",AQ$149&lt;&gt;"")</formula>
    </cfRule>
    <cfRule type="expression" dxfId="4513" priority="6214">
      <formula>AND(AQ$148="",AQ$149="")</formula>
    </cfRule>
  </conditionalFormatting>
  <conditionalFormatting sqref="AR150">
    <cfRule type="expression" dxfId="4512" priority="6207">
      <formula>OR(AR$148&lt;&gt;"",AR$149&lt;&gt;"")</formula>
    </cfRule>
    <cfRule type="expression" dxfId="4511" priority="6208">
      <formula>AND(AR$148="",AR$149="")</formula>
    </cfRule>
  </conditionalFormatting>
  <conditionalFormatting sqref="AS150">
    <cfRule type="expression" dxfId="4510" priority="6201">
      <formula>OR(AS$148&lt;&gt;"",AS$149&lt;&gt;"")</formula>
    </cfRule>
    <cfRule type="expression" dxfId="4509" priority="6202">
      <formula>AND(AS$148="",AS$149="")</formula>
    </cfRule>
  </conditionalFormatting>
  <conditionalFormatting sqref="AT150">
    <cfRule type="expression" dxfId="4508" priority="6195">
      <formula>OR(AT$148&lt;&gt;"",AT$149&lt;&gt;"")</formula>
    </cfRule>
    <cfRule type="expression" dxfId="4507" priority="6196">
      <formula>AND(AT$148="",AT$149="")</formula>
    </cfRule>
  </conditionalFormatting>
  <conditionalFormatting sqref="AU150">
    <cfRule type="expression" dxfId="4506" priority="6189">
      <formula>OR(AU$148&lt;&gt;"",AU$149&lt;&gt;"")</formula>
    </cfRule>
    <cfRule type="expression" dxfId="4505" priority="6190">
      <formula>AND(AU$148="",AU$149="")</formula>
    </cfRule>
  </conditionalFormatting>
  <conditionalFormatting sqref="AV150">
    <cfRule type="expression" dxfId="4504" priority="6183">
      <formula>OR(AV$148&lt;&gt;"",AV$149&lt;&gt;"")</formula>
    </cfRule>
    <cfRule type="expression" dxfId="4503" priority="6184">
      <formula>AND(AV$148="",AV$149="")</formula>
    </cfRule>
  </conditionalFormatting>
  <conditionalFormatting sqref="AW150">
    <cfRule type="expression" dxfId="4502" priority="6177">
      <formula>OR(AW$148&lt;&gt;"",AW$149&lt;&gt;"")</formula>
    </cfRule>
    <cfRule type="expression" dxfId="4501" priority="6178">
      <formula>AND(AW$148="",AW$149="")</formula>
    </cfRule>
  </conditionalFormatting>
  <conditionalFormatting sqref="AX150">
    <cfRule type="expression" dxfId="4500" priority="6171">
      <formula>OR(AX$148&lt;&gt;"",AX$149&lt;&gt;"")</formula>
    </cfRule>
    <cfRule type="expression" dxfId="4499" priority="6172">
      <formula>AND(AX$148="",AX$149="")</formula>
    </cfRule>
  </conditionalFormatting>
  <conditionalFormatting sqref="AY150">
    <cfRule type="expression" dxfId="4498" priority="6165">
      <formula>OR(AY$148&lt;&gt;"",AY$149&lt;&gt;"")</formula>
    </cfRule>
    <cfRule type="expression" dxfId="4497" priority="6166">
      <formula>AND(AY$148="",AY$149="")</formula>
    </cfRule>
  </conditionalFormatting>
  <conditionalFormatting sqref="AZ150">
    <cfRule type="expression" dxfId="4496" priority="6159">
      <formula>OR(AZ$148&lt;&gt;"",AZ$149&lt;&gt;"")</formula>
    </cfRule>
    <cfRule type="expression" dxfId="4495" priority="6160">
      <formula>AND(AZ$148="",AZ$149="")</formula>
    </cfRule>
  </conditionalFormatting>
  <conditionalFormatting sqref="BA150">
    <cfRule type="expression" dxfId="4494" priority="6153">
      <formula>OR(BA$148&lt;&gt;"",BA$149&lt;&gt;"")</formula>
    </cfRule>
    <cfRule type="expression" dxfId="4493" priority="6154">
      <formula>AND(BA$148="",BA$149="")</formula>
    </cfRule>
  </conditionalFormatting>
  <conditionalFormatting sqref="BB150">
    <cfRule type="expression" dxfId="4492" priority="6147">
      <formula>OR(BB$148&lt;&gt;"",BB$149&lt;&gt;"")</formula>
    </cfRule>
    <cfRule type="expression" dxfId="4491" priority="6148">
      <formula>AND(BB$148="",BB$149="")</formula>
    </cfRule>
  </conditionalFormatting>
  <conditionalFormatting sqref="BC150">
    <cfRule type="expression" dxfId="4490" priority="6141">
      <formula>OR(BC$148&lt;&gt;"",BC$149&lt;&gt;"")</formula>
    </cfRule>
    <cfRule type="expression" dxfId="4489" priority="6142">
      <formula>AND(BC$148="",BC$149="")</formula>
    </cfRule>
  </conditionalFormatting>
  <conditionalFormatting sqref="BD150">
    <cfRule type="expression" dxfId="4488" priority="6135">
      <formula>OR(BD$148&lt;&gt;"",BD$149&lt;&gt;"")</formula>
    </cfRule>
    <cfRule type="expression" dxfId="4487" priority="6136">
      <formula>AND(BD$148="",BD$149="")</formula>
    </cfRule>
  </conditionalFormatting>
  <conditionalFormatting sqref="BE150">
    <cfRule type="expression" dxfId="4486" priority="6129">
      <formula>OR(BE$148&lt;&gt;"",BE$149&lt;&gt;"")</formula>
    </cfRule>
    <cfRule type="expression" dxfId="4485" priority="6130">
      <formula>AND(BE$148="",BE$149="")</formula>
    </cfRule>
  </conditionalFormatting>
  <conditionalFormatting sqref="BF150">
    <cfRule type="expression" dxfId="4484" priority="6123">
      <formula>OR(BF$148&lt;&gt;"",BF$149&lt;&gt;"")</formula>
    </cfRule>
    <cfRule type="expression" dxfId="4483" priority="6124">
      <formula>AND(BF$148="",BF$149="")</formula>
    </cfRule>
  </conditionalFormatting>
  <conditionalFormatting sqref="BG150">
    <cfRule type="expression" dxfId="4482" priority="6117">
      <formula>OR(BG$148&lt;&gt;"",BG$149&lt;&gt;"")</formula>
    </cfRule>
    <cfRule type="expression" dxfId="4481" priority="6118">
      <formula>AND(BG$148="",BG$149="")</formula>
    </cfRule>
  </conditionalFormatting>
  <conditionalFormatting sqref="BH150">
    <cfRule type="expression" dxfId="4480" priority="6111">
      <formula>OR(BH$148&lt;&gt;"",BH$149&lt;&gt;"")</formula>
    </cfRule>
    <cfRule type="expression" dxfId="4479" priority="6112">
      <formula>AND(BH$148="",BH$149="")</formula>
    </cfRule>
  </conditionalFormatting>
  <conditionalFormatting sqref="BI150">
    <cfRule type="expression" dxfId="4478" priority="6105">
      <formula>OR(BI$148&lt;&gt;"",BI$149&lt;&gt;"")</formula>
    </cfRule>
    <cfRule type="expression" dxfId="4477" priority="6106">
      <formula>AND(BI$148="",BI$149="")</formula>
    </cfRule>
  </conditionalFormatting>
  <conditionalFormatting sqref="BJ150">
    <cfRule type="expression" dxfId="4476" priority="6099">
      <formula>OR(BJ$148&lt;&gt;"",BJ$149&lt;&gt;"")</formula>
    </cfRule>
    <cfRule type="expression" dxfId="4475" priority="6100">
      <formula>AND(BJ$148="",BJ$149="")</formula>
    </cfRule>
  </conditionalFormatting>
  <conditionalFormatting sqref="BK150">
    <cfRule type="expression" dxfId="4474" priority="6093">
      <formula>OR(BK$148&lt;&gt;"",BK$149&lt;&gt;"")</formula>
    </cfRule>
    <cfRule type="expression" dxfId="4473" priority="6094">
      <formula>AND(BK$148="",BK$149="")</formula>
    </cfRule>
  </conditionalFormatting>
  <conditionalFormatting sqref="BL150">
    <cfRule type="expression" dxfId="4472" priority="6087">
      <formula>OR(BL$148&lt;&gt;"",BL$149&lt;&gt;"")</formula>
    </cfRule>
    <cfRule type="expression" dxfId="4471" priority="6088">
      <formula>AND(BL$148="",BL$149="")</formula>
    </cfRule>
  </conditionalFormatting>
  <conditionalFormatting sqref="BM150">
    <cfRule type="expression" dxfId="4470" priority="6081">
      <formula>OR(BM$148&lt;&gt;"",BM$149&lt;&gt;"")</formula>
    </cfRule>
    <cfRule type="expression" dxfId="4469" priority="6082">
      <formula>AND(BM$148="",BM$149="")</formula>
    </cfRule>
  </conditionalFormatting>
  <conditionalFormatting sqref="BN150">
    <cfRule type="expression" dxfId="4468" priority="6075">
      <formula>OR(BN$148&lt;&gt;"",BN$149&lt;&gt;"")</formula>
    </cfRule>
    <cfRule type="expression" dxfId="4467" priority="6076">
      <formula>AND(BN$148="",BN$149="")</formula>
    </cfRule>
  </conditionalFormatting>
  <conditionalFormatting sqref="BO150">
    <cfRule type="expression" dxfId="4466" priority="6069">
      <formula>OR(BO$148&lt;&gt;"",BO$149&lt;&gt;"")</formula>
    </cfRule>
    <cfRule type="expression" dxfId="4465" priority="6070">
      <formula>AND(BO$148="",BO$149="")</formula>
    </cfRule>
  </conditionalFormatting>
  <conditionalFormatting sqref="BP150">
    <cfRule type="expression" dxfId="4464" priority="6063">
      <formula>OR(BP$148&lt;&gt;"",BP$149&lt;&gt;"")</formula>
    </cfRule>
    <cfRule type="expression" dxfId="4463" priority="6064">
      <formula>AND(BP$148="",BP$149="")</formula>
    </cfRule>
  </conditionalFormatting>
  <conditionalFormatting sqref="BQ150">
    <cfRule type="expression" dxfId="4462" priority="6057">
      <formula>OR(BQ$148&lt;&gt;"",BQ$149&lt;&gt;"")</formula>
    </cfRule>
    <cfRule type="expression" dxfId="4461" priority="6058">
      <formula>AND(BQ$148="",BQ$149="")</formula>
    </cfRule>
  </conditionalFormatting>
  <conditionalFormatting sqref="BR150">
    <cfRule type="expression" dxfId="4460" priority="6051">
      <formula>OR(BR$148&lt;&gt;"",BR$149&lt;&gt;"")</formula>
    </cfRule>
    <cfRule type="expression" dxfId="4459" priority="6052">
      <formula>AND(BR$148="",BR$149="")</formula>
    </cfRule>
  </conditionalFormatting>
  <conditionalFormatting sqref="BS150">
    <cfRule type="expression" dxfId="4458" priority="6045">
      <formula>OR(BS$148&lt;&gt;"",BS$149&lt;&gt;"")</formula>
    </cfRule>
    <cfRule type="expression" dxfId="4457" priority="6046">
      <formula>AND(BS$148="",BS$149="")</formula>
    </cfRule>
  </conditionalFormatting>
  <conditionalFormatting sqref="M189">
    <cfRule type="expression" dxfId="4456" priority="6913">
      <formula>OR($M$187&lt;&gt;"",$M$188&lt;&gt;"")</formula>
    </cfRule>
  </conditionalFormatting>
  <conditionalFormatting sqref="M190">
    <cfRule type="expression" dxfId="4455" priority="6040">
      <formula>OR($M$187&lt;&gt;"",$M$188&lt;&gt;"")</formula>
    </cfRule>
  </conditionalFormatting>
  <conditionalFormatting sqref="M191">
    <cfRule type="expression" dxfId="4454" priority="6039">
      <formula>OR($M$187&lt;&gt;"",$M$188&lt;&gt;"")</formula>
    </cfRule>
  </conditionalFormatting>
  <conditionalFormatting sqref="M192">
    <cfRule type="expression" dxfId="4453" priority="6038">
      <formula>OR($M$187&lt;&gt;"",$M$188&lt;&gt;"")</formula>
    </cfRule>
  </conditionalFormatting>
  <conditionalFormatting sqref="N189:N192">
    <cfRule type="expression" dxfId="4452" priority="6037">
      <formula>AND(N$187="",N$188="")</formula>
    </cfRule>
  </conditionalFormatting>
  <conditionalFormatting sqref="N189">
    <cfRule type="expression" dxfId="4451" priority="6036">
      <formula>OR(N$187&lt;&gt;"",N$188&lt;&gt;"")</formula>
    </cfRule>
  </conditionalFormatting>
  <conditionalFormatting sqref="N190">
    <cfRule type="expression" dxfId="4450" priority="6035">
      <formula>OR(N$187&lt;&gt;"",N$188&lt;&gt;"")</formula>
    </cfRule>
  </conditionalFormatting>
  <conditionalFormatting sqref="N191">
    <cfRule type="expression" dxfId="4449" priority="6034">
      <formula>OR(N$187&lt;&gt;"",N$188&lt;&gt;"")</formula>
    </cfRule>
  </conditionalFormatting>
  <conditionalFormatting sqref="N192">
    <cfRule type="expression" dxfId="4448" priority="6033">
      <formula>OR(N$187&lt;&gt;"",N$188&lt;&gt;"")</formula>
    </cfRule>
  </conditionalFormatting>
  <conditionalFormatting sqref="M209:M212">
    <cfRule type="expression" dxfId="4447" priority="5692">
      <formula>AND($M$187="",$M$188="")</formula>
    </cfRule>
  </conditionalFormatting>
  <conditionalFormatting sqref="M209">
    <cfRule type="expression" dxfId="4446" priority="5691">
      <formula>OR($M$187&lt;&gt;"",$M$188&lt;&gt;"")</formula>
    </cfRule>
  </conditionalFormatting>
  <conditionalFormatting sqref="M210">
    <cfRule type="expression" dxfId="4445" priority="5690">
      <formula>OR($M$187&lt;&gt;"",$M$188&lt;&gt;"")</formula>
    </cfRule>
  </conditionalFormatting>
  <conditionalFormatting sqref="M211">
    <cfRule type="expression" dxfId="4444" priority="5689">
      <formula>OR($M$187&lt;&gt;"",$M$188&lt;&gt;"")</formula>
    </cfRule>
  </conditionalFormatting>
  <conditionalFormatting sqref="M212">
    <cfRule type="expression" dxfId="4443" priority="5688">
      <formula>OR($M$187&lt;&gt;"",$M$188&lt;&gt;"")</formula>
    </cfRule>
  </conditionalFormatting>
  <conditionalFormatting sqref="N209:N212">
    <cfRule type="expression" dxfId="4442" priority="5687">
      <formula>AND(N$187="",N$188="")</formula>
    </cfRule>
  </conditionalFormatting>
  <conditionalFormatting sqref="N209">
    <cfRule type="expression" dxfId="4441" priority="5686">
      <formula>OR(N$187&lt;&gt;"",N$188&lt;&gt;"")</formula>
    </cfRule>
  </conditionalFormatting>
  <conditionalFormatting sqref="N210">
    <cfRule type="expression" dxfId="4440" priority="5685">
      <formula>OR(N$187&lt;&gt;"",N$188&lt;&gt;"")</formula>
    </cfRule>
  </conditionalFormatting>
  <conditionalFormatting sqref="N211">
    <cfRule type="expression" dxfId="4439" priority="5684">
      <formula>OR(N$187&lt;&gt;"",N$188&lt;&gt;"")</formula>
    </cfRule>
  </conditionalFormatting>
  <conditionalFormatting sqref="N212">
    <cfRule type="expression" dxfId="4438" priority="5683">
      <formula>OR(N$187&lt;&gt;"",N$188&lt;&gt;"")</formula>
    </cfRule>
  </conditionalFormatting>
  <conditionalFormatting sqref="N193:N208">
    <cfRule type="expression" dxfId="4437" priority="5676">
      <formula>OR(N$187&lt;&gt;"",N$188&lt;&gt;"")</formula>
    </cfRule>
    <cfRule type="expression" dxfId="4436" priority="5677">
      <formula>AND(N$187="",N$188="")</formula>
    </cfRule>
  </conditionalFormatting>
  <conditionalFormatting sqref="N213:N216">
    <cfRule type="expression" dxfId="4435" priority="5674">
      <formula>OR(N$187&lt;&gt;"",N$188&lt;&gt;"")</formula>
    </cfRule>
    <cfRule type="expression" dxfId="4434" priority="5675">
      <formula>AND(N$187="",N$188="")</formula>
    </cfRule>
  </conditionalFormatting>
  <conditionalFormatting sqref="O187:O188">
    <cfRule type="expression" dxfId="4433" priority="5672">
      <formula>OR(O$187&lt;&gt;"",O$188&lt;&gt;"")</formula>
    </cfRule>
    <cfRule type="expression" dxfId="4432" priority="5673">
      <formula>AND(O$187="",O$188="")</formula>
    </cfRule>
  </conditionalFormatting>
  <conditionalFormatting sqref="O189:O192">
    <cfRule type="expression" dxfId="4431" priority="5671">
      <formula>AND(O$187="",O$188="")</formula>
    </cfRule>
  </conditionalFormatting>
  <conditionalFormatting sqref="O189">
    <cfRule type="expression" dxfId="4430" priority="5670">
      <formula>OR(O$187&lt;&gt;"",O$188&lt;&gt;"")</formula>
    </cfRule>
  </conditionalFormatting>
  <conditionalFormatting sqref="O190">
    <cfRule type="expression" dxfId="4429" priority="5669">
      <formula>OR(O$187&lt;&gt;"",O$188&lt;&gt;"")</formula>
    </cfRule>
  </conditionalFormatting>
  <conditionalFormatting sqref="O191">
    <cfRule type="expression" dxfId="4428" priority="5668">
      <formula>OR(O$187&lt;&gt;"",O$188&lt;&gt;"")</formula>
    </cfRule>
  </conditionalFormatting>
  <conditionalFormatting sqref="O192">
    <cfRule type="expression" dxfId="4427" priority="5667">
      <formula>OR(O$187&lt;&gt;"",O$188&lt;&gt;"")</formula>
    </cfRule>
  </conditionalFormatting>
  <conditionalFormatting sqref="O209:O212">
    <cfRule type="expression" dxfId="4426" priority="5666">
      <formula>AND(O$187="",O$188="")</formula>
    </cfRule>
  </conditionalFormatting>
  <conditionalFormatting sqref="O209">
    <cfRule type="expression" dxfId="4425" priority="5665">
      <formula>OR(O$187&lt;&gt;"",O$188&lt;&gt;"")</formula>
    </cfRule>
  </conditionalFormatting>
  <conditionalFormatting sqref="O210">
    <cfRule type="expression" dxfId="4424" priority="5664">
      <formula>OR(O$187&lt;&gt;"",O$188&lt;&gt;"")</formula>
    </cfRule>
  </conditionalFormatting>
  <conditionalFormatting sqref="O211">
    <cfRule type="expression" dxfId="4423" priority="5663">
      <formula>OR(O$187&lt;&gt;"",O$188&lt;&gt;"")</formula>
    </cfRule>
  </conditionalFormatting>
  <conditionalFormatting sqref="O212">
    <cfRule type="expression" dxfId="4422" priority="5662">
      <formula>OR(O$187&lt;&gt;"",O$188&lt;&gt;"")</formula>
    </cfRule>
  </conditionalFormatting>
  <conditionalFormatting sqref="O193:O208">
    <cfRule type="expression" dxfId="4421" priority="5660">
      <formula>OR(O$187&lt;&gt;"",O$188&lt;&gt;"")</formula>
    </cfRule>
    <cfRule type="expression" dxfId="4420" priority="5661">
      <formula>AND(O$187="",O$188="")</formula>
    </cfRule>
  </conditionalFormatting>
  <conditionalFormatting sqref="O213:O216">
    <cfRule type="expression" dxfId="4419" priority="5658">
      <formula>OR(O$187&lt;&gt;"",O$188&lt;&gt;"")</formula>
    </cfRule>
    <cfRule type="expression" dxfId="4418" priority="5659">
      <formula>AND(O$187="",O$188="")</formula>
    </cfRule>
  </conditionalFormatting>
  <conditionalFormatting sqref="P187:P188">
    <cfRule type="expression" dxfId="4417" priority="5656">
      <formula>OR(P$187&lt;&gt;"",P$188&lt;&gt;"")</formula>
    </cfRule>
    <cfRule type="expression" dxfId="4416" priority="5657">
      <formula>AND(P$187="",P$188="")</formula>
    </cfRule>
  </conditionalFormatting>
  <conditionalFormatting sqref="P189:P192">
    <cfRule type="expression" dxfId="4415" priority="5655">
      <formula>AND(P$187="",P$188="")</formula>
    </cfRule>
  </conditionalFormatting>
  <conditionalFormatting sqref="P189">
    <cfRule type="expression" dxfId="4414" priority="5654">
      <formula>OR(P$187&lt;&gt;"",P$188&lt;&gt;"")</formula>
    </cfRule>
  </conditionalFormatting>
  <conditionalFormatting sqref="P190">
    <cfRule type="expression" dxfId="4413" priority="5653">
      <formula>OR(P$187&lt;&gt;"",P$188&lt;&gt;"")</formula>
    </cfRule>
  </conditionalFormatting>
  <conditionalFormatting sqref="P191">
    <cfRule type="expression" dxfId="4412" priority="5652">
      <formula>OR(P$187&lt;&gt;"",P$188&lt;&gt;"")</formula>
    </cfRule>
  </conditionalFormatting>
  <conditionalFormatting sqref="P192">
    <cfRule type="expression" dxfId="4411" priority="5651">
      <formula>OR(P$187&lt;&gt;"",P$188&lt;&gt;"")</formula>
    </cfRule>
  </conditionalFormatting>
  <conditionalFormatting sqref="P209:P212">
    <cfRule type="expression" dxfId="4410" priority="5650">
      <formula>AND(P$187="",P$188="")</formula>
    </cfRule>
  </conditionalFormatting>
  <conditionalFormatting sqref="P209">
    <cfRule type="expression" dxfId="4409" priority="5649">
      <formula>OR(P$187&lt;&gt;"",P$188&lt;&gt;"")</formula>
    </cfRule>
  </conditionalFormatting>
  <conditionalFormatting sqref="P210">
    <cfRule type="expression" dxfId="4408" priority="5648">
      <formula>OR(P$187&lt;&gt;"",P$188&lt;&gt;"")</formula>
    </cfRule>
  </conditionalFormatting>
  <conditionalFormatting sqref="P211">
    <cfRule type="expression" dxfId="4407" priority="5647">
      <formula>OR(P$187&lt;&gt;"",P$188&lt;&gt;"")</formula>
    </cfRule>
  </conditionalFormatting>
  <conditionalFormatting sqref="P212">
    <cfRule type="expression" dxfId="4406" priority="5646">
      <formula>OR(P$187&lt;&gt;"",P$188&lt;&gt;"")</formula>
    </cfRule>
  </conditionalFormatting>
  <conditionalFormatting sqref="P193:P208">
    <cfRule type="expression" dxfId="4405" priority="5644">
      <formula>OR(P$187&lt;&gt;"",P$188&lt;&gt;"")</formula>
    </cfRule>
    <cfRule type="expression" dxfId="4404" priority="5645">
      <formula>AND(P$187="",P$188="")</formula>
    </cfRule>
  </conditionalFormatting>
  <conditionalFormatting sqref="P213:P216">
    <cfRule type="expression" dxfId="4403" priority="5642">
      <formula>OR(P$187&lt;&gt;"",P$188&lt;&gt;"")</formula>
    </cfRule>
    <cfRule type="expression" dxfId="4402" priority="5643">
      <formula>AND(P$187="",P$188="")</formula>
    </cfRule>
  </conditionalFormatting>
  <conditionalFormatting sqref="Q187:Q188">
    <cfRule type="expression" dxfId="4401" priority="5640">
      <formula>OR(Q$187&lt;&gt;"",Q$188&lt;&gt;"")</formula>
    </cfRule>
    <cfRule type="expression" dxfId="4400" priority="5641">
      <formula>AND(Q$187="",Q$188="")</formula>
    </cfRule>
  </conditionalFormatting>
  <conditionalFormatting sqref="Q189:Q192">
    <cfRule type="expression" dxfId="4399" priority="5639">
      <formula>AND(Q$187="",Q$188="")</formula>
    </cfRule>
  </conditionalFormatting>
  <conditionalFormatting sqref="Q189">
    <cfRule type="expression" dxfId="4398" priority="5638">
      <formula>OR(Q$187&lt;&gt;"",Q$188&lt;&gt;"")</formula>
    </cfRule>
  </conditionalFormatting>
  <conditionalFormatting sqref="Q190">
    <cfRule type="expression" dxfId="4397" priority="5637">
      <formula>OR(Q$187&lt;&gt;"",Q$188&lt;&gt;"")</formula>
    </cfRule>
  </conditionalFormatting>
  <conditionalFormatting sqref="Q191">
    <cfRule type="expression" dxfId="4396" priority="5636">
      <formula>OR(Q$187&lt;&gt;"",Q$188&lt;&gt;"")</formula>
    </cfRule>
  </conditionalFormatting>
  <conditionalFormatting sqref="Q192">
    <cfRule type="expression" dxfId="4395" priority="5635">
      <formula>OR(Q$187&lt;&gt;"",Q$188&lt;&gt;"")</formula>
    </cfRule>
  </conditionalFormatting>
  <conditionalFormatting sqref="Q209:Q212">
    <cfRule type="expression" dxfId="4394" priority="5634">
      <formula>AND(Q$187="",Q$188="")</formula>
    </cfRule>
  </conditionalFormatting>
  <conditionalFormatting sqref="Q209">
    <cfRule type="expression" dxfId="4393" priority="5633">
      <formula>OR(Q$187&lt;&gt;"",Q$188&lt;&gt;"")</formula>
    </cfRule>
  </conditionalFormatting>
  <conditionalFormatting sqref="Q210">
    <cfRule type="expression" dxfId="4392" priority="5632">
      <formula>OR(Q$187&lt;&gt;"",Q$188&lt;&gt;"")</formula>
    </cfRule>
  </conditionalFormatting>
  <conditionalFormatting sqref="Q211">
    <cfRule type="expression" dxfId="4391" priority="5631">
      <formula>OR(Q$187&lt;&gt;"",Q$188&lt;&gt;"")</formula>
    </cfRule>
  </conditionalFormatting>
  <conditionalFormatting sqref="Q212">
    <cfRule type="expression" dxfId="4390" priority="5630">
      <formula>OR(Q$187&lt;&gt;"",Q$188&lt;&gt;"")</formula>
    </cfRule>
  </conditionalFormatting>
  <conditionalFormatting sqref="Q193:Q208">
    <cfRule type="expression" dxfId="4389" priority="5628">
      <formula>OR(Q$187&lt;&gt;"",Q$188&lt;&gt;"")</formula>
    </cfRule>
    <cfRule type="expression" dxfId="4388" priority="5629">
      <formula>AND(Q$187="",Q$188="")</formula>
    </cfRule>
  </conditionalFormatting>
  <conditionalFormatting sqref="Q213:Q216">
    <cfRule type="expression" dxfId="4387" priority="5626">
      <formula>OR(Q$187&lt;&gt;"",Q$188&lt;&gt;"")</formula>
    </cfRule>
    <cfRule type="expression" dxfId="4386" priority="5627">
      <formula>AND(Q$187="",Q$188="")</formula>
    </cfRule>
  </conditionalFormatting>
  <conditionalFormatting sqref="R187:R188">
    <cfRule type="expression" dxfId="4385" priority="5624">
      <formula>OR(R$187&lt;&gt;"",R$188&lt;&gt;"")</formula>
    </cfRule>
    <cfRule type="expression" dxfId="4384" priority="5625">
      <formula>AND(R$187="",R$188="")</formula>
    </cfRule>
  </conditionalFormatting>
  <conditionalFormatting sqref="R189:R192">
    <cfRule type="expression" dxfId="4383" priority="5623">
      <formula>AND(R$187="",R$188="")</formula>
    </cfRule>
  </conditionalFormatting>
  <conditionalFormatting sqref="R189">
    <cfRule type="expression" dxfId="4382" priority="5622">
      <formula>OR(R$187&lt;&gt;"",R$188&lt;&gt;"")</formula>
    </cfRule>
  </conditionalFormatting>
  <conditionalFormatting sqref="R190">
    <cfRule type="expression" dxfId="4381" priority="5621">
      <formula>OR(R$187&lt;&gt;"",R$188&lt;&gt;"")</formula>
    </cfRule>
  </conditionalFormatting>
  <conditionalFormatting sqref="R191">
    <cfRule type="expression" dxfId="4380" priority="5620">
      <formula>OR(R$187&lt;&gt;"",R$188&lt;&gt;"")</formula>
    </cfRule>
  </conditionalFormatting>
  <conditionalFormatting sqref="R192">
    <cfRule type="expression" dxfId="4379" priority="5619">
      <formula>OR(R$187&lt;&gt;"",R$188&lt;&gt;"")</formula>
    </cfRule>
  </conditionalFormatting>
  <conditionalFormatting sqref="R209:R212">
    <cfRule type="expression" dxfId="4378" priority="5618">
      <formula>AND(R$187="",R$188="")</formula>
    </cfRule>
  </conditionalFormatting>
  <conditionalFormatting sqref="R209">
    <cfRule type="expression" dxfId="4377" priority="5617">
      <formula>OR(R$187&lt;&gt;"",R$188&lt;&gt;"")</formula>
    </cfRule>
  </conditionalFormatting>
  <conditionalFormatting sqref="R210">
    <cfRule type="expression" dxfId="4376" priority="5616">
      <formula>OR(R$187&lt;&gt;"",R$188&lt;&gt;"")</formula>
    </cfRule>
  </conditionalFormatting>
  <conditionalFormatting sqref="R211">
    <cfRule type="expression" dxfId="4375" priority="5615">
      <formula>OR(R$187&lt;&gt;"",R$188&lt;&gt;"")</formula>
    </cfRule>
  </conditionalFormatting>
  <conditionalFormatting sqref="R212">
    <cfRule type="expression" dxfId="4374" priority="5614">
      <formula>OR(R$187&lt;&gt;"",R$188&lt;&gt;"")</formula>
    </cfRule>
  </conditionalFormatting>
  <conditionalFormatting sqref="R193:R208">
    <cfRule type="expression" dxfId="4373" priority="5612">
      <formula>OR(R$187&lt;&gt;"",R$188&lt;&gt;"")</formula>
    </cfRule>
    <cfRule type="expression" dxfId="4372" priority="5613">
      <formula>AND(R$187="",R$188="")</formula>
    </cfRule>
  </conditionalFormatting>
  <conditionalFormatting sqref="R213:R216">
    <cfRule type="expression" dxfId="4371" priority="5610">
      <formula>OR(R$187&lt;&gt;"",R$188&lt;&gt;"")</formula>
    </cfRule>
    <cfRule type="expression" dxfId="4370" priority="5611">
      <formula>AND(R$187="",R$188="")</formula>
    </cfRule>
  </conditionalFormatting>
  <conditionalFormatting sqref="S187:S188">
    <cfRule type="expression" dxfId="4369" priority="5608">
      <formula>OR(S$187&lt;&gt;"",S$188&lt;&gt;"")</formula>
    </cfRule>
    <cfRule type="expression" dxfId="4368" priority="5609">
      <formula>AND(S$187="",S$188="")</formula>
    </cfRule>
  </conditionalFormatting>
  <conditionalFormatting sqref="S189:S192">
    <cfRule type="expression" dxfId="4367" priority="5607">
      <formula>AND(S$187="",S$188="")</formula>
    </cfRule>
  </conditionalFormatting>
  <conditionalFormatting sqref="S189">
    <cfRule type="expression" dxfId="4366" priority="5606">
      <formula>OR(S$187&lt;&gt;"",S$188&lt;&gt;"")</formula>
    </cfRule>
  </conditionalFormatting>
  <conditionalFormatting sqref="S190">
    <cfRule type="expression" dxfId="4365" priority="5605">
      <formula>OR(S$187&lt;&gt;"",S$188&lt;&gt;"")</formula>
    </cfRule>
  </conditionalFormatting>
  <conditionalFormatting sqref="S191">
    <cfRule type="expression" dxfId="4364" priority="5604">
      <formula>OR(S$187&lt;&gt;"",S$188&lt;&gt;"")</formula>
    </cfRule>
  </conditionalFormatting>
  <conditionalFormatting sqref="S192">
    <cfRule type="expression" dxfId="4363" priority="5603">
      <formula>OR(S$187&lt;&gt;"",S$188&lt;&gt;"")</formula>
    </cfRule>
  </conditionalFormatting>
  <conditionalFormatting sqref="S209:S212">
    <cfRule type="expression" dxfId="4362" priority="5602">
      <formula>AND(S$187="",S$188="")</formula>
    </cfRule>
  </conditionalFormatting>
  <conditionalFormatting sqref="S209">
    <cfRule type="expression" dxfId="4361" priority="5601">
      <formula>OR(S$187&lt;&gt;"",S$188&lt;&gt;"")</formula>
    </cfRule>
  </conditionalFormatting>
  <conditionalFormatting sqref="S210">
    <cfRule type="expression" dxfId="4360" priority="5600">
      <formula>OR(S$187&lt;&gt;"",S$188&lt;&gt;"")</formula>
    </cfRule>
  </conditionalFormatting>
  <conditionalFormatting sqref="S211">
    <cfRule type="expression" dxfId="4359" priority="5599">
      <formula>OR(S$187&lt;&gt;"",S$188&lt;&gt;"")</formula>
    </cfRule>
  </conditionalFormatting>
  <conditionalFormatting sqref="S212">
    <cfRule type="expression" dxfId="4358" priority="5598">
      <formula>OR(S$187&lt;&gt;"",S$188&lt;&gt;"")</formula>
    </cfRule>
  </conditionalFormatting>
  <conditionalFormatting sqref="S193:S208">
    <cfRule type="expression" dxfId="4357" priority="5596">
      <formula>OR(S$187&lt;&gt;"",S$188&lt;&gt;"")</formula>
    </cfRule>
    <cfRule type="expression" dxfId="4356" priority="5597">
      <formula>AND(S$187="",S$188="")</formula>
    </cfRule>
  </conditionalFormatting>
  <conditionalFormatting sqref="S213:S216">
    <cfRule type="expression" dxfId="4355" priority="5594">
      <formula>OR(S$187&lt;&gt;"",S$188&lt;&gt;"")</formula>
    </cfRule>
    <cfRule type="expression" dxfId="4354" priority="5595">
      <formula>AND(S$187="",S$188="")</formula>
    </cfRule>
  </conditionalFormatting>
  <conditionalFormatting sqref="T187:T188">
    <cfRule type="expression" dxfId="4353" priority="5592">
      <formula>OR(T$187&lt;&gt;"",T$188&lt;&gt;"")</formula>
    </cfRule>
    <cfRule type="expression" dxfId="4352" priority="5593">
      <formula>AND(T$187="",T$188="")</formula>
    </cfRule>
  </conditionalFormatting>
  <conditionalFormatting sqref="T189:T192">
    <cfRule type="expression" dxfId="4351" priority="5591">
      <formula>AND(T$187="",T$188="")</formula>
    </cfRule>
  </conditionalFormatting>
  <conditionalFormatting sqref="T189">
    <cfRule type="expression" dxfId="4350" priority="5590">
      <formula>OR(T$187&lt;&gt;"",T$188&lt;&gt;"")</formula>
    </cfRule>
  </conditionalFormatting>
  <conditionalFormatting sqref="T190">
    <cfRule type="expression" dxfId="4349" priority="5589">
      <formula>OR(T$187&lt;&gt;"",T$188&lt;&gt;"")</formula>
    </cfRule>
  </conditionalFormatting>
  <conditionalFormatting sqref="T191">
    <cfRule type="expression" dxfId="4348" priority="5588">
      <formula>OR(T$187&lt;&gt;"",T$188&lt;&gt;"")</formula>
    </cfRule>
  </conditionalFormatting>
  <conditionalFormatting sqref="T192">
    <cfRule type="expression" dxfId="4347" priority="5587">
      <formula>OR(T$187&lt;&gt;"",T$188&lt;&gt;"")</formula>
    </cfRule>
  </conditionalFormatting>
  <conditionalFormatting sqref="T209:T212">
    <cfRule type="expression" dxfId="4346" priority="5586">
      <formula>AND(T$187="",T$188="")</formula>
    </cfRule>
  </conditionalFormatting>
  <conditionalFormatting sqref="T209">
    <cfRule type="expression" dxfId="4345" priority="5585">
      <formula>OR(T$187&lt;&gt;"",T$188&lt;&gt;"")</formula>
    </cfRule>
  </conditionalFormatting>
  <conditionalFormatting sqref="T210">
    <cfRule type="expression" dxfId="4344" priority="5584">
      <formula>OR(T$187&lt;&gt;"",T$188&lt;&gt;"")</formula>
    </cfRule>
  </conditionalFormatting>
  <conditionalFormatting sqref="T211">
    <cfRule type="expression" dxfId="4343" priority="5583">
      <formula>OR(T$187&lt;&gt;"",T$188&lt;&gt;"")</formula>
    </cfRule>
  </conditionalFormatting>
  <conditionalFormatting sqref="T212">
    <cfRule type="expression" dxfId="4342" priority="5582">
      <formula>OR(T$187&lt;&gt;"",T$188&lt;&gt;"")</formula>
    </cfRule>
  </conditionalFormatting>
  <conditionalFormatting sqref="T193:T208">
    <cfRule type="expression" dxfId="4341" priority="5580">
      <formula>OR(T$187&lt;&gt;"",T$188&lt;&gt;"")</formula>
    </cfRule>
    <cfRule type="expression" dxfId="4340" priority="5581">
      <formula>AND(T$187="",T$188="")</formula>
    </cfRule>
  </conditionalFormatting>
  <conditionalFormatting sqref="T213:T216">
    <cfRule type="expression" dxfId="4339" priority="5578">
      <formula>OR(T$187&lt;&gt;"",T$188&lt;&gt;"")</formula>
    </cfRule>
    <cfRule type="expression" dxfId="4338" priority="5579">
      <formula>AND(T$187="",T$188="")</formula>
    </cfRule>
  </conditionalFormatting>
  <conditionalFormatting sqref="U187:U188">
    <cfRule type="expression" dxfId="4337" priority="5576">
      <formula>OR(U$187&lt;&gt;"",U$188&lt;&gt;"")</formula>
    </cfRule>
    <cfRule type="expression" dxfId="4336" priority="5577">
      <formula>AND(U$187="",U$188="")</formula>
    </cfRule>
  </conditionalFormatting>
  <conditionalFormatting sqref="U189:U192">
    <cfRule type="expression" dxfId="4335" priority="5575">
      <formula>AND(U$187="",U$188="")</formula>
    </cfRule>
  </conditionalFormatting>
  <conditionalFormatting sqref="U189">
    <cfRule type="expression" dxfId="4334" priority="5574">
      <formula>OR(U$187&lt;&gt;"",U$188&lt;&gt;"")</formula>
    </cfRule>
  </conditionalFormatting>
  <conditionalFormatting sqref="U190">
    <cfRule type="expression" dxfId="4333" priority="5573">
      <formula>OR(U$187&lt;&gt;"",U$188&lt;&gt;"")</formula>
    </cfRule>
  </conditionalFormatting>
  <conditionalFormatting sqref="U191">
    <cfRule type="expression" dxfId="4332" priority="5572">
      <formula>OR(U$187&lt;&gt;"",U$188&lt;&gt;"")</formula>
    </cfRule>
  </conditionalFormatting>
  <conditionalFormatting sqref="U192">
    <cfRule type="expression" dxfId="4331" priority="5571">
      <formula>OR(U$187&lt;&gt;"",U$188&lt;&gt;"")</formula>
    </cfRule>
  </conditionalFormatting>
  <conditionalFormatting sqref="U209:U212">
    <cfRule type="expression" dxfId="4330" priority="5570">
      <formula>AND(U$187="",U$188="")</formula>
    </cfRule>
  </conditionalFormatting>
  <conditionalFormatting sqref="U209">
    <cfRule type="expression" dxfId="4329" priority="5569">
      <formula>OR(U$187&lt;&gt;"",U$188&lt;&gt;"")</formula>
    </cfRule>
  </conditionalFormatting>
  <conditionalFormatting sqref="U210">
    <cfRule type="expression" dxfId="4328" priority="5568">
      <formula>OR(U$187&lt;&gt;"",U$188&lt;&gt;"")</formula>
    </cfRule>
  </conditionalFormatting>
  <conditionalFormatting sqref="U211">
    <cfRule type="expression" dxfId="4327" priority="5567">
      <formula>OR(U$187&lt;&gt;"",U$188&lt;&gt;"")</formula>
    </cfRule>
  </conditionalFormatting>
  <conditionalFormatting sqref="U212">
    <cfRule type="expression" dxfId="4326" priority="5566">
      <formula>OR(U$187&lt;&gt;"",U$188&lt;&gt;"")</formula>
    </cfRule>
  </conditionalFormatting>
  <conditionalFormatting sqref="U193:U208">
    <cfRule type="expression" dxfId="4325" priority="5564">
      <formula>OR(U$187&lt;&gt;"",U$188&lt;&gt;"")</formula>
    </cfRule>
    <cfRule type="expression" dxfId="4324" priority="5565">
      <formula>AND(U$187="",U$188="")</formula>
    </cfRule>
  </conditionalFormatting>
  <conditionalFormatting sqref="U213:U216">
    <cfRule type="expression" dxfId="4323" priority="5562">
      <formula>OR(U$187&lt;&gt;"",U$188&lt;&gt;"")</formula>
    </cfRule>
    <cfRule type="expression" dxfId="4322" priority="5563">
      <formula>AND(U$187="",U$188="")</formula>
    </cfRule>
  </conditionalFormatting>
  <conditionalFormatting sqref="V187:V188">
    <cfRule type="expression" dxfId="4321" priority="5560">
      <formula>OR(V$187&lt;&gt;"",V$188&lt;&gt;"")</formula>
    </cfRule>
    <cfRule type="expression" dxfId="4320" priority="5561">
      <formula>AND(V$187="",V$188="")</formula>
    </cfRule>
  </conditionalFormatting>
  <conditionalFormatting sqref="V189:V192">
    <cfRule type="expression" dxfId="4319" priority="5559">
      <formula>AND(V$187="",V$188="")</formula>
    </cfRule>
  </conditionalFormatting>
  <conditionalFormatting sqref="V189">
    <cfRule type="expression" dxfId="4318" priority="5558">
      <formula>OR(V$187&lt;&gt;"",V$188&lt;&gt;"")</formula>
    </cfRule>
  </conditionalFormatting>
  <conditionalFormatting sqref="V190">
    <cfRule type="expression" dxfId="4317" priority="5557">
      <formula>OR(V$187&lt;&gt;"",V$188&lt;&gt;"")</formula>
    </cfRule>
  </conditionalFormatting>
  <conditionalFormatting sqref="V191">
    <cfRule type="expression" dxfId="4316" priority="5556">
      <formula>OR(V$187&lt;&gt;"",V$188&lt;&gt;"")</formula>
    </cfRule>
  </conditionalFormatting>
  <conditionalFormatting sqref="V192">
    <cfRule type="expression" dxfId="4315" priority="5555">
      <formula>OR(V$187&lt;&gt;"",V$188&lt;&gt;"")</formula>
    </cfRule>
  </conditionalFormatting>
  <conditionalFormatting sqref="V209:V212">
    <cfRule type="expression" dxfId="4314" priority="5554">
      <formula>AND(V$187="",V$188="")</formula>
    </cfRule>
  </conditionalFormatting>
  <conditionalFormatting sqref="V209">
    <cfRule type="expression" dxfId="4313" priority="5553">
      <formula>OR(V$187&lt;&gt;"",V$188&lt;&gt;"")</formula>
    </cfRule>
  </conditionalFormatting>
  <conditionalFormatting sqref="V210">
    <cfRule type="expression" dxfId="4312" priority="5552">
      <formula>OR(V$187&lt;&gt;"",V$188&lt;&gt;"")</formula>
    </cfRule>
  </conditionalFormatting>
  <conditionalFormatting sqref="V211">
    <cfRule type="expression" dxfId="4311" priority="5551">
      <formula>OR(V$187&lt;&gt;"",V$188&lt;&gt;"")</formula>
    </cfRule>
  </conditionalFormatting>
  <conditionalFormatting sqref="V212">
    <cfRule type="expression" dxfId="4310" priority="5550">
      <formula>OR(V$187&lt;&gt;"",V$188&lt;&gt;"")</formula>
    </cfRule>
  </conditionalFormatting>
  <conditionalFormatting sqref="V193:V208">
    <cfRule type="expression" dxfId="4309" priority="5548">
      <formula>OR(V$187&lt;&gt;"",V$188&lt;&gt;"")</formula>
    </cfRule>
    <cfRule type="expression" dxfId="4308" priority="5549">
      <formula>AND(V$187="",V$188="")</formula>
    </cfRule>
  </conditionalFormatting>
  <conditionalFormatting sqref="V213:V216">
    <cfRule type="expression" dxfId="4307" priority="5546">
      <formula>OR(V$187&lt;&gt;"",V$188&lt;&gt;"")</formula>
    </cfRule>
    <cfRule type="expression" dxfId="4306" priority="5547">
      <formula>AND(V$187="",V$188="")</formula>
    </cfRule>
  </conditionalFormatting>
  <conditionalFormatting sqref="W187:W188">
    <cfRule type="expression" dxfId="4305" priority="5544">
      <formula>OR(W$187&lt;&gt;"",W$188&lt;&gt;"")</formula>
    </cfRule>
    <cfRule type="expression" dxfId="4304" priority="5545">
      <formula>AND(W$187="",W$188="")</formula>
    </cfRule>
  </conditionalFormatting>
  <conditionalFormatting sqref="W189:W192">
    <cfRule type="expression" dxfId="4303" priority="5543">
      <formula>AND(W$187="",W$188="")</formula>
    </cfRule>
  </conditionalFormatting>
  <conditionalFormatting sqref="W189">
    <cfRule type="expression" dxfId="4302" priority="5542">
      <formula>OR(W$187&lt;&gt;"",W$188&lt;&gt;"")</formula>
    </cfRule>
  </conditionalFormatting>
  <conditionalFormatting sqref="W190">
    <cfRule type="expression" dxfId="4301" priority="5541">
      <formula>OR(W$187&lt;&gt;"",W$188&lt;&gt;"")</formula>
    </cfRule>
  </conditionalFormatting>
  <conditionalFormatting sqref="W191">
    <cfRule type="expression" dxfId="4300" priority="5540">
      <formula>OR(W$187&lt;&gt;"",W$188&lt;&gt;"")</formula>
    </cfRule>
  </conditionalFormatting>
  <conditionalFormatting sqref="W192">
    <cfRule type="expression" dxfId="4299" priority="5539">
      <formula>OR(W$187&lt;&gt;"",W$188&lt;&gt;"")</formula>
    </cfRule>
  </conditionalFormatting>
  <conditionalFormatting sqref="W209:W212">
    <cfRule type="expression" dxfId="4298" priority="5538">
      <formula>AND(W$187="",W$188="")</formula>
    </cfRule>
  </conditionalFormatting>
  <conditionalFormatting sqref="W209">
    <cfRule type="expression" dxfId="4297" priority="5537">
      <formula>OR(W$187&lt;&gt;"",W$188&lt;&gt;"")</formula>
    </cfRule>
  </conditionalFormatting>
  <conditionalFormatting sqref="W210">
    <cfRule type="expression" dxfId="4296" priority="5536">
      <formula>OR(W$187&lt;&gt;"",W$188&lt;&gt;"")</formula>
    </cfRule>
  </conditionalFormatting>
  <conditionalFormatting sqref="W211">
    <cfRule type="expression" dxfId="4295" priority="5535">
      <formula>OR(W$187&lt;&gt;"",W$188&lt;&gt;"")</formula>
    </cfRule>
  </conditionalFormatting>
  <conditionalFormatting sqref="W212">
    <cfRule type="expression" dxfId="4294" priority="5534">
      <formula>OR(W$187&lt;&gt;"",W$188&lt;&gt;"")</formula>
    </cfRule>
  </conditionalFormatting>
  <conditionalFormatting sqref="W193:W208">
    <cfRule type="expression" dxfId="4293" priority="5532">
      <formula>OR(W$187&lt;&gt;"",W$188&lt;&gt;"")</formula>
    </cfRule>
    <cfRule type="expression" dxfId="4292" priority="5533">
      <formula>AND(W$187="",W$188="")</formula>
    </cfRule>
  </conditionalFormatting>
  <conditionalFormatting sqref="W213:W216">
    <cfRule type="expression" dxfId="4291" priority="5530">
      <formula>OR(W$187&lt;&gt;"",W$188&lt;&gt;"")</formula>
    </cfRule>
    <cfRule type="expression" dxfId="4290" priority="5531">
      <formula>AND(W$187="",W$188="")</formula>
    </cfRule>
  </conditionalFormatting>
  <conditionalFormatting sqref="X187:X188">
    <cfRule type="expression" dxfId="4289" priority="5528">
      <formula>OR(X$187&lt;&gt;"",X$188&lt;&gt;"")</formula>
    </cfRule>
    <cfRule type="expression" dxfId="4288" priority="5529">
      <formula>AND(X$187="",X$188="")</formula>
    </cfRule>
  </conditionalFormatting>
  <conditionalFormatting sqref="X189:X192">
    <cfRule type="expression" dxfId="4287" priority="5527">
      <formula>AND(X$187="",X$188="")</formula>
    </cfRule>
  </conditionalFormatting>
  <conditionalFormatting sqref="X189">
    <cfRule type="expression" dxfId="4286" priority="5526">
      <formula>OR(X$187&lt;&gt;"",X$188&lt;&gt;"")</formula>
    </cfRule>
  </conditionalFormatting>
  <conditionalFormatting sqref="X190">
    <cfRule type="expression" dxfId="4285" priority="5525">
      <formula>OR(X$187&lt;&gt;"",X$188&lt;&gt;"")</formula>
    </cfRule>
  </conditionalFormatting>
  <conditionalFormatting sqref="X191">
    <cfRule type="expression" dxfId="4284" priority="5524">
      <formula>OR(X$187&lt;&gt;"",X$188&lt;&gt;"")</formula>
    </cfRule>
  </conditionalFormatting>
  <conditionalFormatting sqref="X192">
    <cfRule type="expression" dxfId="4283" priority="5523">
      <formula>OR(X$187&lt;&gt;"",X$188&lt;&gt;"")</formula>
    </cfRule>
  </conditionalFormatting>
  <conditionalFormatting sqref="X209:X212">
    <cfRule type="expression" dxfId="4282" priority="5522">
      <formula>AND(X$187="",X$188="")</formula>
    </cfRule>
  </conditionalFormatting>
  <conditionalFormatting sqref="X209">
    <cfRule type="expression" dxfId="4281" priority="5521">
      <formula>OR(X$187&lt;&gt;"",X$188&lt;&gt;"")</formula>
    </cfRule>
  </conditionalFormatting>
  <conditionalFormatting sqref="X210">
    <cfRule type="expression" dxfId="4280" priority="5520">
      <formula>OR(X$187&lt;&gt;"",X$188&lt;&gt;"")</formula>
    </cfRule>
  </conditionalFormatting>
  <conditionalFormatting sqref="X211">
    <cfRule type="expression" dxfId="4279" priority="5519">
      <formula>OR(X$187&lt;&gt;"",X$188&lt;&gt;"")</formula>
    </cfRule>
  </conditionalFormatting>
  <conditionalFormatting sqref="X212">
    <cfRule type="expression" dxfId="4278" priority="5518">
      <formula>OR(X$187&lt;&gt;"",X$188&lt;&gt;"")</formula>
    </cfRule>
  </conditionalFormatting>
  <conditionalFormatting sqref="X193:X208">
    <cfRule type="expression" dxfId="4277" priority="5516">
      <formula>OR(X$187&lt;&gt;"",X$188&lt;&gt;"")</formula>
    </cfRule>
    <cfRule type="expression" dxfId="4276" priority="5517">
      <formula>AND(X$187="",X$188="")</formula>
    </cfRule>
  </conditionalFormatting>
  <conditionalFormatting sqref="X213:X216">
    <cfRule type="expression" dxfId="4275" priority="5514">
      <formula>OR(X$187&lt;&gt;"",X$188&lt;&gt;"")</formula>
    </cfRule>
    <cfRule type="expression" dxfId="4274" priority="5515">
      <formula>AND(X$187="",X$188="")</formula>
    </cfRule>
  </conditionalFormatting>
  <conditionalFormatting sqref="Y187:Y188">
    <cfRule type="expression" dxfId="4273" priority="5512">
      <formula>OR(Y$187&lt;&gt;"",Y$188&lt;&gt;"")</formula>
    </cfRule>
    <cfRule type="expression" dxfId="4272" priority="5513">
      <formula>AND(Y$187="",Y$188="")</formula>
    </cfRule>
  </conditionalFormatting>
  <conditionalFormatting sqref="Y189:Y192">
    <cfRule type="expression" dxfId="4271" priority="5511">
      <formula>AND(Y$187="",Y$188="")</formula>
    </cfRule>
  </conditionalFormatting>
  <conditionalFormatting sqref="Y189">
    <cfRule type="expression" dxfId="4270" priority="5510">
      <formula>OR(Y$187&lt;&gt;"",Y$188&lt;&gt;"")</formula>
    </cfRule>
  </conditionalFormatting>
  <conditionalFormatting sqref="Y190">
    <cfRule type="expression" dxfId="4269" priority="5509">
      <formula>OR(Y$187&lt;&gt;"",Y$188&lt;&gt;"")</formula>
    </cfRule>
  </conditionalFormatting>
  <conditionalFormatting sqref="Y191">
    <cfRule type="expression" dxfId="4268" priority="5508">
      <formula>OR(Y$187&lt;&gt;"",Y$188&lt;&gt;"")</formula>
    </cfRule>
  </conditionalFormatting>
  <conditionalFormatting sqref="Y192">
    <cfRule type="expression" dxfId="4267" priority="5507">
      <formula>OR(Y$187&lt;&gt;"",Y$188&lt;&gt;"")</formula>
    </cfRule>
  </conditionalFormatting>
  <conditionalFormatting sqref="Y209:Y212">
    <cfRule type="expression" dxfId="4266" priority="5506">
      <formula>AND(Y$187="",Y$188="")</formula>
    </cfRule>
  </conditionalFormatting>
  <conditionalFormatting sqref="Y209">
    <cfRule type="expression" dxfId="4265" priority="5505">
      <formula>OR(Y$187&lt;&gt;"",Y$188&lt;&gt;"")</formula>
    </cfRule>
  </conditionalFormatting>
  <conditionalFormatting sqref="Y210">
    <cfRule type="expression" dxfId="4264" priority="5504">
      <formula>OR(Y$187&lt;&gt;"",Y$188&lt;&gt;"")</formula>
    </cfRule>
  </conditionalFormatting>
  <conditionalFormatting sqref="Y211">
    <cfRule type="expression" dxfId="4263" priority="5503">
      <formula>OR(Y$187&lt;&gt;"",Y$188&lt;&gt;"")</formula>
    </cfRule>
  </conditionalFormatting>
  <conditionalFormatting sqref="Y212">
    <cfRule type="expression" dxfId="4262" priority="5502">
      <formula>OR(Y$187&lt;&gt;"",Y$188&lt;&gt;"")</formula>
    </cfRule>
  </conditionalFormatting>
  <conditionalFormatting sqref="Y193:Y208">
    <cfRule type="expression" dxfId="4261" priority="5500">
      <formula>OR(Y$187&lt;&gt;"",Y$188&lt;&gt;"")</formula>
    </cfRule>
    <cfRule type="expression" dxfId="4260" priority="5501">
      <formula>AND(Y$187="",Y$188="")</formula>
    </cfRule>
  </conditionalFormatting>
  <conditionalFormatting sqref="Y213:Y216">
    <cfRule type="expression" dxfId="4259" priority="5498">
      <formula>OR(Y$187&lt;&gt;"",Y$188&lt;&gt;"")</formula>
    </cfRule>
    <cfRule type="expression" dxfId="4258" priority="5499">
      <formula>AND(Y$187="",Y$188="")</formula>
    </cfRule>
  </conditionalFormatting>
  <conditionalFormatting sqref="Z187:Z188">
    <cfRule type="expression" dxfId="4257" priority="5496">
      <formula>OR(Z$187&lt;&gt;"",Z$188&lt;&gt;"")</formula>
    </cfRule>
    <cfRule type="expression" dxfId="4256" priority="5497">
      <formula>AND(Z$187="",Z$188="")</formula>
    </cfRule>
  </conditionalFormatting>
  <conditionalFormatting sqref="Z189:Z192">
    <cfRule type="expression" dxfId="4255" priority="5495">
      <formula>AND(Z$187="",Z$188="")</formula>
    </cfRule>
  </conditionalFormatting>
  <conditionalFormatting sqref="Z189">
    <cfRule type="expression" dxfId="4254" priority="5494">
      <formula>OR(Z$187&lt;&gt;"",Z$188&lt;&gt;"")</formula>
    </cfRule>
  </conditionalFormatting>
  <conditionalFormatting sqref="Z190">
    <cfRule type="expression" dxfId="4253" priority="5493">
      <formula>OR(Z$187&lt;&gt;"",Z$188&lt;&gt;"")</formula>
    </cfRule>
  </conditionalFormatting>
  <conditionalFormatting sqref="Z191">
    <cfRule type="expression" dxfId="4252" priority="5492">
      <formula>OR(Z$187&lt;&gt;"",Z$188&lt;&gt;"")</formula>
    </cfRule>
  </conditionalFormatting>
  <conditionalFormatting sqref="Z192">
    <cfRule type="expression" dxfId="4251" priority="5491">
      <formula>OR(Z$187&lt;&gt;"",Z$188&lt;&gt;"")</formula>
    </cfRule>
  </conditionalFormatting>
  <conditionalFormatting sqref="Z209:Z212">
    <cfRule type="expression" dxfId="4250" priority="5490">
      <formula>AND(Z$187="",Z$188="")</formula>
    </cfRule>
  </conditionalFormatting>
  <conditionalFormatting sqref="Z209">
    <cfRule type="expression" dxfId="4249" priority="5489">
      <formula>OR(Z$187&lt;&gt;"",Z$188&lt;&gt;"")</formula>
    </cfRule>
  </conditionalFormatting>
  <conditionalFormatting sqref="Z210">
    <cfRule type="expression" dxfId="4248" priority="5488">
      <formula>OR(Z$187&lt;&gt;"",Z$188&lt;&gt;"")</formula>
    </cfRule>
  </conditionalFormatting>
  <conditionalFormatting sqref="Z211">
    <cfRule type="expression" dxfId="4247" priority="5487">
      <formula>OR(Z$187&lt;&gt;"",Z$188&lt;&gt;"")</formula>
    </cfRule>
  </conditionalFormatting>
  <conditionalFormatting sqref="Z212">
    <cfRule type="expression" dxfId="4246" priority="5486">
      <formula>OR(Z$187&lt;&gt;"",Z$188&lt;&gt;"")</formula>
    </cfRule>
  </conditionalFormatting>
  <conditionalFormatting sqref="Z193:Z208">
    <cfRule type="expression" dxfId="4245" priority="5484">
      <formula>OR(Z$187&lt;&gt;"",Z$188&lt;&gt;"")</formula>
    </cfRule>
    <cfRule type="expression" dxfId="4244" priority="5485">
      <formula>AND(Z$187="",Z$188="")</formula>
    </cfRule>
  </conditionalFormatting>
  <conditionalFormatting sqref="Z213:Z216">
    <cfRule type="expression" dxfId="4243" priority="5482">
      <formula>OR(Z$187&lt;&gt;"",Z$188&lt;&gt;"")</formula>
    </cfRule>
    <cfRule type="expression" dxfId="4242" priority="5483">
      <formula>AND(Z$187="",Z$188="")</formula>
    </cfRule>
  </conditionalFormatting>
  <conditionalFormatting sqref="AA187:AA188">
    <cfRule type="expression" dxfId="4241" priority="5480">
      <formula>OR(AA$187&lt;&gt;"",AA$188&lt;&gt;"")</formula>
    </cfRule>
    <cfRule type="expression" dxfId="4240" priority="5481">
      <formula>AND(AA$187="",AA$188="")</formula>
    </cfRule>
  </conditionalFormatting>
  <conditionalFormatting sqref="AA189:AA192">
    <cfRule type="expression" dxfId="4239" priority="5479">
      <formula>AND(AA$187="",AA$188="")</formula>
    </cfRule>
  </conditionalFormatting>
  <conditionalFormatting sqref="AA189">
    <cfRule type="expression" dxfId="4238" priority="5478">
      <formula>OR(AA$187&lt;&gt;"",AA$188&lt;&gt;"")</formula>
    </cfRule>
  </conditionalFormatting>
  <conditionalFormatting sqref="AA190">
    <cfRule type="expression" dxfId="4237" priority="5477">
      <formula>OR(AA$187&lt;&gt;"",AA$188&lt;&gt;"")</formula>
    </cfRule>
  </conditionalFormatting>
  <conditionalFormatting sqref="AA191">
    <cfRule type="expression" dxfId="4236" priority="5476">
      <formula>OR(AA$187&lt;&gt;"",AA$188&lt;&gt;"")</formula>
    </cfRule>
  </conditionalFormatting>
  <conditionalFormatting sqref="AA192">
    <cfRule type="expression" dxfId="4235" priority="5475">
      <formula>OR(AA$187&lt;&gt;"",AA$188&lt;&gt;"")</formula>
    </cfRule>
  </conditionalFormatting>
  <conditionalFormatting sqref="AA209:AA212">
    <cfRule type="expression" dxfId="4234" priority="5474">
      <formula>AND(AA$187="",AA$188="")</formula>
    </cfRule>
  </conditionalFormatting>
  <conditionalFormatting sqref="AA209">
    <cfRule type="expression" dxfId="4233" priority="5473">
      <formula>OR(AA$187&lt;&gt;"",AA$188&lt;&gt;"")</formula>
    </cfRule>
  </conditionalFormatting>
  <conditionalFormatting sqref="AA210">
    <cfRule type="expression" dxfId="4232" priority="5472">
      <formula>OR(AA$187&lt;&gt;"",AA$188&lt;&gt;"")</formula>
    </cfRule>
  </conditionalFormatting>
  <conditionalFormatting sqref="AA211">
    <cfRule type="expression" dxfId="4231" priority="5471">
      <formula>OR(AA$187&lt;&gt;"",AA$188&lt;&gt;"")</formula>
    </cfRule>
  </conditionalFormatting>
  <conditionalFormatting sqref="AA212">
    <cfRule type="expression" dxfId="4230" priority="5470">
      <formula>OR(AA$187&lt;&gt;"",AA$188&lt;&gt;"")</formula>
    </cfRule>
  </conditionalFormatting>
  <conditionalFormatting sqref="AA193:AA208">
    <cfRule type="expression" dxfId="4229" priority="5468">
      <formula>OR(AA$187&lt;&gt;"",AA$188&lt;&gt;"")</formula>
    </cfRule>
    <cfRule type="expression" dxfId="4228" priority="5469">
      <formula>AND(AA$187="",AA$188="")</formula>
    </cfRule>
  </conditionalFormatting>
  <conditionalFormatting sqref="AA213:AA216">
    <cfRule type="expression" dxfId="4227" priority="5466">
      <formula>OR(AA$187&lt;&gt;"",AA$188&lt;&gt;"")</formula>
    </cfRule>
    <cfRule type="expression" dxfId="4226" priority="5467">
      <formula>AND(AA$187="",AA$188="")</formula>
    </cfRule>
  </conditionalFormatting>
  <conditionalFormatting sqref="AB187:AB188">
    <cfRule type="expression" dxfId="4225" priority="5464">
      <formula>OR(AB$187&lt;&gt;"",AB$188&lt;&gt;"")</formula>
    </cfRule>
    <cfRule type="expression" dxfId="4224" priority="5465">
      <formula>AND(AB$187="",AB$188="")</formula>
    </cfRule>
  </conditionalFormatting>
  <conditionalFormatting sqref="AB189:AB192">
    <cfRule type="expression" dxfId="4223" priority="5463">
      <formula>AND(AB$187="",AB$188="")</formula>
    </cfRule>
  </conditionalFormatting>
  <conditionalFormatting sqref="AB189">
    <cfRule type="expression" dxfId="4222" priority="5462">
      <formula>OR(AB$187&lt;&gt;"",AB$188&lt;&gt;"")</formula>
    </cfRule>
  </conditionalFormatting>
  <conditionalFormatting sqref="AB190">
    <cfRule type="expression" dxfId="4221" priority="5461">
      <formula>OR(AB$187&lt;&gt;"",AB$188&lt;&gt;"")</formula>
    </cfRule>
  </conditionalFormatting>
  <conditionalFormatting sqref="AB191">
    <cfRule type="expression" dxfId="4220" priority="5460">
      <formula>OR(AB$187&lt;&gt;"",AB$188&lt;&gt;"")</formula>
    </cfRule>
  </conditionalFormatting>
  <conditionalFormatting sqref="AB192">
    <cfRule type="expression" dxfId="4219" priority="5459">
      <formula>OR(AB$187&lt;&gt;"",AB$188&lt;&gt;"")</formula>
    </cfRule>
  </conditionalFormatting>
  <conditionalFormatting sqref="AB209:AB212">
    <cfRule type="expression" dxfId="4218" priority="5458">
      <formula>AND(AB$187="",AB$188="")</formula>
    </cfRule>
  </conditionalFormatting>
  <conditionalFormatting sqref="AB209">
    <cfRule type="expression" dxfId="4217" priority="5457">
      <formula>OR(AB$187&lt;&gt;"",AB$188&lt;&gt;"")</formula>
    </cfRule>
  </conditionalFormatting>
  <conditionalFormatting sqref="AB210">
    <cfRule type="expression" dxfId="4216" priority="5456">
      <formula>OR(AB$187&lt;&gt;"",AB$188&lt;&gt;"")</formula>
    </cfRule>
  </conditionalFormatting>
  <conditionalFormatting sqref="AB211">
    <cfRule type="expression" dxfId="4215" priority="5455">
      <formula>OR(AB$187&lt;&gt;"",AB$188&lt;&gt;"")</formula>
    </cfRule>
  </conditionalFormatting>
  <conditionalFormatting sqref="AB212">
    <cfRule type="expression" dxfId="4214" priority="5454">
      <formula>OR(AB$187&lt;&gt;"",AB$188&lt;&gt;"")</formula>
    </cfRule>
  </conditionalFormatting>
  <conditionalFormatting sqref="AB193:AB208">
    <cfRule type="expression" dxfId="4213" priority="5452">
      <formula>OR(AB$187&lt;&gt;"",AB$188&lt;&gt;"")</formula>
    </cfRule>
    <cfRule type="expression" dxfId="4212" priority="5453">
      <formula>AND(AB$187="",AB$188="")</formula>
    </cfRule>
  </conditionalFormatting>
  <conditionalFormatting sqref="AB213:AB216">
    <cfRule type="expression" dxfId="4211" priority="5450">
      <formula>OR(AB$187&lt;&gt;"",AB$188&lt;&gt;"")</formula>
    </cfRule>
    <cfRule type="expression" dxfId="4210" priority="5451">
      <formula>AND(AB$187="",AB$188="")</formula>
    </cfRule>
  </conditionalFormatting>
  <conditionalFormatting sqref="AC187:AC188">
    <cfRule type="expression" dxfId="4209" priority="5448">
      <formula>OR(AC$187&lt;&gt;"",AC$188&lt;&gt;"")</formula>
    </cfRule>
    <cfRule type="expression" dxfId="4208" priority="5449">
      <formula>AND(AC$187="",AC$188="")</formula>
    </cfRule>
  </conditionalFormatting>
  <conditionalFormatting sqref="AC189:AC192">
    <cfRule type="expression" dxfId="4207" priority="5447">
      <formula>AND(AC$187="",AC$188="")</formula>
    </cfRule>
  </conditionalFormatting>
  <conditionalFormatting sqref="AC189">
    <cfRule type="expression" dxfId="4206" priority="5446">
      <formula>OR(AC$187&lt;&gt;"",AC$188&lt;&gt;"")</formula>
    </cfRule>
  </conditionalFormatting>
  <conditionalFormatting sqref="AC190">
    <cfRule type="expression" dxfId="4205" priority="5445">
      <formula>OR(AC$187&lt;&gt;"",AC$188&lt;&gt;"")</formula>
    </cfRule>
  </conditionalFormatting>
  <conditionalFormatting sqref="AC191">
    <cfRule type="expression" dxfId="4204" priority="5444">
      <formula>OR(AC$187&lt;&gt;"",AC$188&lt;&gt;"")</formula>
    </cfRule>
  </conditionalFormatting>
  <conditionalFormatting sqref="AC192">
    <cfRule type="expression" dxfId="4203" priority="5443">
      <formula>OR(AC$187&lt;&gt;"",AC$188&lt;&gt;"")</formula>
    </cfRule>
  </conditionalFormatting>
  <conditionalFormatting sqref="AC209:AC212">
    <cfRule type="expression" dxfId="4202" priority="5442">
      <formula>AND(AC$187="",AC$188="")</formula>
    </cfRule>
  </conditionalFormatting>
  <conditionalFormatting sqref="AC209">
    <cfRule type="expression" dxfId="4201" priority="5441">
      <formula>OR(AC$187&lt;&gt;"",AC$188&lt;&gt;"")</formula>
    </cfRule>
  </conditionalFormatting>
  <conditionalFormatting sqref="AC210">
    <cfRule type="expression" dxfId="4200" priority="5440">
      <formula>OR(AC$187&lt;&gt;"",AC$188&lt;&gt;"")</formula>
    </cfRule>
  </conditionalFormatting>
  <conditionalFormatting sqref="AC211">
    <cfRule type="expression" dxfId="4199" priority="5439">
      <formula>OR(AC$187&lt;&gt;"",AC$188&lt;&gt;"")</formula>
    </cfRule>
  </conditionalFormatting>
  <conditionalFormatting sqref="AC212">
    <cfRule type="expression" dxfId="4198" priority="5438">
      <formula>OR(AC$187&lt;&gt;"",AC$188&lt;&gt;"")</formula>
    </cfRule>
  </conditionalFormatting>
  <conditionalFormatting sqref="AC193:AC208">
    <cfRule type="expression" dxfId="4197" priority="5436">
      <formula>OR(AC$187&lt;&gt;"",AC$188&lt;&gt;"")</formula>
    </cfRule>
    <cfRule type="expression" dxfId="4196" priority="5437">
      <formula>AND(AC$187="",AC$188="")</formula>
    </cfRule>
  </conditionalFormatting>
  <conditionalFormatting sqref="AC213:AC216">
    <cfRule type="expression" dxfId="4195" priority="5434">
      <formula>OR(AC$187&lt;&gt;"",AC$188&lt;&gt;"")</formula>
    </cfRule>
    <cfRule type="expression" dxfId="4194" priority="5435">
      <formula>AND(AC$187="",AC$188="")</formula>
    </cfRule>
  </conditionalFormatting>
  <conditionalFormatting sqref="AD187:AD188">
    <cfRule type="expression" dxfId="4193" priority="5432">
      <formula>OR(AD$187&lt;&gt;"",AD$188&lt;&gt;"")</formula>
    </cfRule>
    <cfRule type="expression" dxfId="4192" priority="5433">
      <formula>AND(AD$187="",AD$188="")</formula>
    </cfRule>
  </conditionalFormatting>
  <conditionalFormatting sqref="AD189:AD192">
    <cfRule type="expression" dxfId="4191" priority="5431">
      <formula>AND(AD$187="",AD$188="")</formula>
    </cfRule>
  </conditionalFormatting>
  <conditionalFormatting sqref="AD189">
    <cfRule type="expression" dxfId="4190" priority="5430">
      <formula>OR(AD$187&lt;&gt;"",AD$188&lt;&gt;"")</formula>
    </cfRule>
  </conditionalFormatting>
  <conditionalFormatting sqref="AD190">
    <cfRule type="expression" dxfId="4189" priority="5429">
      <formula>OR(AD$187&lt;&gt;"",AD$188&lt;&gt;"")</formula>
    </cfRule>
  </conditionalFormatting>
  <conditionalFormatting sqref="AD191">
    <cfRule type="expression" dxfId="4188" priority="5428">
      <formula>OR(AD$187&lt;&gt;"",AD$188&lt;&gt;"")</formula>
    </cfRule>
  </conditionalFormatting>
  <conditionalFormatting sqref="AD192">
    <cfRule type="expression" dxfId="4187" priority="5427">
      <formula>OR(AD$187&lt;&gt;"",AD$188&lt;&gt;"")</formula>
    </cfRule>
  </conditionalFormatting>
  <conditionalFormatting sqref="AD209:AD212">
    <cfRule type="expression" dxfId="4186" priority="5426">
      <formula>AND(AD$187="",AD$188="")</formula>
    </cfRule>
  </conditionalFormatting>
  <conditionalFormatting sqref="AD209">
    <cfRule type="expression" dxfId="4185" priority="5425">
      <formula>OR(AD$187&lt;&gt;"",AD$188&lt;&gt;"")</formula>
    </cfRule>
  </conditionalFormatting>
  <conditionalFormatting sqref="AD210">
    <cfRule type="expression" dxfId="4184" priority="5424">
      <formula>OR(AD$187&lt;&gt;"",AD$188&lt;&gt;"")</formula>
    </cfRule>
  </conditionalFormatting>
  <conditionalFormatting sqref="AD211">
    <cfRule type="expression" dxfId="4183" priority="5423">
      <formula>OR(AD$187&lt;&gt;"",AD$188&lt;&gt;"")</formula>
    </cfRule>
  </conditionalFormatting>
  <conditionalFormatting sqref="AD212">
    <cfRule type="expression" dxfId="4182" priority="5422">
      <formula>OR(AD$187&lt;&gt;"",AD$188&lt;&gt;"")</formula>
    </cfRule>
  </conditionalFormatting>
  <conditionalFormatting sqref="AD193:AD208">
    <cfRule type="expression" dxfId="4181" priority="5420">
      <formula>OR(AD$187&lt;&gt;"",AD$188&lt;&gt;"")</formula>
    </cfRule>
    <cfRule type="expression" dxfId="4180" priority="5421">
      <formula>AND(AD$187="",AD$188="")</formula>
    </cfRule>
  </conditionalFormatting>
  <conditionalFormatting sqref="AD213:AD216">
    <cfRule type="expression" dxfId="4179" priority="5418">
      <formula>OR(AD$187&lt;&gt;"",AD$188&lt;&gt;"")</formula>
    </cfRule>
    <cfRule type="expression" dxfId="4178" priority="5419">
      <formula>AND(AD$187="",AD$188="")</formula>
    </cfRule>
  </conditionalFormatting>
  <conditionalFormatting sqref="AE187:AE188">
    <cfRule type="expression" dxfId="4177" priority="5416">
      <formula>OR(AE$187&lt;&gt;"",AE$188&lt;&gt;"")</formula>
    </cfRule>
    <cfRule type="expression" dxfId="4176" priority="5417">
      <formula>AND(AE$187="",AE$188="")</formula>
    </cfRule>
  </conditionalFormatting>
  <conditionalFormatting sqref="AE189:AE192">
    <cfRule type="expression" dxfId="4175" priority="5415">
      <formula>AND(AE$187="",AE$188="")</formula>
    </cfRule>
  </conditionalFormatting>
  <conditionalFormatting sqref="AE189">
    <cfRule type="expression" dxfId="4174" priority="5414">
      <formula>OR(AE$187&lt;&gt;"",AE$188&lt;&gt;"")</formula>
    </cfRule>
  </conditionalFormatting>
  <conditionalFormatting sqref="AE190">
    <cfRule type="expression" dxfId="4173" priority="5413">
      <formula>OR(AE$187&lt;&gt;"",AE$188&lt;&gt;"")</formula>
    </cfRule>
  </conditionalFormatting>
  <conditionalFormatting sqref="AE191">
    <cfRule type="expression" dxfId="4172" priority="5412">
      <formula>OR(AE$187&lt;&gt;"",AE$188&lt;&gt;"")</formula>
    </cfRule>
  </conditionalFormatting>
  <conditionalFormatting sqref="AE192">
    <cfRule type="expression" dxfId="4171" priority="5411">
      <formula>OR(AE$187&lt;&gt;"",AE$188&lt;&gt;"")</formula>
    </cfRule>
  </conditionalFormatting>
  <conditionalFormatting sqref="AE209:AE212">
    <cfRule type="expression" dxfId="4170" priority="5410">
      <formula>AND(AE$187="",AE$188="")</formula>
    </cfRule>
  </conditionalFormatting>
  <conditionalFormatting sqref="AE209">
    <cfRule type="expression" dxfId="4169" priority="5409">
      <formula>OR(AE$187&lt;&gt;"",AE$188&lt;&gt;"")</formula>
    </cfRule>
  </conditionalFormatting>
  <conditionalFormatting sqref="AE210">
    <cfRule type="expression" dxfId="4168" priority="5408">
      <formula>OR(AE$187&lt;&gt;"",AE$188&lt;&gt;"")</formula>
    </cfRule>
  </conditionalFormatting>
  <conditionalFormatting sqref="AE211">
    <cfRule type="expression" dxfId="4167" priority="5407">
      <formula>OR(AE$187&lt;&gt;"",AE$188&lt;&gt;"")</formula>
    </cfRule>
  </conditionalFormatting>
  <conditionalFormatting sqref="AE212">
    <cfRule type="expression" dxfId="4166" priority="5406">
      <formula>OR(AE$187&lt;&gt;"",AE$188&lt;&gt;"")</formula>
    </cfRule>
  </conditionalFormatting>
  <conditionalFormatting sqref="AE193:AE208">
    <cfRule type="expression" dxfId="4165" priority="5404">
      <formula>OR(AE$187&lt;&gt;"",AE$188&lt;&gt;"")</formula>
    </cfRule>
    <cfRule type="expression" dxfId="4164" priority="5405">
      <formula>AND(AE$187="",AE$188="")</formula>
    </cfRule>
  </conditionalFormatting>
  <conditionalFormatting sqref="AE213:AE216">
    <cfRule type="expression" dxfId="4163" priority="5402">
      <formula>OR(AE$187&lt;&gt;"",AE$188&lt;&gt;"")</formula>
    </cfRule>
    <cfRule type="expression" dxfId="4162" priority="5403">
      <formula>AND(AE$187="",AE$188="")</formula>
    </cfRule>
  </conditionalFormatting>
  <conditionalFormatting sqref="AF187:AF188">
    <cfRule type="expression" dxfId="4161" priority="5400">
      <formula>OR(AF$187&lt;&gt;"",AF$188&lt;&gt;"")</formula>
    </cfRule>
    <cfRule type="expression" dxfId="4160" priority="5401">
      <formula>AND(AF$187="",AF$188="")</formula>
    </cfRule>
  </conditionalFormatting>
  <conditionalFormatting sqref="AF189:AF192">
    <cfRule type="expression" dxfId="4159" priority="5399">
      <formula>AND(AF$187="",AF$188="")</formula>
    </cfRule>
  </conditionalFormatting>
  <conditionalFormatting sqref="AF189">
    <cfRule type="expression" dxfId="4158" priority="5398">
      <formula>OR(AF$187&lt;&gt;"",AF$188&lt;&gt;"")</formula>
    </cfRule>
  </conditionalFormatting>
  <conditionalFormatting sqref="AF190">
    <cfRule type="expression" dxfId="4157" priority="5397">
      <formula>OR(AF$187&lt;&gt;"",AF$188&lt;&gt;"")</formula>
    </cfRule>
  </conditionalFormatting>
  <conditionalFormatting sqref="AF191">
    <cfRule type="expression" dxfId="4156" priority="5396">
      <formula>OR(AF$187&lt;&gt;"",AF$188&lt;&gt;"")</formula>
    </cfRule>
  </conditionalFormatting>
  <conditionalFormatting sqref="AF192">
    <cfRule type="expression" dxfId="4155" priority="5395">
      <formula>OR(AF$187&lt;&gt;"",AF$188&lt;&gt;"")</formula>
    </cfRule>
  </conditionalFormatting>
  <conditionalFormatting sqref="AF209:AF212">
    <cfRule type="expression" dxfId="4154" priority="5394">
      <formula>AND(AF$187="",AF$188="")</formula>
    </cfRule>
  </conditionalFormatting>
  <conditionalFormatting sqref="AF209">
    <cfRule type="expression" dxfId="4153" priority="5393">
      <formula>OR(AF$187&lt;&gt;"",AF$188&lt;&gt;"")</formula>
    </cfRule>
  </conditionalFormatting>
  <conditionalFormatting sqref="AF210">
    <cfRule type="expression" dxfId="4152" priority="5392">
      <formula>OR(AF$187&lt;&gt;"",AF$188&lt;&gt;"")</formula>
    </cfRule>
  </conditionalFormatting>
  <conditionalFormatting sqref="AF211">
    <cfRule type="expression" dxfId="4151" priority="5391">
      <formula>OR(AF$187&lt;&gt;"",AF$188&lt;&gt;"")</formula>
    </cfRule>
  </conditionalFormatting>
  <conditionalFormatting sqref="AF212">
    <cfRule type="expression" dxfId="4150" priority="5390">
      <formula>OR(AF$187&lt;&gt;"",AF$188&lt;&gt;"")</formula>
    </cfRule>
  </conditionalFormatting>
  <conditionalFormatting sqref="AF193:AF208">
    <cfRule type="expression" dxfId="4149" priority="5388">
      <formula>OR(AF$187&lt;&gt;"",AF$188&lt;&gt;"")</formula>
    </cfRule>
    <cfRule type="expression" dxfId="4148" priority="5389">
      <formula>AND(AF$187="",AF$188="")</formula>
    </cfRule>
  </conditionalFormatting>
  <conditionalFormatting sqref="AF213:AF216">
    <cfRule type="expression" dxfId="4147" priority="5386">
      <formula>OR(AF$187&lt;&gt;"",AF$188&lt;&gt;"")</formula>
    </cfRule>
    <cfRule type="expression" dxfId="4146" priority="5387">
      <formula>AND(AF$187="",AF$188="")</formula>
    </cfRule>
  </conditionalFormatting>
  <conditionalFormatting sqref="AG187:AG188">
    <cfRule type="expression" dxfId="4145" priority="5384">
      <formula>OR(AG$187&lt;&gt;"",AG$188&lt;&gt;"")</formula>
    </cfRule>
    <cfRule type="expression" dxfId="4144" priority="5385">
      <formula>AND(AG$187="",AG$188="")</formula>
    </cfRule>
  </conditionalFormatting>
  <conditionalFormatting sqref="AG189:AG192">
    <cfRule type="expression" dxfId="4143" priority="5383">
      <formula>AND(AG$187="",AG$188="")</formula>
    </cfRule>
  </conditionalFormatting>
  <conditionalFormatting sqref="AG189">
    <cfRule type="expression" dxfId="4142" priority="5382">
      <formula>OR(AG$187&lt;&gt;"",AG$188&lt;&gt;"")</formula>
    </cfRule>
  </conditionalFormatting>
  <conditionalFormatting sqref="AG190">
    <cfRule type="expression" dxfId="4141" priority="5381">
      <formula>OR(AG$187&lt;&gt;"",AG$188&lt;&gt;"")</formula>
    </cfRule>
  </conditionalFormatting>
  <conditionalFormatting sqref="AG191">
    <cfRule type="expression" dxfId="4140" priority="5380">
      <formula>OR(AG$187&lt;&gt;"",AG$188&lt;&gt;"")</formula>
    </cfRule>
  </conditionalFormatting>
  <conditionalFormatting sqref="AG192">
    <cfRule type="expression" dxfId="4139" priority="5379">
      <formula>OR(AG$187&lt;&gt;"",AG$188&lt;&gt;"")</formula>
    </cfRule>
  </conditionalFormatting>
  <conditionalFormatting sqref="AG209:AG212">
    <cfRule type="expression" dxfId="4138" priority="5378">
      <formula>AND(AG$187="",AG$188="")</formula>
    </cfRule>
  </conditionalFormatting>
  <conditionalFormatting sqref="AG209">
    <cfRule type="expression" dxfId="4137" priority="5377">
      <formula>OR(AG$187&lt;&gt;"",AG$188&lt;&gt;"")</formula>
    </cfRule>
  </conditionalFormatting>
  <conditionalFormatting sqref="AG210">
    <cfRule type="expression" dxfId="4136" priority="5376">
      <formula>OR(AG$187&lt;&gt;"",AG$188&lt;&gt;"")</formula>
    </cfRule>
  </conditionalFormatting>
  <conditionalFormatting sqref="AG211">
    <cfRule type="expression" dxfId="4135" priority="5375">
      <formula>OR(AG$187&lt;&gt;"",AG$188&lt;&gt;"")</formula>
    </cfRule>
  </conditionalFormatting>
  <conditionalFormatting sqref="AG212">
    <cfRule type="expression" dxfId="4134" priority="5374">
      <formula>OR(AG$187&lt;&gt;"",AG$188&lt;&gt;"")</formula>
    </cfRule>
  </conditionalFormatting>
  <conditionalFormatting sqref="AG193:AG208">
    <cfRule type="expression" dxfId="4133" priority="5372">
      <formula>OR(AG$187&lt;&gt;"",AG$188&lt;&gt;"")</formula>
    </cfRule>
    <cfRule type="expression" dxfId="4132" priority="5373">
      <formula>AND(AG$187="",AG$188="")</formula>
    </cfRule>
  </conditionalFormatting>
  <conditionalFormatting sqref="AG213:AG216">
    <cfRule type="expression" dxfId="4131" priority="5370">
      <formula>OR(AG$187&lt;&gt;"",AG$188&lt;&gt;"")</formula>
    </cfRule>
    <cfRule type="expression" dxfId="4130" priority="5371">
      <formula>AND(AG$187="",AG$188="")</formula>
    </cfRule>
  </conditionalFormatting>
  <conditionalFormatting sqref="AH187:AH188">
    <cfRule type="expression" dxfId="4129" priority="5368">
      <formula>OR(AH$187&lt;&gt;"",AH$188&lt;&gt;"")</formula>
    </cfRule>
    <cfRule type="expression" dxfId="4128" priority="5369">
      <formula>AND(AH$187="",AH$188="")</formula>
    </cfRule>
  </conditionalFormatting>
  <conditionalFormatting sqref="AH189:AH192">
    <cfRule type="expression" dxfId="4127" priority="5367">
      <formula>AND(AH$187="",AH$188="")</formula>
    </cfRule>
  </conditionalFormatting>
  <conditionalFormatting sqref="AH189">
    <cfRule type="expression" dxfId="4126" priority="5366">
      <formula>OR(AH$187&lt;&gt;"",AH$188&lt;&gt;"")</formula>
    </cfRule>
  </conditionalFormatting>
  <conditionalFormatting sqref="AH190">
    <cfRule type="expression" dxfId="4125" priority="5365">
      <formula>OR(AH$187&lt;&gt;"",AH$188&lt;&gt;"")</formula>
    </cfRule>
  </conditionalFormatting>
  <conditionalFormatting sqref="AH191">
    <cfRule type="expression" dxfId="4124" priority="5364">
      <formula>OR(AH$187&lt;&gt;"",AH$188&lt;&gt;"")</formula>
    </cfRule>
  </conditionalFormatting>
  <conditionalFormatting sqref="AH192">
    <cfRule type="expression" dxfId="4123" priority="5363">
      <formula>OR(AH$187&lt;&gt;"",AH$188&lt;&gt;"")</formula>
    </cfRule>
  </conditionalFormatting>
  <conditionalFormatting sqref="AH209:AH212">
    <cfRule type="expression" dxfId="4122" priority="5362">
      <formula>AND(AH$187="",AH$188="")</formula>
    </cfRule>
  </conditionalFormatting>
  <conditionalFormatting sqref="AH209">
    <cfRule type="expression" dxfId="4121" priority="5361">
      <formula>OR(AH$187&lt;&gt;"",AH$188&lt;&gt;"")</formula>
    </cfRule>
  </conditionalFormatting>
  <conditionalFormatting sqref="AH210">
    <cfRule type="expression" dxfId="4120" priority="5360">
      <formula>OR(AH$187&lt;&gt;"",AH$188&lt;&gt;"")</formula>
    </cfRule>
  </conditionalFormatting>
  <conditionalFormatting sqref="AH211">
    <cfRule type="expression" dxfId="4119" priority="5359">
      <formula>OR(AH$187&lt;&gt;"",AH$188&lt;&gt;"")</formula>
    </cfRule>
  </conditionalFormatting>
  <conditionalFormatting sqref="AH212">
    <cfRule type="expression" dxfId="4118" priority="5358">
      <formula>OR(AH$187&lt;&gt;"",AH$188&lt;&gt;"")</formula>
    </cfRule>
  </conditionalFormatting>
  <conditionalFormatting sqref="AH193:AH208">
    <cfRule type="expression" dxfId="4117" priority="5356">
      <formula>OR(AH$187&lt;&gt;"",AH$188&lt;&gt;"")</formula>
    </cfRule>
    <cfRule type="expression" dxfId="4116" priority="5357">
      <formula>AND(AH$187="",AH$188="")</formula>
    </cfRule>
  </conditionalFormatting>
  <conditionalFormatting sqref="AH213:AH216">
    <cfRule type="expression" dxfId="4115" priority="5354">
      <formula>OR(AH$187&lt;&gt;"",AH$188&lt;&gt;"")</formula>
    </cfRule>
    <cfRule type="expression" dxfId="4114" priority="5355">
      <formula>AND(AH$187="",AH$188="")</formula>
    </cfRule>
  </conditionalFormatting>
  <conditionalFormatting sqref="AI187:AI188">
    <cfRule type="expression" dxfId="4113" priority="5352">
      <formula>OR(AI$187&lt;&gt;"",AI$188&lt;&gt;"")</formula>
    </cfRule>
    <cfRule type="expression" dxfId="4112" priority="5353">
      <formula>AND(AI$187="",AI$188="")</formula>
    </cfRule>
  </conditionalFormatting>
  <conditionalFormatting sqref="AI189:AI192">
    <cfRule type="expression" dxfId="4111" priority="5351">
      <formula>AND(AI$187="",AI$188="")</formula>
    </cfRule>
  </conditionalFormatting>
  <conditionalFormatting sqref="AI189">
    <cfRule type="expression" dxfId="4110" priority="5350">
      <formula>OR(AI$187&lt;&gt;"",AI$188&lt;&gt;"")</formula>
    </cfRule>
  </conditionalFormatting>
  <conditionalFormatting sqref="AI190">
    <cfRule type="expression" dxfId="4109" priority="5349">
      <formula>OR(AI$187&lt;&gt;"",AI$188&lt;&gt;"")</formula>
    </cfRule>
  </conditionalFormatting>
  <conditionalFormatting sqref="AI191">
    <cfRule type="expression" dxfId="4108" priority="5348">
      <formula>OR(AI$187&lt;&gt;"",AI$188&lt;&gt;"")</formula>
    </cfRule>
  </conditionalFormatting>
  <conditionalFormatting sqref="AI192">
    <cfRule type="expression" dxfId="4107" priority="5347">
      <formula>OR(AI$187&lt;&gt;"",AI$188&lt;&gt;"")</formula>
    </cfRule>
  </conditionalFormatting>
  <conditionalFormatting sqref="AI209:AI212">
    <cfRule type="expression" dxfId="4106" priority="5346">
      <formula>AND(AI$187="",AI$188="")</formula>
    </cfRule>
  </conditionalFormatting>
  <conditionalFormatting sqref="AI209">
    <cfRule type="expression" dxfId="4105" priority="5345">
      <formula>OR(AI$187&lt;&gt;"",AI$188&lt;&gt;"")</formula>
    </cfRule>
  </conditionalFormatting>
  <conditionalFormatting sqref="AI210">
    <cfRule type="expression" dxfId="4104" priority="5344">
      <formula>OR(AI$187&lt;&gt;"",AI$188&lt;&gt;"")</formula>
    </cfRule>
  </conditionalFormatting>
  <conditionalFormatting sqref="AI211">
    <cfRule type="expression" dxfId="4103" priority="5343">
      <formula>OR(AI$187&lt;&gt;"",AI$188&lt;&gt;"")</formula>
    </cfRule>
  </conditionalFormatting>
  <conditionalFormatting sqref="AI212">
    <cfRule type="expression" dxfId="4102" priority="5342">
      <formula>OR(AI$187&lt;&gt;"",AI$188&lt;&gt;"")</formula>
    </cfRule>
  </conditionalFormatting>
  <conditionalFormatting sqref="AI193:AI208">
    <cfRule type="expression" dxfId="4101" priority="5340">
      <formula>OR(AI$187&lt;&gt;"",AI$188&lt;&gt;"")</formula>
    </cfRule>
    <cfRule type="expression" dxfId="4100" priority="5341">
      <formula>AND(AI$187="",AI$188="")</formula>
    </cfRule>
  </conditionalFormatting>
  <conditionalFormatting sqref="AI213:AI216">
    <cfRule type="expression" dxfId="4099" priority="5338">
      <formula>OR(AI$187&lt;&gt;"",AI$188&lt;&gt;"")</formula>
    </cfRule>
    <cfRule type="expression" dxfId="4098" priority="5339">
      <formula>AND(AI$187="",AI$188="")</formula>
    </cfRule>
  </conditionalFormatting>
  <conditionalFormatting sqref="AJ187:AJ188">
    <cfRule type="expression" dxfId="4097" priority="5336">
      <formula>OR(AJ$187&lt;&gt;"",AJ$188&lt;&gt;"")</formula>
    </cfRule>
    <cfRule type="expression" dxfId="4096" priority="5337">
      <formula>AND(AJ$187="",AJ$188="")</formula>
    </cfRule>
  </conditionalFormatting>
  <conditionalFormatting sqref="AJ189:AJ192">
    <cfRule type="expression" dxfId="4095" priority="5335">
      <formula>AND(AJ$187="",AJ$188="")</formula>
    </cfRule>
  </conditionalFormatting>
  <conditionalFormatting sqref="AJ189">
    <cfRule type="expression" dxfId="4094" priority="5334">
      <formula>OR(AJ$187&lt;&gt;"",AJ$188&lt;&gt;"")</formula>
    </cfRule>
  </conditionalFormatting>
  <conditionalFormatting sqref="AJ190">
    <cfRule type="expression" dxfId="4093" priority="5333">
      <formula>OR(AJ$187&lt;&gt;"",AJ$188&lt;&gt;"")</formula>
    </cfRule>
  </conditionalFormatting>
  <conditionalFormatting sqref="AJ191">
    <cfRule type="expression" dxfId="4092" priority="5332">
      <formula>OR(AJ$187&lt;&gt;"",AJ$188&lt;&gt;"")</formula>
    </cfRule>
  </conditionalFormatting>
  <conditionalFormatting sqref="AJ192">
    <cfRule type="expression" dxfId="4091" priority="5331">
      <formula>OR(AJ$187&lt;&gt;"",AJ$188&lt;&gt;"")</formula>
    </cfRule>
  </conditionalFormatting>
  <conditionalFormatting sqref="AJ209:AJ212">
    <cfRule type="expression" dxfId="4090" priority="5330">
      <formula>AND(AJ$187="",AJ$188="")</formula>
    </cfRule>
  </conditionalFormatting>
  <conditionalFormatting sqref="AJ209">
    <cfRule type="expression" dxfId="4089" priority="5329">
      <formula>OR(AJ$187&lt;&gt;"",AJ$188&lt;&gt;"")</formula>
    </cfRule>
  </conditionalFormatting>
  <conditionalFormatting sqref="AJ210">
    <cfRule type="expression" dxfId="4088" priority="5328">
      <formula>OR(AJ$187&lt;&gt;"",AJ$188&lt;&gt;"")</formula>
    </cfRule>
  </conditionalFormatting>
  <conditionalFormatting sqref="AJ211">
    <cfRule type="expression" dxfId="4087" priority="5327">
      <formula>OR(AJ$187&lt;&gt;"",AJ$188&lt;&gt;"")</formula>
    </cfRule>
  </conditionalFormatting>
  <conditionalFormatting sqref="AJ212">
    <cfRule type="expression" dxfId="4086" priority="5326">
      <formula>OR(AJ$187&lt;&gt;"",AJ$188&lt;&gt;"")</formula>
    </cfRule>
  </conditionalFormatting>
  <conditionalFormatting sqref="AJ193:AJ208">
    <cfRule type="expression" dxfId="4085" priority="5324">
      <formula>OR(AJ$187&lt;&gt;"",AJ$188&lt;&gt;"")</formula>
    </cfRule>
    <cfRule type="expression" dxfId="4084" priority="5325">
      <formula>AND(AJ$187="",AJ$188="")</formula>
    </cfRule>
  </conditionalFormatting>
  <conditionalFormatting sqref="AJ213:AJ216">
    <cfRule type="expression" dxfId="4083" priority="5322">
      <formula>OR(AJ$187&lt;&gt;"",AJ$188&lt;&gt;"")</formula>
    </cfRule>
    <cfRule type="expression" dxfId="4082" priority="5323">
      <formula>AND(AJ$187="",AJ$188="")</formula>
    </cfRule>
  </conditionalFormatting>
  <conditionalFormatting sqref="AK187:AK188">
    <cfRule type="expression" dxfId="4081" priority="5320">
      <formula>OR(AK$187&lt;&gt;"",AK$188&lt;&gt;"")</formula>
    </cfRule>
    <cfRule type="expression" dxfId="4080" priority="5321">
      <formula>AND(AK$187="",AK$188="")</formula>
    </cfRule>
  </conditionalFormatting>
  <conditionalFormatting sqref="AK189:AK192">
    <cfRule type="expression" dxfId="4079" priority="5319">
      <formula>AND(AK$187="",AK$188="")</formula>
    </cfRule>
  </conditionalFormatting>
  <conditionalFormatting sqref="AK189">
    <cfRule type="expression" dxfId="4078" priority="5318">
      <formula>OR(AK$187&lt;&gt;"",AK$188&lt;&gt;"")</formula>
    </cfRule>
  </conditionalFormatting>
  <conditionalFormatting sqref="AK190">
    <cfRule type="expression" dxfId="4077" priority="5317">
      <formula>OR(AK$187&lt;&gt;"",AK$188&lt;&gt;"")</formula>
    </cfRule>
  </conditionalFormatting>
  <conditionalFormatting sqref="AK191">
    <cfRule type="expression" dxfId="4076" priority="5316">
      <formula>OR(AK$187&lt;&gt;"",AK$188&lt;&gt;"")</formula>
    </cfRule>
  </conditionalFormatting>
  <conditionalFormatting sqref="AK192">
    <cfRule type="expression" dxfId="4075" priority="5315">
      <formula>OR(AK$187&lt;&gt;"",AK$188&lt;&gt;"")</formula>
    </cfRule>
  </conditionalFormatting>
  <conditionalFormatting sqref="AK209:AK212">
    <cfRule type="expression" dxfId="4074" priority="5314">
      <formula>AND(AK$187="",AK$188="")</formula>
    </cfRule>
  </conditionalFormatting>
  <conditionalFormatting sqref="AK209">
    <cfRule type="expression" dxfId="4073" priority="5313">
      <formula>OR(AK$187&lt;&gt;"",AK$188&lt;&gt;"")</formula>
    </cfRule>
  </conditionalFormatting>
  <conditionalFormatting sqref="AK210">
    <cfRule type="expression" dxfId="4072" priority="5312">
      <formula>OR(AK$187&lt;&gt;"",AK$188&lt;&gt;"")</formula>
    </cfRule>
  </conditionalFormatting>
  <conditionalFormatting sqref="AK211">
    <cfRule type="expression" dxfId="4071" priority="5311">
      <formula>OR(AK$187&lt;&gt;"",AK$188&lt;&gt;"")</formula>
    </cfRule>
  </conditionalFormatting>
  <conditionalFormatting sqref="AK212">
    <cfRule type="expression" dxfId="4070" priority="5310">
      <formula>OR(AK$187&lt;&gt;"",AK$188&lt;&gt;"")</formula>
    </cfRule>
  </conditionalFormatting>
  <conditionalFormatting sqref="AK193:AK208">
    <cfRule type="expression" dxfId="4069" priority="5308">
      <formula>OR(AK$187&lt;&gt;"",AK$188&lt;&gt;"")</formula>
    </cfRule>
    <cfRule type="expression" dxfId="4068" priority="5309">
      <formula>AND(AK$187="",AK$188="")</formula>
    </cfRule>
  </conditionalFormatting>
  <conditionalFormatting sqref="AK213:AK216">
    <cfRule type="expression" dxfId="4067" priority="5306">
      <formula>OR(AK$187&lt;&gt;"",AK$188&lt;&gt;"")</formula>
    </cfRule>
    <cfRule type="expression" dxfId="4066" priority="5307">
      <formula>AND(AK$187="",AK$188="")</formula>
    </cfRule>
  </conditionalFormatting>
  <conditionalFormatting sqref="AL187:AL188">
    <cfRule type="expression" dxfId="4065" priority="5304">
      <formula>OR(AL$187&lt;&gt;"",AL$188&lt;&gt;"")</formula>
    </cfRule>
    <cfRule type="expression" dxfId="4064" priority="5305">
      <formula>AND(AL$187="",AL$188="")</formula>
    </cfRule>
  </conditionalFormatting>
  <conditionalFormatting sqref="AL189:AL192">
    <cfRule type="expression" dxfId="4063" priority="5303">
      <formula>AND(AL$187="",AL$188="")</formula>
    </cfRule>
  </conditionalFormatting>
  <conditionalFormatting sqref="AL189">
    <cfRule type="expression" dxfId="4062" priority="5302">
      <formula>OR(AL$187&lt;&gt;"",AL$188&lt;&gt;"")</formula>
    </cfRule>
  </conditionalFormatting>
  <conditionalFormatting sqref="AL190">
    <cfRule type="expression" dxfId="4061" priority="5301">
      <formula>OR(AL$187&lt;&gt;"",AL$188&lt;&gt;"")</formula>
    </cfRule>
  </conditionalFormatting>
  <conditionalFormatting sqref="AL191">
    <cfRule type="expression" dxfId="4060" priority="5300">
      <formula>OR(AL$187&lt;&gt;"",AL$188&lt;&gt;"")</formula>
    </cfRule>
  </conditionalFormatting>
  <conditionalFormatting sqref="AL192">
    <cfRule type="expression" dxfId="4059" priority="5299">
      <formula>OR(AL$187&lt;&gt;"",AL$188&lt;&gt;"")</formula>
    </cfRule>
  </conditionalFormatting>
  <conditionalFormatting sqref="AL209:AL212">
    <cfRule type="expression" dxfId="4058" priority="5298">
      <formula>AND(AL$187="",AL$188="")</formula>
    </cfRule>
  </conditionalFormatting>
  <conditionalFormatting sqref="AL209">
    <cfRule type="expression" dxfId="4057" priority="5297">
      <formula>OR(AL$187&lt;&gt;"",AL$188&lt;&gt;"")</formula>
    </cfRule>
  </conditionalFormatting>
  <conditionalFormatting sqref="AL210">
    <cfRule type="expression" dxfId="4056" priority="5296">
      <formula>OR(AL$187&lt;&gt;"",AL$188&lt;&gt;"")</formula>
    </cfRule>
  </conditionalFormatting>
  <conditionalFormatting sqref="AL211">
    <cfRule type="expression" dxfId="4055" priority="5295">
      <formula>OR(AL$187&lt;&gt;"",AL$188&lt;&gt;"")</formula>
    </cfRule>
  </conditionalFormatting>
  <conditionalFormatting sqref="AL212">
    <cfRule type="expression" dxfId="4054" priority="5294">
      <formula>OR(AL$187&lt;&gt;"",AL$188&lt;&gt;"")</formula>
    </cfRule>
  </conditionalFormatting>
  <conditionalFormatting sqref="AL193:AL208">
    <cfRule type="expression" dxfId="4053" priority="5292">
      <formula>OR(AL$187&lt;&gt;"",AL$188&lt;&gt;"")</formula>
    </cfRule>
    <cfRule type="expression" dxfId="4052" priority="5293">
      <formula>AND(AL$187="",AL$188="")</formula>
    </cfRule>
  </conditionalFormatting>
  <conditionalFormatting sqref="AL213:AL216">
    <cfRule type="expression" dxfId="4051" priority="5290">
      <formula>OR(AL$187&lt;&gt;"",AL$188&lt;&gt;"")</formula>
    </cfRule>
    <cfRule type="expression" dxfId="4050" priority="5291">
      <formula>AND(AL$187="",AL$188="")</formula>
    </cfRule>
  </conditionalFormatting>
  <conditionalFormatting sqref="AM187:AM188">
    <cfRule type="expression" dxfId="4049" priority="5288">
      <formula>OR(AM$187&lt;&gt;"",AM$188&lt;&gt;"")</formula>
    </cfRule>
    <cfRule type="expression" dxfId="4048" priority="5289">
      <formula>AND(AM$187="",AM$188="")</formula>
    </cfRule>
  </conditionalFormatting>
  <conditionalFormatting sqref="AM189:AM192">
    <cfRule type="expression" dxfId="4047" priority="5287">
      <formula>AND(AM$187="",AM$188="")</formula>
    </cfRule>
  </conditionalFormatting>
  <conditionalFormatting sqref="AM189">
    <cfRule type="expression" dxfId="4046" priority="5286">
      <formula>OR(AM$187&lt;&gt;"",AM$188&lt;&gt;"")</formula>
    </cfRule>
  </conditionalFormatting>
  <conditionalFormatting sqref="AM190">
    <cfRule type="expression" dxfId="4045" priority="5285">
      <formula>OR(AM$187&lt;&gt;"",AM$188&lt;&gt;"")</formula>
    </cfRule>
  </conditionalFormatting>
  <conditionalFormatting sqref="AM191">
    <cfRule type="expression" dxfId="4044" priority="5284">
      <formula>OR(AM$187&lt;&gt;"",AM$188&lt;&gt;"")</formula>
    </cfRule>
  </conditionalFormatting>
  <conditionalFormatting sqref="AM192">
    <cfRule type="expression" dxfId="4043" priority="5283">
      <formula>OR(AM$187&lt;&gt;"",AM$188&lt;&gt;"")</formula>
    </cfRule>
  </conditionalFormatting>
  <conditionalFormatting sqref="AM209:AM212">
    <cfRule type="expression" dxfId="4042" priority="5282">
      <formula>AND(AM$187="",AM$188="")</formula>
    </cfRule>
  </conditionalFormatting>
  <conditionalFormatting sqref="AM209">
    <cfRule type="expression" dxfId="4041" priority="5281">
      <formula>OR(AM$187&lt;&gt;"",AM$188&lt;&gt;"")</formula>
    </cfRule>
  </conditionalFormatting>
  <conditionalFormatting sqref="AM210">
    <cfRule type="expression" dxfId="4040" priority="5280">
      <formula>OR(AM$187&lt;&gt;"",AM$188&lt;&gt;"")</formula>
    </cfRule>
  </conditionalFormatting>
  <conditionalFormatting sqref="AM211">
    <cfRule type="expression" dxfId="4039" priority="5279">
      <formula>OR(AM$187&lt;&gt;"",AM$188&lt;&gt;"")</formula>
    </cfRule>
  </conditionalFormatting>
  <conditionalFormatting sqref="AM212">
    <cfRule type="expression" dxfId="4038" priority="5278">
      <formula>OR(AM$187&lt;&gt;"",AM$188&lt;&gt;"")</formula>
    </cfRule>
  </conditionalFormatting>
  <conditionalFormatting sqref="AM193:AM208">
    <cfRule type="expression" dxfId="4037" priority="5276">
      <formula>OR(AM$187&lt;&gt;"",AM$188&lt;&gt;"")</formula>
    </cfRule>
    <cfRule type="expression" dxfId="4036" priority="5277">
      <formula>AND(AM$187="",AM$188="")</formula>
    </cfRule>
  </conditionalFormatting>
  <conditionalFormatting sqref="AM213:AM216">
    <cfRule type="expression" dxfId="4035" priority="5274">
      <formula>OR(AM$187&lt;&gt;"",AM$188&lt;&gt;"")</formula>
    </cfRule>
    <cfRule type="expression" dxfId="4034" priority="5275">
      <formula>AND(AM$187="",AM$188="")</formula>
    </cfRule>
  </conditionalFormatting>
  <conditionalFormatting sqref="AN187:AN188">
    <cfRule type="expression" dxfId="4033" priority="5272">
      <formula>OR(AN$187&lt;&gt;"",AN$188&lt;&gt;"")</formula>
    </cfRule>
    <cfRule type="expression" dxfId="4032" priority="5273">
      <formula>AND(AN$187="",AN$188="")</formula>
    </cfRule>
  </conditionalFormatting>
  <conditionalFormatting sqref="AN189:AN192">
    <cfRule type="expression" dxfId="4031" priority="5271">
      <formula>AND(AN$187="",AN$188="")</formula>
    </cfRule>
  </conditionalFormatting>
  <conditionalFormatting sqref="AN189">
    <cfRule type="expression" dxfId="4030" priority="5270">
      <formula>OR(AN$187&lt;&gt;"",AN$188&lt;&gt;"")</formula>
    </cfRule>
  </conditionalFormatting>
  <conditionalFormatting sqref="AN190">
    <cfRule type="expression" dxfId="4029" priority="5269">
      <formula>OR(AN$187&lt;&gt;"",AN$188&lt;&gt;"")</formula>
    </cfRule>
  </conditionalFormatting>
  <conditionalFormatting sqref="AN191">
    <cfRule type="expression" dxfId="4028" priority="5268">
      <formula>OR(AN$187&lt;&gt;"",AN$188&lt;&gt;"")</formula>
    </cfRule>
  </conditionalFormatting>
  <conditionalFormatting sqref="AN192">
    <cfRule type="expression" dxfId="4027" priority="5267">
      <formula>OR(AN$187&lt;&gt;"",AN$188&lt;&gt;"")</formula>
    </cfRule>
  </conditionalFormatting>
  <conditionalFormatting sqref="AN209:AN212">
    <cfRule type="expression" dxfId="4026" priority="5266">
      <formula>AND(AN$187="",AN$188="")</formula>
    </cfRule>
  </conditionalFormatting>
  <conditionalFormatting sqref="AN209">
    <cfRule type="expression" dxfId="4025" priority="5265">
      <formula>OR(AN$187&lt;&gt;"",AN$188&lt;&gt;"")</formula>
    </cfRule>
  </conditionalFormatting>
  <conditionalFormatting sqref="AN210">
    <cfRule type="expression" dxfId="4024" priority="5264">
      <formula>OR(AN$187&lt;&gt;"",AN$188&lt;&gt;"")</formula>
    </cfRule>
  </conditionalFormatting>
  <conditionalFormatting sqref="AN211">
    <cfRule type="expression" dxfId="4023" priority="5263">
      <formula>OR(AN$187&lt;&gt;"",AN$188&lt;&gt;"")</formula>
    </cfRule>
  </conditionalFormatting>
  <conditionalFormatting sqref="AN212">
    <cfRule type="expression" dxfId="4022" priority="5262">
      <formula>OR(AN$187&lt;&gt;"",AN$188&lt;&gt;"")</formula>
    </cfRule>
  </conditionalFormatting>
  <conditionalFormatting sqref="AN193:AN208">
    <cfRule type="expression" dxfId="4021" priority="5260">
      <formula>OR(AN$187&lt;&gt;"",AN$188&lt;&gt;"")</formula>
    </cfRule>
    <cfRule type="expression" dxfId="4020" priority="5261">
      <formula>AND(AN$187="",AN$188="")</formula>
    </cfRule>
  </conditionalFormatting>
  <conditionalFormatting sqref="AN213:AN216">
    <cfRule type="expression" dxfId="4019" priority="5258">
      <formula>OR(AN$187&lt;&gt;"",AN$188&lt;&gt;"")</formula>
    </cfRule>
    <cfRule type="expression" dxfId="4018" priority="5259">
      <formula>AND(AN$187="",AN$188="")</formula>
    </cfRule>
  </conditionalFormatting>
  <conditionalFormatting sqref="AO187:AO188">
    <cfRule type="expression" dxfId="4017" priority="5256">
      <formula>OR(AO$187&lt;&gt;"",AO$188&lt;&gt;"")</formula>
    </cfRule>
    <cfRule type="expression" dxfId="4016" priority="5257">
      <formula>AND(AO$187="",AO$188="")</formula>
    </cfRule>
  </conditionalFormatting>
  <conditionalFormatting sqref="AO189:AO192">
    <cfRule type="expression" dxfId="4015" priority="5255">
      <formula>AND(AO$187="",AO$188="")</formula>
    </cfRule>
  </conditionalFormatting>
  <conditionalFormatting sqref="AO189">
    <cfRule type="expression" dxfId="4014" priority="5254">
      <formula>OR(AO$187&lt;&gt;"",AO$188&lt;&gt;"")</formula>
    </cfRule>
  </conditionalFormatting>
  <conditionalFormatting sqref="AO190">
    <cfRule type="expression" dxfId="4013" priority="5253">
      <formula>OR(AO$187&lt;&gt;"",AO$188&lt;&gt;"")</formula>
    </cfRule>
  </conditionalFormatting>
  <conditionalFormatting sqref="AO191">
    <cfRule type="expression" dxfId="4012" priority="5252">
      <formula>OR(AO$187&lt;&gt;"",AO$188&lt;&gt;"")</formula>
    </cfRule>
  </conditionalFormatting>
  <conditionalFormatting sqref="AO192">
    <cfRule type="expression" dxfId="4011" priority="5251">
      <formula>OR(AO$187&lt;&gt;"",AO$188&lt;&gt;"")</formula>
    </cfRule>
  </conditionalFormatting>
  <conditionalFormatting sqref="AO209:AO212">
    <cfRule type="expression" dxfId="4010" priority="5250">
      <formula>AND(AO$187="",AO$188="")</formula>
    </cfRule>
  </conditionalFormatting>
  <conditionalFormatting sqref="AO209">
    <cfRule type="expression" dxfId="4009" priority="5249">
      <formula>OR(AO$187&lt;&gt;"",AO$188&lt;&gt;"")</formula>
    </cfRule>
  </conditionalFormatting>
  <conditionalFormatting sqref="AO210">
    <cfRule type="expression" dxfId="4008" priority="5248">
      <formula>OR(AO$187&lt;&gt;"",AO$188&lt;&gt;"")</formula>
    </cfRule>
  </conditionalFormatting>
  <conditionalFormatting sqref="AO211">
    <cfRule type="expression" dxfId="4007" priority="5247">
      <formula>OR(AO$187&lt;&gt;"",AO$188&lt;&gt;"")</formula>
    </cfRule>
  </conditionalFormatting>
  <conditionalFormatting sqref="AO212">
    <cfRule type="expression" dxfId="4006" priority="5246">
      <formula>OR(AO$187&lt;&gt;"",AO$188&lt;&gt;"")</formula>
    </cfRule>
  </conditionalFormatting>
  <conditionalFormatting sqref="AO193:AO208">
    <cfRule type="expression" dxfId="4005" priority="5244">
      <formula>OR(AO$187&lt;&gt;"",AO$188&lt;&gt;"")</formula>
    </cfRule>
    <cfRule type="expression" dxfId="4004" priority="5245">
      <formula>AND(AO$187="",AO$188="")</formula>
    </cfRule>
  </conditionalFormatting>
  <conditionalFormatting sqref="AO213:AO216">
    <cfRule type="expression" dxfId="4003" priority="5242">
      <formula>OR(AO$187&lt;&gt;"",AO$188&lt;&gt;"")</formula>
    </cfRule>
    <cfRule type="expression" dxfId="4002" priority="5243">
      <formula>AND(AO$187="",AO$188="")</formula>
    </cfRule>
  </conditionalFormatting>
  <conditionalFormatting sqref="AP187:AP188">
    <cfRule type="expression" dxfId="4001" priority="5240">
      <formula>OR(AP$187&lt;&gt;"",AP$188&lt;&gt;"")</formula>
    </cfRule>
    <cfRule type="expression" dxfId="4000" priority="5241">
      <formula>AND(AP$187="",AP$188="")</formula>
    </cfRule>
  </conditionalFormatting>
  <conditionalFormatting sqref="AP189:AP192">
    <cfRule type="expression" dxfId="3999" priority="5239">
      <formula>AND(AP$187="",AP$188="")</formula>
    </cfRule>
  </conditionalFormatting>
  <conditionalFormatting sqref="AP189">
    <cfRule type="expression" dxfId="3998" priority="5238">
      <formula>OR(AP$187&lt;&gt;"",AP$188&lt;&gt;"")</formula>
    </cfRule>
  </conditionalFormatting>
  <conditionalFormatting sqref="AP190">
    <cfRule type="expression" dxfId="3997" priority="5237">
      <formula>OR(AP$187&lt;&gt;"",AP$188&lt;&gt;"")</formula>
    </cfRule>
  </conditionalFormatting>
  <conditionalFormatting sqref="AP191">
    <cfRule type="expression" dxfId="3996" priority="5236">
      <formula>OR(AP$187&lt;&gt;"",AP$188&lt;&gt;"")</formula>
    </cfRule>
  </conditionalFormatting>
  <conditionalFormatting sqref="AP192">
    <cfRule type="expression" dxfId="3995" priority="5235">
      <formula>OR(AP$187&lt;&gt;"",AP$188&lt;&gt;"")</formula>
    </cfRule>
  </conditionalFormatting>
  <conditionalFormatting sqref="AP209:AP212">
    <cfRule type="expression" dxfId="3994" priority="5234">
      <formula>AND(AP$187="",AP$188="")</formula>
    </cfRule>
  </conditionalFormatting>
  <conditionalFormatting sqref="AP209">
    <cfRule type="expression" dxfId="3993" priority="5233">
      <formula>OR(AP$187&lt;&gt;"",AP$188&lt;&gt;"")</formula>
    </cfRule>
  </conditionalFormatting>
  <conditionalFormatting sqref="AP210">
    <cfRule type="expression" dxfId="3992" priority="5232">
      <formula>OR(AP$187&lt;&gt;"",AP$188&lt;&gt;"")</formula>
    </cfRule>
  </conditionalFormatting>
  <conditionalFormatting sqref="AP211">
    <cfRule type="expression" dxfId="3991" priority="5231">
      <formula>OR(AP$187&lt;&gt;"",AP$188&lt;&gt;"")</formula>
    </cfRule>
  </conditionalFormatting>
  <conditionalFormatting sqref="AP212">
    <cfRule type="expression" dxfId="3990" priority="5230">
      <formula>OR(AP$187&lt;&gt;"",AP$188&lt;&gt;"")</formula>
    </cfRule>
  </conditionalFormatting>
  <conditionalFormatting sqref="AP193:AP208">
    <cfRule type="expression" dxfId="3989" priority="5228">
      <formula>OR(AP$187&lt;&gt;"",AP$188&lt;&gt;"")</formula>
    </cfRule>
    <cfRule type="expression" dxfId="3988" priority="5229">
      <formula>AND(AP$187="",AP$188="")</formula>
    </cfRule>
  </conditionalFormatting>
  <conditionalFormatting sqref="AP213:AP216">
    <cfRule type="expression" dxfId="3987" priority="5226">
      <formula>OR(AP$187&lt;&gt;"",AP$188&lt;&gt;"")</formula>
    </cfRule>
    <cfRule type="expression" dxfId="3986" priority="5227">
      <formula>AND(AP$187="",AP$188="")</formula>
    </cfRule>
  </conditionalFormatting>
  <conditionalFormatting sqref="AQ187:AQ188">
    <cfRule type="expression" dxfId="3985" priority="5224">
      <formula>OR(AQ$187&lt;&gt;"",AQ$188&lt;&gt;"")</formula>
    </cfRule>
    <cfRule type="expression" dxfId="3984" priority="5225">
      <formula>AND(AQ$187="",AQ$188="")</formula>
    </cfRule>
  </conditionalFormatting>
  <conditionalFormatting sqref="AQ189:AQ192">
    <cfRule type="expression" dxfId="3983" priority="5223">
      <formula>AND(AQ$187="",AQ$188="")</formula>
    </cfRule>
  </conditionalFormatting>
  <conditionalFormatting sqref="AQ189">
    <cfRule type="expression" dxfId="3982" priority="5222">
      <formula>OR(AQ$187&lt;&gt;"",AQ$188&lt;&gt;"")</formula>
    </cfRule>
  </conditionalFormatting>
  <conditionalFormatting sqref="AQ190">
    <cfRule type="expression" dxfId="3981" priority="5221">
      <formula>OR(AQ$187&lt;&gt;"",AQ$188&lt;&gt;"")</formula>
    </cfRule>
  </conditionalFormatting>
  <conditionalFormatting sqref="AQ191">
    <cfRule type="expression" dxfId="3980" priority="5220">
      <formula>OR(AQ$187&lt;&gt;"",AQ$188&lt;&gt;"")</formula>
    </cfRule>
  </conditionalFormatting>
  <conditionalFormatting sqref="AQ192">
    <cfRule type="expression" dxfId="3979" priority="5219">
      <formula>OR(AQ$187&lt;&gt;"",AQ$188&lt;&gt;"")</formula>
    </cfRule>
  </conditionalFormatting>
  <conditionalFormatting sqref="AQ209:AQ212">
    <cfRule type="expression" dxfId="3978" priority="5218">
      <formula>AND(AQ$187="",AQ$188="")</formula>
    </cfRule>
  </conditionalFormatting>
  <conditionalFormatting sqref="AQ209">
    <cfRule type="expression" dxfId="3977" priority="5217">
      <formula>OR(AQ$187&lt;&gt;"",AQ$188&lt;&gt;"")</formula>
    </cfRule>
  </conditionalFormatting>
  <conditionalFormatting sqref="AQ210">
    <cfRule type="expression" dxfId="3976" priority="5216">
      <formula>OR(AQ$187&lt;&gt;"",AQ$188&lt;&gt;"")</formula>
    </cfRule>
  </conditionalFormatting>
  <conditionalFormatting sqref="AQ211">
    <cfRule type="expression" dxfId="3975" priority="5215">
      <formula>OR(AQ$187&lt;&gt;"",AQ$188&lt;&gt;"")</formula>
    </cfRule>
  </conditionalFormatting>
  <conditionalFormatting sqref="AQ212">
    <cfRule type="expression" dxfId="3974" priority="5214">
      <formula>OR(AQ$187&lt;&gt;"",AQ$188&lt;&gt;"")</formula>
    </cfRule>
  </conditionalFormatting>
  <conditionalFormatting sqref="AQ193:AQ208">
    <cfRule type="expression" dxfId="3973" priority="5212">
      <formula>OR(AQ$187&lt;&gt;"",AQ$188&lt;&gt;"")</formula>
    </cfRule>
    <cfRule type="expression" dxfId="3972" priority="5213">
      <formula>AND(AQ$187="",AQ$188="")</formula>
    </cfRule>
  </conditionalFormatting>
  <conditionalFormatting sqref="AQ213:AQ216">
    <cfRule type="expression" dxfId="3971" priority="5210">
      <formula>OR(AQ$187&lt;&gt;"",AQ$188&lt;&gt;"")</formula>
    </cfRule>
    <cfRule type="expression" dxfId="3970" priority="5211">
      <formula>AND(AQ$187="",AQ$188="")</formula>
    </cfRule>
  </conditionalFormatting>
  <conditionalFormatting sqref="AR187:AR188">
    <cfRule type="expression" dxfId="3969" priority="5208">
      <formula>OR(AR$187&lt;&gt;"",AR$188&lt;&gt;"")</formula>
    </cfRule>
    <cfRule type="expression" dxfId="3968" priority="5209">
      <formula>AND(AR$187="",AR$188="")</formula>
    </cfRule>
  </conditionalFormatting>
  <conditionalFormatting sqref="AR189:AR192">
    <cfRule type="expression" dxfId="3967" priority="5207">
      <formula>AND(AR$187="",AR$188="")</formula>
    </cfRule>
  </conditionalFormatting>
  <conditionalFormatting sqref="AR189">
    <cfRule type="expression" dxfId="3966" priority="5206">
      <formula>OR(AR$187&lt;&gt;"",AR$188&lt;&gt;"")</formula>
    </cfRule>
  </conditionalFormatting>
  <conditionalFormatting sqref="AR190">
    <cfRule type="expression" dxfId="3965" priority="5205">
      <formula>OR(AR$187&lt;&gt;"",AR$188&lt;&gt;"")</formula>
    </cfRule>
  </conditionalFormatting>
  <conditionalFormatting sqref="AR191">
    <cfRule type="expression" dxfId="3964" priority="5204">
      <formula>OR(AR$187&lt;&gt;"",AR$188&lt;&gt;"")</formula>
    </cfRule>
  </conditionalFormatting>
  <conditionalFormatting sqref="AR192">
    <cfRule type="expression" dxfId="3963" priority="5203">
      <formula>OR(AR$187&lt;&gt;"",AR$188&lt;&gt;"")</formula>
    </cfRule>
  </conditionalFormatting>
  <conditionalFormatting sqref="AR209:AR212">
    <cfRule type="expression" dxfId="3962" priority="5202">
      <formula>AND(AR$187="",AR$188="")</formula>
    </cfRule>
  </conditionalFormatting>
  <conditionalFormatting sqref="AR209">
    <cfRule type="expression" dxfId="3961" priority="5201">
      <formula>OR(AR$187&lt;&gt;"",AR$188&lt;&gt;"")</formula>
    </cfRule>
  </conditionalFormatting>
  <conditionalFormatting sqref="AR210">
    <cfRule type="expression" dxfId="3960" priority="5200">
      <formula>OR(AR$187&lt;&gt;"",AR$188&lt;&gt;"")</formula>
    </cfRule>
  </conditionalFormatting>
  <conditionalFormatting sqref="AR211">
    <cfRule type="expression" dxfId="3959" priority="5199">
      <formula>OR(AR$187&lt;&gt;"",AR$188&lt;&gt;"")</formula>
    </cfRule>
  </conditionalFormatting>
  <conditionalFormatting sqref="AR212">
    <cfRule type="expression" dxfId="3958" priority="5198">
      <formula>OR(AR$187&lt;&gt;"",AR$188&lt;&gt;"")</formula>
    </cfRule>
  </conditionalFormatting>
  <conditionalFormatting sqref="AR193:AR208">
    <cfRule type="expression" dxfId="3957" priority="5196">
      <formula>OR(AR$187&lt;&gt;"",AR$188&lt;&gt;"")</formula>
    </cfRule>
    <cfRule type="expression" dxfId="3956" priority="5197">
      <formula>AND(AR$187="",AR$188="")</formula>
    </cfRule>
  </conditionalFormatting>
  <conditionalFormatting sqref="AR213:AR216">
    <cfRule type="expression" dxfId="3955" priority="5194">
      <formula>OR(AR$187&lt;&gt;"",AR$188&lt;&gt;"")</formula>
    </cfRule>
    <cfRule type="expression" dxfId="3954" priority="5195">
      <formula>AND(AR$187="",AR$188="")</formula>
    </cfRule>
  </conditionalFormatting>
  <conditionalFormatting sqref="AS187:AS188">
    <cfRule type="expression" dxfId="3953" priority="5192">
      <formula>OR(AS$187&lt;&gt;"",AS$188&lt;&gt;"")</formula>
    </cfRule>
    <cfRule type="expression" dxfId="3952" priority="5193">
      <formula>AND(AS$187="",AS$188="")</formula>
    </cfRule>
  </conditionalFormatting>
  <conditionalFormatting sqref="AS189:AS192">
    <cfRule type="expression" dxfId="3951" priority="5191">
      <formula>AND(AS$187="",AS$188="")</formula>
    </cfRule>
  </conditionalFormatting>
  <conditionalFormatting sqref="AS189">
    <cfRule type="expression" dxfId="3950" priority="5190">
      <formula>OR(AS$187&lt;&gt;"",AS$188&lt;&gt;"")</formula>
    </cfRule>
  </conditionalFormatting>
  <conditionalFormatting sqref="AS190">
    <cfRule type="expression" dxfId="3949" priority="5189">
      <formula>OR(AS$187&lt;&gt;"",AS$188&lt;&gt;"")</formula>
    </cfRule>
  </conditionalFormatting>
  <conditionalFormatting sqref="AS191">
    <cfRule type="expression" dxfId="3948" priority="5188">
      <formula>OR(AS$187&lt;&gt;"",AS$188&lt;&gt;"")</formula>
    </cfRule>
  </conditionalFormatting>
  <conditionalFormatting sqref="AS192">
    <cfRule type="expression" dxfId="3947" priority="5187">
      <formula>OR(AS$187&lt;&gt;"",AS$188&lt;&gt;"")</formula>
    </cfRule>
  </conditionalFormatting>
  <conditionalFormatting sqref="AS209:AS212">
    <cfRule type="expression" dxfId="3946" priority="5186">
      <formula>AND(AS$187="",AS$188="")</formula>
    </cfRule>
  </conditionalFormatting>
  <conditionalFormatting sqref="AS209">
    <cfRule type="expression" dxfId="3945" priority="5185">
      <formula>OR(AS$187&lt;&gt;"",AS$188&lt;&gt;"")</formula>
    </cfRule>
  </conditionalFormatting>
  <conditionalFormatting sqref="AS210">
    <cfRule type="expression" dxfId="3944" priority="5184">
      <formula>OR(AS$187&lt;&gt;"",AS$188&lt;&gt;"")</formula>
    </cfRule>
  </conditionalFormatting>
  <conditionalFormatting sqref="AS211">
    <cfRule type="expression" dxfId="3943" priority="5183">
      <formula>OR(AS$187&lt;&gt;"",AS$188&lt;&gt;"")</formula>
    </cfRule>
  </conditionalFormatting>
  <conditionalFormatting sqref="AS212">
    <cfRule type="expression" dxfId="3942" priority="5182">
      <formula>OR(AS$187&lt;&gt;"",AS$188&lt;&gt;"")</formula>
    </cfRule>
  </conditionalFormatting>
  <conditionalFormatting sqref="AS193:AS208">
    <cfRule type="expression" dxfId="3941" priority="5180">
      <formula>OR(AS$187&lt;&gt;"",AS$188&lt;&gt;"")</formula>
    </cfRule>
    <cfRule type="expression" dxfId="3940" priority="5181">
      <formula>AND(AS$187="",AS$188="")</formula>
    </cfRule>
  </conditionalFormatting>
  <conditionalFormatting sqref="AS213:AS216">
    <cfRule type="expression" dxfId="3939" priority="5178">
      <formula>OR(AS$187&lt;&gt;"",AS$188&lt;&gt;"")</formula>
    </cfRule>
    <cfRule type="expression" dxfId="3938" priority="5179">
      <formula>AND(AS$187="",AS$188="")</formula>
    </cfRule>
  </conditionalFormatting>
  <conditionalFormatting sqref="AT187:AT188">
    <cfRule type="expression" dxfId="3937" priority="5176">
      <formula>OR(AT$187&lt;&gt;"",AT$188&lt;&gt;"")</formula>
    </cfRule>
    <cfRule type="expression" dxfId="3936" priority="5177">
      <formula>AND(AT$187="",AT$188="")</formula>
    </cfRule>
  </conditionalFormatting>
  <conditionalFormatting sqref="AT189:AT192">
    <cfRule type="expression" dxfId="3935" priority="5175">
      <formula>AND(AT$187="",AT$188="")</formula>
    </cfRule>
  </conditionalFormatting>
  <conditionalFormatting sqref="AT189">
    <cfRule type="expression" dxfId="3934" priority="5174">
      <formula>OR(AT$187&lt;&gt;"",AT$188&lt;&gt;"")</formula>
    </cfRule>
  </conditionalFormatting>
  <conditionalFormatting sqref="AT190">
    <cfRule type="expression" dxfId="3933" priority="5173">
      <formula>OR(AT$187&lt;&gt;"",AT$188&lt;&gt;"")</formula>
    </cfRule>
  </conditionalFormatting>
  <conditionalFormatting sqref="AT191">
    <cfRule type="expression" dxfId="3932" priority="5172">
      <formula>OR(AT$187&lt;&gt;"",AT$188&lt;&gt;"")</formula>
    </cfRule>
  </conditionalFormatting>
  <conditionalFormatting sqref="AT192">
    <cfRule type="expression" dxfId="3931" priority="5171">
      <formula>OR(AT$187&lt;&gt;"",AT$188&lt;&gt;"")</formula>
    </cfRule>
  </conditionalFormatting>
  <conditionalFormatting sqref="AT209:AT212">
    <cfRule type="expression" dxfId="3930" priority="5170">
      <formula>AND(AT$187="",AT$188="")</formula>
    </cfRule>
  </conditionalFormatting>
  <conditionalFormatting sqref="AT209">
    <cfRule type="expression" dxfId="3929" priority="5169">
      <formula>OR(AT$187&lt;&gt;"",AT$188&lt;&gt;"")</formula>
    </cfRule>
  </conditionalFormatting>
  <conditionalFormatting sqref="AT210">
    <cfRule type="expression" dxfId="3928" priority="5168">
      <formula>OR(AT$187&lt;&gt;"",AT$188&lt;&gt;"")</formula>
    </cfRule>
  </conditionalFormatting>
  <conditionalFormatting sqref="AT211">
    <cfRule type="expression" dxfId="3927" priority="5167">
      <formula>OR(AT$187&lt;&gt;"",AT$188&lt;&gt;"")</formula>
    </cfRule>
  </conditionalFormatting>
  <conditionalFormatting sqref="AT212">
    <cfRule type="expression" dxfId="3926" priority="5166">
      <formula>OR(AT$187&lt;&gt;"",AT$188&lt;&gt;"")</formula>
    </cfRule>
  </conditionalFormatting>
  <conditionalFormatting sqref="AT193:AT208">
    <cfRule type="expression" dxfId="3925" priority="5164">
      <formula>OR(AT$187&lt;&gt;"",AT$188&lt;&gt;"")</formula>
    </cfRule>
    <cfRule type="expression" dxfId="3924" priority="5165">
      <formula>AND(AT$187="",AT$188="")</formula>
    </cfRule>
  </conditionalFormatting>
  <conditionalFormatting sqref="AT213:AT216">
    <cfRule type="expression" dxfId="3923" priority="5162">
      <formula>OR(AT$187&lt;&gt;"",AT$188&lt;&gt;"")</formula>
    </cfRule>
    <cfRule type="expression" dxfId="3922" priority="5163">
      <formula>AND(AT$187="",AT$188="")</formula>
    </cfRule>
  </conditionalFormatting>
  <conditionalFormatting sqref="AU187:AU188">
    <cfRule type="expression" dxfId="3921" priority="5160">
      <formula>OR(AU$187&lt;&gt;"",AU$188&lt;&gt;"")</formula>
    </cfRule>
    <cfRule type="expression" dxfId="3920" priority="5161">
      <formula>AND(AU$187="",AU$188="")</formula>
    </cfRule>
  </conditionalFormatting>
  <conditionalFormatting sqref="AU189:AU192">
    <cfRule type="expression" dxfId="3919" priority="5159">
      <formula>AND(AU$187="",AU$188="")</formula>
    </cfRule>
  </conditionalFormatting>
  <conditionalFormatting sqref="AU189">
    <cfRule type="expression" dxfId="3918" priority="5158">
      <formula>OR(AU$187&lt;&gt;"",AU$188&lt;&gt;"")</formula>
    </cfRule>
  </conditionalFormatting>
  <conditionalFormatting sqref="AU190">
    <cfRule type="expression" dxfId="3917" priority="5157">
      <formula>OR(AU$187&lt;&gt;"",AU$188&lt;&gt;"")</formula>
    </cfRule>
  </conditionalFormatting>
  <conditionalFormatting sqref="AU191">
    <cfRule type="expression" dxfId="3916" priority="5156">
      <formula>OR(AU$187&lt;&gt;"",AU$188&lt;&gt;"")</formula>
    </cfRule>
  </conditionalFormatting>
  <conditionalFormatting sqref="AU192">
    <cfRule type="expression" dxfId="3915" priority="5155">
      <formula>OR(AU$187&lt;&gt;"",AU$188&lt;&gt;"")</formula>
    </cfRule>
  </conditionalFormatting>
  <conditionalFormatting sqref="AU209:AU212">
    <cfRule type="expression" dxfId="3914" priority="5154">
      <formula>AND(AU$187="",AU$188="")</formula>
    </cfRule>
  </conditionalFormatting>
  <conditionalFormatting sqref="AU209">
    <cfRule type="expression" dxfId="3913" priority="5153">
      <formula>OR(AU$187&lt;&gt;"",AU$188&lt;&gt;"")</formula>
    </cfRule>
  </conditionalFormatting>
  <conditionalFormatting sqref="AU210">
    <cfRule type="expression" dxfId="3912" priority="5152">
      <formula>OR(AU$187&lt;&gt;"",AU$188&lt;&gt;"")</formula>
    </cfRule>
  </conditionalFormatting>
  <conditionalFormatting sqref="AU211">
    <cfRule type="expression" dxfId="3911" priority="5151">
      <formula>OR(AU$187&lt;&gt;"",AU$188&lt;&gt;"")</formula>
    </cfRule>
  </conditionalFormatting>
  <conditionalFormatting sqref="AU212">
    <cfRule type="expression" dxfId="3910" priority="5150">
      <formula>OR(AU$187&lt;&gt;"",AU$188&lt;&gt;"")</formula>
    </cfRule>
  </conditionalFormatting>
  <conditionalFormatting sqref="AU193:AU208">
    <cfRule type="expression" dxfId="3909" priority="5148">
      <formula>OR(AU$187&lt;&gt;"",AU$188&lt;&gt;"")</formula>
    </cfRule>
    <cfRule type="expression" dxfId="3908" priority="5149">
      <formula>AND(AU$187="",AU$188="")</formula>
    </cfRule>
  </conditionalFormatting>
  <conditionalFormatting sqref="AU213:AU216">
    <cfRule type="expression" dxfId="3907" priority="5146">
      <formula>OR(AU$187&lt;&gt;"",AU$188&lt;&gt;"")</formula>
    </cfRule>
    <cfRule type="expression" dxfId="3906" priority="5147">
      <formula>AND(AU$187="",AU$188="")</formula>
    </cfRule>
  </conditionalFormatting>
  <conditionalFormatting sqref="AV187:AV188">
    <cfRule type="expression" dxfId="3905" priority="5144">
      <formula>OR(AV$187&lt;&gt;"",AV$188&lt;&gt;"")</formula>
    </cfRule>
    <cfRule type="expression" dxfId="3904" priority="5145">
      <formula>AND(AV$187="",AV$188="")</formula>
    </cfRule>
  </conditionalFormatting>
  <conditionalFormatting sqref="AV189:AV192">
    <cfRule type="expression" dxfId="3903" priority="5143">
      <formula>AND(AV$187="",AV$188="")</formula>
    </cfRule>
  </conditionalFormatting>
  <conditionalFormatting sqref="AV189">
    <cfRule type="expression" dxfId="3902" priority="5142">
      <formula>OR(AV$187&lt;&gt;"",AV$188&lt;&gt;"")</formula>
    </cfRule>
  </conditionalFormatting>
  <conditionalFormatting sqref="AV190">
    <cfRule type="expression" dxfId="3901" priority="5141">
      <formula>OR(AV$187&lt;&gt;"",AV$188&lt;&gt;"")</formula>
    </cfRule>
  </conditionalFormatting>
  <conditionalFormatting sqref="AV191">
    <cfRule type="expression" dxfId="3900" priority="5140">
      <formula>OR(AV$187&lt;&gt;"",AV$188&lt;&gt;"")</formula>
    </cfRule>
  </conditionalFormatting>
  <conditionalFormatting sqref="AV192">
    <cfRule type="expression" dxfId="3899" priority="5139">
      <formula>OR(AV$187&lt;&gt;"",AV$188&lt;&gt;"")</formula>
    </cfRule>
  </conditionalFormatting>
  <conditionalFormatting sqref="AV209:AV212">
    <cfRule type="expression" dxfId="3898" priority="5138">
      <formula>AND(AV$187="",AV$188="")</formula>
    </cfRule>
  </conditionalFormatting>
  <conditionalFormatting sqref="AV209">
    <cfRule type="expression" dxfId="3897" priority="5137">
      <formula>OR(AV$187&lt;&gt;"",AV$188&lt;&gt;"")</formula>
    </cfRule>
  </conditionalFormatting>
  <conditionalFormatting sqref="AV210">
    <cfRule type="expression" dxfId="3896" priority="5136">
      <formula>OR(AV$187&lt;&gt;"",AV$188&lt;&gt;"")</formula>
    </cfRule>
  </conditionalFormatting>
  <conditionalFormatting sqref="AV211">
    <cfRule type="expression" dxfId="3895" priority="5135">
      <formula>OR(AV$187&lt;&gt;"",AV$188&lt;&gt;"")</formula>
    </cfRule>
  </conditionalFormatting>
  <conditionalFormatting sqref="AV212">
    <cfRule type="expression" dxfId="3894" priority="5134">
      <formula>OR(AV$187&lt;&gt;"",AV$188&lt;&gt;"")</formula>
    </cfRule>
  </conditionalFormatting>
  <conditionalFormatting sqref="AV193:AV208">
    <cfRule type="expression" dxfId="3893" priority="5132">
      <formula>OR(AV$187&lt;&gt;"",AV$188&lt;&gt;"")</formula>
    </cfRule>
    <cfRule type="expression" dxfId="3892" priority="5133">
      <formula>AND(AV$187="",AV$188="")</formula>
    </cfRule>
  </conditionalFormatting>
  <conditionalFormatting sqref="AV213:AV216">
    <cfRule type="expression" dxfId="3891" priority="5130">
      <formula>OR(AV$187&lt;&gt;"",AV$188&lt;&gt;"")</formula>
    </cfRule>
    <cfRule type="expression" dxfId="3890" priority="5131">
      <formula>AND(AV$187="",AV$188="")</formula>
    </cfRule>
  </conditionalFormatting>
  <conditionalFormatting sqref="AW187:AW188">
    <cfRule type="expression" dxfId="3889" priority="5128">
      <formula>OR(AW$187&lt;&gt;"",AW$188&lt;&gt;"")</formula>
    </cfRule>
    <cfRule type="expression" dxfId="3888" priority="5129">
      <formula>AND(AW$187="",AW$188="")</formula>
    </cfRule>
  </conditionalFormatting>
  <conditionalFormatting sqref="AW189:AW192">
    <cfRule type="expression" dxfId="3887" priority="5127">
      <formula>AND(AW$187="",AW$188="")</formula>
    </cfRule>
  </conditionalFormatting>
  <conditionalFormatting sqref="AW189">
    <cfRule type="expression" dxfId="3886" priority="5126">
      <formula>OR(AW$187&lt;&gt;"",AW$188&lt;&gt;"")</formula>
    </cfRule>
  </conditionalFormatting>
  <conditionalFormatting sqref="AW190">
    <cfRule type="expression" dxfId="3885" priority="5125">
      <formula>OR(AW$187&lt;&gt;"",AW$188&lt;&gt;"")</formula>
    </cfRule>
  </conditionalFormatting>
  <conditionalFormatting sqref="AW191">
    <cfRule type="expression" dxfId="3884" priority="5124">
      <formula>OR(AW$187&lt;&gt;"",AW$188&lt;&gt;"")</formula>
    </cfRule>
  </conditionalFormatting>
  <conditionalFormatting sqref="AW192">
    <cfRule type="expression" dxfId="3883" priority="5123">
      <formula>OR(AW$187&lt;&gt;"",AW$188&lt;&gt;"")</formula>
    </cfRule>
  </conditionalFormatting>
  <conditionalFormatting sqref="AW209:AW212">
    <cfRule type="expression" dxfId="3882" priority="5122">
      <formula>AND(AW$187="",AW$188="")</formula>
    </cfRule>
  </conditionalFormatting>
  <conditionalFormatting sqref="AW209">
    <cfRule type="expression" dxfId="3881" priority="5121">
      <formula>OR(AW$187&lt;&gt;"",AW$188&lt;&gt;"")</formula>
    </cfRule>
  </conditionalFormatting>
  <conditionalFormatting sqref="AW210">
    <cfRule type="expression" dxfId="3880" priority="5120">
      <formula>OR(AW$187&lt;&gt;"",AW$188&lt;&gt;"")</formula>
    </cfRule>
  </conditionalFormatting>
  <conditionalFormatting sqref="AW211">
    <cfRule type="expression" dxfId="3879" priority="5119">
      <formula>OR(AW$187&lt;&gt;"",AW$188&lt;&gt;"")</formula>
    </cfRule>
  </conditionalFormatting>
  <conditionalFormatting sqref="AW212">
    <cfRule type="expression" dxfId="3878" priority="5118">
      <formula>OR(AW$187&lt;&gt;"",AW$188&lt;&gt;"")</formula>
    </cfRule>
  </conditionalFormatting>
  <conditionalFormatting sqref="AW193:AW208">
    <cfRule type="expression" dxfId="3877" priority="5116">
      <formula>OR(AW$187&lt;&gt;"",AW$188&lt;&gt;"")</formula>
    </cfRule>
    <cfRule type="expression" dxfId="3876" priority="5117">
      <formula>AND(AW$187="",AW$188="")</formula>
    </cfRule>
  </conditionalFormatting>
  <conditionalFormatting sqref="AW213:AW216">
    <cfRule type="expression" dxfId="3875" priority="5114">
      <formula>OR(AW$187&lt;&gt;"",AW$188&lt;&gt;"")</formula>
    </cfRule>
    <cfRule type="expression" dxfId="3874" priority="5115">
      <formula>AND(AW$187="",AW$188="")</formula>
    </cfRule>
  </conditionalFormatting>
  <conditionalFormatting sqref="AX187:AX188">
    <cfRule type="expression" dxfId="3873" priority="5112">
      <formula>OR(AX$187&lt;&gt;"",AX$188&lt;&gt;"")</formula>
    </cfRule>
    <cfRule type="expression" dxfId="3872" priority="5113">
      <formula>AND(AX$187="",AX$188="")</formula>
    </cfRule>
  </conditionalFormatting>
  <conditionalFormatting sqref="AX189:AX192">
    <cfRule type="expression" dxfId="3871" priority="5111">
      <formula>AND(AX$187="",AX$188="")</formula>
    </cfRule>
  </conditionalFormatting>
  <conditionalFormatting sqref="AX189">
    <cfRule type="expression" dxfId="3870" priority="5110">
      <formula>OR(AX$187&lt;&gt;"",AX$188&lt;&gt;"")</formula>
    </cfRule>
  </conditionalFormatting>
  <conditionalFormatting sqref="AX190">
    <cfRule type="expression" dxfId="3869" priority="5109">
      <formula>OR(AX$187&lt;&gt;"",AX$188&lt;&gt;"")</formula>
    </cfRule>
  </conditionalFormatting>
  <conditionalFormatting sqref="AX191">
    <cfRule type="expression" dxfId="3868" priority="5108">
      <formula>OR(AX$187&lt;&gt;"",AX$188&lt;&gt;"")</formula>
    </cfRule>
  </conditionalFormatting>
  <conditionalFormatting sqref="AX192">
    <cfRule type="expression" dxfId="3867" priority="5107">
      <formula>OR(AX$187&lt;&gt;"",AX$188&lt;&gt;"")</formula>
    </cfRule>
  </conditionalFormatting>
  <conditionalFormatting sqref="AX209:AX212">
    <cfRule type="expression" dxfId="3866" priority="5106">
      <formula>AND(AX$187="",AX$188="")</formula>
    </cfRule>
  </conditionalFormatting>
  <conditionalFormatting sqref="AX209">
    <cfRule type="expression" dxfId="3865" priority="5105">
      <formula>OR(AX$187&lt;&gt;"",AX$188&lt;&gt;"")</formula>
    </cfRule>
  </conditionalFormatting>
  <conditionalFormatting sqref="AX210">
    <cfRule type="expression" dxfId="3864" priority="5104">
      <formula>OR(AX$187&lt;&gt;"",AX$188&lt;&gt;"")</formula>
    </cfRule>
  </conditionalFormatting>
  <conditionalFormatting sqref="AX211">
    <cfRule type="expression" dxfId="3863" priority="5103">
      <formula>OR(AX$187&lt;&gt;"",AX$188&lt;&gt;"")</formula>
    </cfRule>
  </conditionalFormatting>
  <conditionalFormatting sqref="AX212">
    <cfRule type="expression" dxfId="3862" priority="5102">
      <formula>OR(AX$187&lt;&gt;"",AX$188&lt;&gt;"")</formula>
    </cfRule>
  </conditionalFormatting>
  <conditionalFormatting sqref="AX193:AX208">
    <cfRule type="expression" dxfId="3861" priority="5100">
      <formula>OR(AX$187&lt;&gt;"",AX$188&lt;&gt;"")</formula>
    </cfRule>
    <cfRule type="expression" dxfId="3860" priority="5101">
      <formula>AND(AX$187="",AX$188="")</formula>
    </cfRule>
  </conditionalFormatting>
  <conditionalFormatting sqref="AX213:AX216">
    <cfRule type="expression" dxfId="3859" priority="5098">
      <formula>OR(AX$187&lt;&gt;"",AX$188&lt;&gt;"")</formula>
    </cfRule>
    <cfRule type="expression" dxfId="3858" priority="5099">
      <formula>AND(AX$187="",AX$188="")</formula>
    </cfRule>
  </conditionalFormatting>
  <conditionalFormatting sqref="AY187:AY188">
    <cfRule type="expression" dxfId="3857" priority="5096">
      <formula>OR(AY$187&lt;&gt;"",AY$188&lt;&gt;"")</formula>
    </cfRule>
    <cfRule type="expression" dxfId="3856" priority="5097">
      <formula>AND(AY$187="",AY$188="")</formula>
    </cfRule>
  </conditionalFormatting>
  <conditionalFormatting sqref="AY189:AY192">
    <cfRule type="expression" dxfId="3855" priority="5095">
      <formula>AND(AY$187="",AY$188="")</formula>
    </cfRule>
  </conditionalFormatting>
  <conditionalFormatting sqref="AY189">
    <cfRule type="expression" dxfId="3854" priority="5094">
      <formula>OR(AY$187&lt;&gt;"",AY$188&lt;&gt;"")</formula>
    </cfRule>
  </conditionalFormatting>
  <conditionalFormatting sqref="AY190">
    <cfRule type="expression" dxfId="3853" priority="5093">
      <formula>OR(AY$187&lt;&gt;"",AY$188&lt;&gt;"")</formula>
    </cfRule>
  </conditionalFormatting>
  <conditionalFormatting sqref="AY191">
    <cfRule type="expression" dxfId="3852" priority="5092">
      <formula>OR(AY$187&lt;&gt;"",AY$188&lt;&gt;"")</formula>
    </cfRule>
  </conditionalFormatting>
  <conditionalFormatting sqref="AY192">
    <cfRule type="expression" dxfId="3851" priority="5091">
      <formula>OR(AY$187&lt;&gt;"",AY$188&lt;&gt;"")</formula>
    </cfRule>
  </conditionalFormatting>
  <conditionalFormatting sqref="AY209:AY212">
    <cfRule type="expression" dxfId="3850" priority="5090">
      <formula>AND(AY$187="",AY$188="")</formula>
    </cfRule>
  </conditionalFormatting>
  <conditionalFormatting sqref="AY209">
    <cfRule type="expression" dxfId="3849" priority="5089">
      <formula>OR(AY$187&lt;&gt;"",AY$188&lt;&gt;"")</formula>
    </cfRule>
  </conditionalFormatting>
  <conditionalFormatting sqref="AY210">
    <cfRule type="expression" dxfId="3848" priority="5088">
      <formula>OR(AY$187&lt;&gt;"",AY$188&lt;&gt;"")</formula>
    </cfRule>
  </conditionalFormatting>
  <conditionalFormatting sqref="AY211">
    <cfRule type="expression" dxfId="3847" priority="5087">
      <formula>OR(AY$187&lt;&gt;"",AY$188&lt;&gt;"")</formula>
    </cfRule>
  </conditionalFormatting>
  <conditionalFormatting sqref="AY212">
    <cfRule type="expression" dxfId="3846" priority="5086">
      <formula>OR(AY$187&lt;&gt;"",AY$188&lt;&gt;"")</formula>
    </cfRule>
  </conditionalFormatting>
  <conditionalFormatting sqref="AY193:AY208">
    <cfRule type="expression" dxfId="3845" priority="5084">
      <formula>OR(AY$187&lt;&gt;"",AY$188&lt;&gt;"")</formula>
    </cfRule>
    <cfRule type="expression" dxfId="3844" priority="5085">
      <formula>AND(AY$187="",AY$188="")</formula>
    </cfRule>
  </conditionalFormatting>
  <conditionalFormatting sqref="AY213:AY216">
    <cfRule type="expression" dxfId="3843" priority="5082">
      <formula>OR(AY$187&lt;&gt;"",AY$188&lt;&gt;"")</formula>
    </cfRule>
    <cfRule type="expression" dxfId="3842" priority="5083">
      <formula>AND(AY$187="",AY$188="")</formula>
    </cfRule>
  </conditionalFormatting>
  <conditionalFormatting sqref="AZ187:AZ188">
    <cfRule type="expression" dxfId="3841" priority="5080">
      <formula>OR(AZ$187&lt;&gt;"",AZ$188&lt;&gt;"")</formula>
    </cfRule>
    <cfRule type="expression" dxfId="3840" priority="5081">
      <formula>AND(AZ$187="",AZ$188="")</formula>
    </cfRule>
  </conditionalFormatting>
  <conditionalFormatting sqref="AZ189:AZ192">
    <cfRule type="expression" dxfId="3839" priority="5079">
      <formula>AND(AZ$187="",AZ$188="")</formula>
    </cfRule>
  </conditionalFormatting>
  <conditionalFormatting sqref="AZ189">
    <cfRule type="expression" dxfId="3838" priority="5078">
      <formula>OR(AZ$187&lt;&gt;"",AZ$188&lt;&gt;"")</formula>
    </cfRule>
  </conditionalFormatting>
  <conditionalFormatting sqref="AZ190">
    <cfRule type="expression" dxfId="3837" priority="5077">
      <formula>OR(AZ$187&lt;&gt;"",AZ$188&lt;&gt;"")</formula>
    </cfRule>
  </conditionalFormatting>
  <conditionalFormatting sqref="AZ191">
    <cfRule type="expression" dxfId="3836" priority="5076">
      <formula>OR(AZ$187&lt;&gt;"",AZ$188&lt;&gt;"")</formula>
    </cfRule>
  </conditionalFormatting>
  <conditionalFormatting sqref="AZ192">
    <cfRule type="expression" dxfId="3835" priority="5075">
      <formula>OR(AZ$187&lt;&gt;"",AZ$188&lt;&gt;"")</formula>
    </cfRule>
  </conditionalFormatting>
  <conditionalFormatting sqref="AZ209:AZ212">
    <cfRule type="expression" dxfId="3834" priority="5074">
      <formula>AND(AZ$187="",AZ$188="")</formula>
    </cfRule>
  </conditionalFormatting>
  <conditionalFormatting sqref="AZ209">
    <cfRule type="expression" dxfId="3833" priority="5073">
      <formula>OR(AZ$187&lt;&gt;"",AZ$188&lt;&gt;"")</formula>
    </cfRule>
  </conditionalFormatting>
  <conditionalFormatting sqref="AZ210">
    <cfRule type="expression" dxfId="3832" priority="5072">
      <formula>OR(AZ$187&lt;&gt;"",AZ$188&lt;&gt;"")</formula>
    </cfRule>
  </conditionalFormatting>
  <conditionalFormatting sqref="AZ211">
    <cfRule type="expression" dxfId="3831" priority="5071">
      <formula>OR(AZ$187&lt;&gt;"",AZ$188&lt;&gt;"")</formula>
    </cfRule>
  </conditionalFormatting>
  <conditionalFormatting sqref="AZ212">
    <cfRule type="expression" dxfId="3830" priority="5070">
      <formula>OR(AZ$187&lt;&gt;"",AZ$188&lt;&gt;"")</formula>
    </cfRule>
  </conditionalFormatting>
  <conditionalFormatting sqref="AZ193:AZ208">
    <cfRule type="expression" dxfId="3829" priority="5068">
      <formula>OR(AZ$187&lt;&gt;"",AZ$188&lt;&gt;"")</formula>
    </cfRule>
    <cfRule type="expression" dxfId="3828" priority="5069">
      <formula>AND(AZ$187="",AZ$188="")</formula>
    </cfRule>
  </conditionalFormatting>
  <conditionalFormatting sqref="AZ213:AZ216">
    <cfRule type="expression" dxfId="3827" priority="5066">
      <formula>OR(AZ$187&lt;&gt;"",AZ$188&lt;&gt;"")</formula>
    </cfRule>
    <cfRule type="expression" dxfId="3826" priority="5067">
      <formula>AND(AZ$187="",AZ$188="")</formula>
    </cfRule>
  </conditionalFormatting>
  <conditionalFormatting sqref="BA187:BA188">
    <cfRule type="expression" dxfId="3825" priority="5064">
      <formula>OR(BA$187&lt;&gt;"",BA$188&lt;&gt;"")</formula>
    </cfRule>
    <cfRule type="expression" dxfId="3824" priority="5065">
      <formula>AND(BA$187="",BA$188="")</formula>
    </cfRule>
  </conditionalFormatting>
  <conditionalFormatting sqref="BA189:BA192">
    <cfRule type="expression" dxfId="3823" priority="5063">
      <formula>AND(BA$187="",BA$188="")</formula>
    </cfRule>
  </conditionalFormatting>
  <conditionalFormatting sqref="BA189">
    <cfRule type="expression" dxfId="3822" priority="5062">
      <formula>OR(BA$187&lt;&gt;"",BA$188&lt;&gt;"")</formula>
    </cfRule>
  </conditionalFormatting>
  <conditionalFormatting sqref="BA190">
    <cfRule type="expression" dxfId="3821" priority="5061">
      <formula>OR(BA$187&lt;&gt;"",BA$188&lt;&gt;"")</formula>
    </cfRule>
  </conditionalFormatting>
  <conditionalFormatting sqref="BA191">
    <cfRule type="expression" dxfId="3820" priority="5060">
      <formula>OR(BA$187&lt;&gt;"",BA$188&lt;&gt;"")</formula>
    </cfRule>
  </conditionalFormatting>
  <conditionalFormatting sqref="BA192">
    <cfRule type="expression" dxfId="3819" priority="5059">
      <formula>OR(BA$187&lt;&gt;"",BA$188&lt;&gt;"")</formula>
    </cfRule>
  </conditionalFormatting>
  <conditionalFormatting sqref="BA209:BA212">
    <cfRule type="expression" dxfId="3818" priority="5058">
      <formula>AND(BA$187="",BA$188="")</formula>
    </cfRule>
  </conditionalFormatting>
  <conditionalFormatting sqref="BA209">
    <cfRule type="expression" dxfId="3817" priority="5057">
      <formula>OR(BA$187&lt;&gt;"",BA$188&lt;&gt;"")</formula>
    </cfRule>
  </conditionalFormatting>
  <conditionalFormatting sqref="BA210">
    <cfRule type="expression" dxfId="3816" priority="5056">
      <formula>OR(BA$187&lt;&gt;"",BA$188&lt;&gt;"")</formula>
    </cfRule>
  </conditionalFormatting>
  <conditionalFormatting sqref="BA211">
    <cfRule type="expression" dxfId="3815" priority="5055">
      <formula>OR(BA$187&lt;&gt;"",BA$188&lt;&gt;"")</formula>
    </cfRule>
  </conditionalFormatting>
  <conditionalFormatting sqref="BA212">
    <cfRule type="expression" dxfId="3814" priority="5054">
      <formula>OR(BA$187&lt;&gt;"",BA$188&lt;&gt;"")</formula>
    </cfRule>
  </conditionalFormatting>
  <conditionalFormatting sqref="BA193:BA208">
    <cfRule type="expression" dxfId="3813" priority="5052">
      <formula>OR(BA$187&lt;&gt;"",BA$188&lt;&gt;"")</formula>
    </cfRule>
    <cfRule type="expression" dxfId="3812" priority="5053">
      <formula>AND(BA$187="",BA$188="")</formula>
    </cfRule>
  </conditionalFormatting>
  <conditionalFormatting sqref="BA213:BA216">
    <cfRule type="expression" dxfId="3811" priority="5050">
      <formula>OR(BA$187&lt;&gt;"",BA$188&lt;&gt;"")</formula>
    </cfRule>
    <cfRule type="expression" dxfId="3810" priority="5051">
      <formula>AND(BA$187="",BA$188="")</formula>
    </cfRule>
  </conditionalFormatting>
  <conditionalFormatting sqref="BB187:BB188">
    <cfRule type="expression" dxfId="3809" priority="5048">
      <formula>OR(BB$187&lt;&gt;"",BB$188&lt;&gt;"")</formula>
    </cfRule>
    <cfRule type="expression" dxfId="3808" priority="5049">
      <formula>AND(BB$187="",BB$188="")</formula>
    </cfRule>
  </conditionalFormatting>
  <conditionalFormatting sqref="BB189:BB192">
    <cfRule type="expression" dxfId="3807" priority="5047">
      <formula>AND(BB$187="",BB$188="")</formula>
    </cfRule>
  </conditionalFormatting>
  <conditionalFormatting sqref="BB189">
    <cfRule type="expression" dxfId="3806" priority="5046">
      <formula>OR(BB$187&lt;&gt;"",BB$188&lt;&gt;"")</formula>
    </cfRule>
  </conditionalFormatting>
  <conditionalFormatting sqref="BB190">
    <cfRule type="expression" dxfId="3805" priority="5045">
      <formula>OR(BB$187&lt;&gt;"",BB$188&lt;&gt;"")</formula>
    </cfRule>
  </conditionalFormatting>
  <conditionalFormatting sqref="BB191">
    <cfRule type="expression" dxfId="3804" priority="5044">
      <formula>OR(BB$187&lt;&gt;"",BB$188&lt;&gt;"")</formula>
    </cfRule>
  </conditionalFormatting>
  <conditionalFormatting sqref="BB192">
    <cfRule type="expression" dxfId="3803" priority="5043">
      <formula>OR(BB$187&lt;&gt;"",BB$188&lt;&gt;"")</formula>
    </cfRule>
  </conditionalFormatting>
  <conditionalFormatting sqref="BB209:BB212">
    <cfRule type="expression" dxfId="3802" priority="5042">
      <formula>AND(BB$187="",BB$188="")</formula>
    </cfRule>
  </conditionalFormatting>
  <conditionalFormatting sqref="BB209">
    <cfRule type="expression" dxfId="3801" priority="5041">
      <formula>OR(BB$187&lt;&gt;"",BB$188&lt;&gt;"")</formula>
    </cfRule>
  </conditionalFormatting>
  <conditionalFormatting sqref="BB210">
    <cfRule type="expression" dxfId="3800" priority="5040">
      <formula>OR(BB$187&lt;&gt;"",BB$188&lt;&gt;"")</formula>
    </cfRule>
  </conditionalFormatting>
  <conditionalFormatting sqref="BB211">
    <cfRule type="expression" dxfId="3799" priority="5039">
      <formula>OR(BB$187&lt;&gt;"",BB$188&lt;&gt;"")</formula>
    </cfRule>
  </conditionalFormatting>
  <conditionalFormatting sqref="BB212">
    <cfRule type="expression" dxfId="3798" priority="5038">
      <formula>OR(BB$187&lt;&gt;"",BB$188&lt;&gt;"")</formula>
    </cfRule>
  </conditionalFormatting>
  <conditionalFormatting sqref="BB193:BB208">
    <cfRule type="expression" dxfId="3797" priority="5036">
      <formula>OR(BB$187&lt;&gt;"",BB$188&lt;&gt;"")</formula>
    </cfRule>
    <cfRule type="expression" dxfId="3796" priority="5037">
      <formula>AND(BB$187="",BB$188="")</formula>
    </cfRule>
  </conditionalFormatting>
  <conditionalFormatting sqref="BB213:BB216">
    <cfRule type="expression" dxfId="3795" priority="5034">
      <formula>OR(BB$187&lt;&gt;"",BB$188&lt;&gt;"")</formula>
    </cfRule>
    <cfRule type="expression" dxfId="3794" priority="5035">
      <formula>AND(BB$187="",BB$188="")</formula>
    </cfRule>
  </conditionalFormatting>
  <conditionalFormatting sqref="BC187:BC188">
    <cfRule type="expression" dxfId="3793" priority="5032">
      <formula>OR(BC$187&lt;&gt;"",BC$188&lt;&gt;"")</formula>
    </cfRule>
    <cfRule type="expression" dxfId="3792" priority="5033">
      <formula>AND(BC$187="",BC$188="")</formula>
    </cfRule>
  </conditionalFormatting>
  <conditionalFormatting sqref="BC189:BC192">
    <cfRule type="expression" dxfId="3791" priority="5031">
      <formula>AND(BC$187="",BC$188="")</formula>
    </cfRule>
  </conditionalFormatting>
  <conditionalFormatting sqref="BC189">
    <cfRule type="expression" dxfId="3790" priority="5030">
      <formula>OR(BC$187&lt;&gt;"",BC$188&lt;&gt;"")</formula>
    </cfRule>
  </conditionalFormatting>
  <conditionalFormatting sqref="BC190">
    <cfRule type="expression" dxfId="3789" priority="5029">
      <formula>OR(BC$187&lt;&gt;"",BC$188&lt;&gt;"")</formula>
    </cfRule>
  </conditionalFormatting>
  <conditionalFormatting sqref="BC191">
    <cfRule type="expression" dxfId="3788" priority="5028">
      <formula>OR(BC$187&lt;&gt;"",BC$188&lt;&gt;"")</formula>
    </cfRule>
  </conditionalFormatting>
  <conditionalFormatting sqref="BC192">
    <cfRule type="expression" dxfId="3787" priority="5027">
      <formula>OR(BC$187&lt;&gt;"",BC$188&lt;&gt;"")</formula>
    </cfRule>
  </conditionalFormatting>
  <conditionalFormatting sqref="BC209:BC212">
    <cfRule type="expression" dxfId="3786" priority="5026">
      <formula>AND(BC$187="",BC$188="")</formula>
    </cfRule>
  </conditionalFormatting>
  <conditionalFormatting sqref="BC209">
    <cfRule type="expression" dxfId="3785" priority="5025">
      <formula>OR(BC$187&lt;&gt;"",BC$188&lt;&gt;"")</formula>
    </cfRule>
  </conditionalFormatting>
  <conditionalFormatting sqref="BC210">
    <cfRule type="expression" dxfId="3784" priority="5024">
      <formula>OR(BC$187&lt;&gt;"",BC$188&lt;&gt;"")</formula>
    </cfRule>
  </conditionalFormatting>
  <conditionalFormatting sqref="BC211">
    <cfRule type="expression" dxfId="3783" priority="5023">
      <formula>OR(BC$187&lt;&gt;"",BC$188&lt;&gt;"")</formula>
    </cfRule>
  </conditionalFormatting>
  <conditionalFormatting sqref="BC212">
    <cfRule type="expression" dxfId="3782" priority="5022">
      <formula>OR(BC$187&lt;&gt;"",BC$188&lt;&gt;"")</formula>
    </cfRule>
  </conditionalFormatting>
  <conditionalFormatting sqref="BC193:BC208">
    <cfRule type="expression" dxfId="3781" priority="5020">
      <formula>OR(BC$187&lt;&gt;"",BC$188&lt;&gt;"")</formula>
    </cfRule>
    <cfRule type="expression" dxfId="3780" priority="5021">
      <formula>AND(BC$187="",BC$188="")</formula>
    </cfRule>
  </conditionalFormatting>
  <conditionalFormatting sqref="BC213:BC216">
    <cfRule type="expression" dxfId="3779" priority="5018">
      <formula>OR(BC$187&lt;&gt;"",BC$188&lt;&gt;"")</formula>
    </cfRule>
    <cfRule type="expression" dxfId="3778" priority="5019">
      <formula>AND(BC$187="",BC$188="")</formula>
    </cfRule>
  </conditionalFormatting>
  <conditionalFormatting sqref="BD187:BD188">
    <cfRule type="expression" dxfId="3777" priority="5016">
      <formula>OR(BD$187&lt;&gt;"",BD$188&lt;&gt;"")</formula>
    </cfRule>
    <cfRule type="expression" dxfId="3776" priority="5017">
      <formula>AND(BD$187="",BD$188="")</formula>
    </cfRule>
  </conditionalFormatting>
  <conditionalFormatting sqref="BD189:BD192">
    <cfRule type="expression" dxfId="3775" priority="5015">
      <formula>AND(BD$187="",BD$188="")</formula>
    </cfRule>
  </conditionalFormatting>
  <conditionalFormatting sqref="BD189">
    <cfRule type="expression" dxfId="3774" priority="5014">
      <formula>OR(BD$187&lt;&gt;"",BD$188&lt;&gt;"")</formula>
    </cfRule>
  </conditionalFormatting>
  <conditionalFormatting sqref="BD190">
    <cfRule type="expression" dxfId="3773" priority="5013">
      <formula>OR(BD$187&lt;&gt;"",BD$188&lt;&gt;"")</formula>
    </cfRule>
  </conditionalFormatting>
  <conditionalFormatting sqref="BD191">
    <cfRule type="expression" dxfId="3772" priority="5012">
      <formula>OR(BD$187&lt;&gt;"",BD$188&lt;&gt;"")</formula>
    </cfRule>
  </conditionalFormatting>
  <conditionalFormatting sqref="BD192">
    <cfRule type="expression" dxfId="3771" priority="5011">
      <formula>OR(BD$187&lt;&gt;"",BD$188&lt;&gt;"")</formula>
    </cfRule>
  </conditionalFormatting>
  <conditionalFormatting sqref="BD209:BD212">
    <cfRule type="expression" dxfId="3770" priority="5010">
      <formula>AND(BD$187="",BD$188="")</formula>
    </cfRule>
  </conditionalFormatting>
  <conditionalFormatting sqref="BD209">
    <cfRule type="expression" dxfId="3769" priority="5009">
      <formula>OR(BD$187&lt;&gt;"",BD$188&lt;&gt;"")</formula>
    </cfRule>
  </conditionalFormatting>
  <conditionalFormatting sqref="BD210">
    <cfRule type="expression" dxfId="3768" priority="5008">
      <formula>OR(BD$187&lt;&gt;"",BD$188&lt;&gt;"")</formula>
    </cfRule>
  </conditionalFormatting>
  <conditionalFormatting sqref="BD211">
    <cfRule type="expression" dxfId="3767" priority="5007">
      <formula>OR(BD$187&lt;&gt;"",BD$188&lt;&gt;"")</formula>
    </cfRule>
  </conditionalFormatting>
  <conditionalFormatting sqref="BD212">
    <cfRule type="expression" dxfId="3766" priority="5006">
      <formula>OR(BD$187&lt;&gt;"",BD$188&lt;&gt;"")</formula>
    </cfRule>
  </conditionalFormatting>
  <conditionalFormatting sqref="BD193:BD208">
    <cfRule type="expression" dxfId="3765" priority="5004">
      <formula>OR(BD$187&lt;&gt;"",BD$188&lt;&gt;"")</formula>
    </cfRule>
    <cfRule type="expression" dxfId="3764" priority="5005">
      <formula>AND(BD$187="",BD$188="")</formula>
    </cfRule>
  </conditionalFormatting>
  <conditionalFormatting sqref="BD213:BD216">
    <cfRule type="expression" dxfId="3763" priority="5002">
      <formula>OR(BD$187&lt;&gt;"",BD$188&lt;&gt;"")</formula>
    </cfRule>
    <cfRule type="expression" dxfId="3762" priority="5003">
      <formula>AND(BD$187="",BD$188="")</formula>
    </cfRule>
  </conditionalFormatting>
  <conditionalFormatting sqref="BE187:BE188">
    <cfRule type="expression" dxfId="3761" priority="5000">
      <formula>OR(BE$187&lt;&gt;"",BE$188&lt;&gt;"")</formula>
    </cfRule>
    <cfRule type="expression" dxfId="3760" priority="5001">
      <formula>AND(BE$187="",BE$188="")</formula>
    </cfRule>
  </conditionalFormatting>
  <conditionalFormatting sqref="BE189:BE192">
    <cfRule type="expression" dxfId="3759" priority="4999">
      <formula>AND(BE$187="",BE$188="")</formula>
    </cfRule>
  </conditionalFormatting>
  <conditionalFormatting sqref="BE189">
    <cfRule type="expression" dxfId="3758" priority="4998">
      <formula>OR(BE$187&lt;&gt;"",BE$188&lt;&gt;"")</formula>
    </cfRule>
  </conditionalFormatting>
  <conditionalFormatting sqref="BE190">
    <cfRule type="expression" dxfId="3757" priority="4997">
      <formula>OR(BE$187&lt;&gt;"",BE$188&lt;&gt;"")</formula>
    </cfRule>
  </conditionalFormatting>
  <conditionalFormatting sqref="BE191">
    <cfRule type="expression" dxfId="3756" priority="4996">
      <formula>OR(BE$187&lt;&gt;"",BE$188&lt;&gt;"")</formula>
    </cfRule>
  </conditionalFormatting>
  <conditionalFormatting sqref="BE192">
    <cfRule type="expression" dxfId="3755" priority="4995">
      <formula>OR(BE$187&lt;&gt;"",BE$188&lt;&gt;"")</formula>
    </cfRule>
  </conditionalFormatting>
  <conditionalFormatting sqref="BE209:BE212">
    <cfRule type="expression" dxfId="3754" priority="4994">
      <formula>AND(BE$187="",BE$188="")</formula>
    </cfRule>
  </conditionalFormatting>
  <conditionalFormatting sqref="BE209">
    <cfRule type="expression" dxfId="3753" priority="4993">
      <formula>OR(BE$187&lt;&gt;"",BE$188&lt;&gt;"")</formula>
    </cfRule>
  </conditionalFormatting>
  <conditionalFormatting sqref="BE210">
    <cfRule type="expression" dxfId="3752" priority="4992">
      <formula>OR(BE$187&lt;&gt;"",BE$188&lt;&gt;"")</formula>
    </cfRule>
  </conditionalFormatting>
  <conditionalFormatting sqref="BE211">
    <cfRule type="expression" dxfId="3751" priority="4991">
      <formula>OR(BE$187&lt;&gt;"",BE$188&lt;&gt;"")</formula>
    </cfRule>
  </conditionalFormatting>
  <conditionalFormatting sqref="BE212">
    <cfRule type="expression" dxfId="3750" priority="4990">
      <formula>OR(BE$187&lt;&gt;"",BE$188&lt;&gt;"")</formula>
    </cfRule>
  </conditionalFormatting>
  <conditionalFormatting sqref="BE193:BE208">
    <cfRule type="expression" dxfId="3749" priority="4988">
      <formula>OR(BE$187&lt;&gt;"",BE$188&lt;&gt;"")</formula>
    </cfRule>
    <cfRule type="expression" dxfId="3748" priority="4989">
      <formula>AND(BE$187="",BE$188="")</formula>
    </cfRule>
  </conditionalFormatting>
  <conditionalFormatting sqref="BE213:BE216">
    <cfRule type="expression" dxfId="3747" priority="4986">
      <formula>OR(BE$187&lt;&gt;"",BE$188&lt;&gt;"")</formula>
    </cfRule>
    <cfRule type="expression" dxfId="3746" priority="4987">
      <formula>AND(BE$187="",BE$188="")</formula>
    </cfRule>
  </conditionalFormatting>
  <conditionalFormatting sqref="BF187:BF188">
    <cfRule type="expression" dxfId="3745" priority="4984">
      <formula>OR(BF$187&lt;&gt;"",BF$188&lt;&gt;"")</formula>
    </cfRule>
    <cfRule type="expression" dxfId="3744" priority="4985">
      <formula>AND(BF$187="",BF$188="")</formula>
    </cfRule>
  </conditionalFormatting>
  <conditionalFormatting sqref="BF189:BF192">
    <cfRule type="expression" dxfId="3743" priority="4983">
      <formula>AND(BF$187="",BF$188="")</formula>
    </cfRule>
  </conditionalFormatting>
  <conditionalFormatting sqref="BF189">
    <cfRule type="expression" dxfId="3742" priority="4982">
      <formula>OR(BF$187&lt;&gt;"",BF$188&lt;&gt;"")</formula>
    </cfRule>
  </conditionalFormatting>
  <conditionalFormatting sqref="BF190">
    <cfRule type="expression" dxfId="3741" priority="4981">
      <formula>OR(BF$187&lt;&gt;"",BF$188&lt;&gt;"")</formula>
    </cfRule>
  </conditionalFormatting>
  <conditionalFormatting sqref="BF191">
    <cfRule type="expression" dxfId="3740" priority="4980">
      <formula>OR(BF$187&lt;&gt;"",BF$188&lt;&gt;"")</formula>
    </cfRule>
  </conditionalFormatting>
  <conditionalFormatting sqref="BF192">
    <cfRule type="expression" dxfId="3739" priority="4979">
      <formula>OR(BF$187&lt;&gt;"",BF$188&lt;&gt;"")</formula>
    </cfRule>
  </conditionalFormatting>
  <conditionalFormatting sqref="BF209:BF212">
    <cfRule type="expression" dxfId="3738" priority="4978">
      <formula>AND(BF$187="",BF$188="")</formula>
    </cfRule>
  </conditionalFormatting>
  <conditionalFormatting sqref="BF209">
    <cfRule type="expression" dxfId="3737" priority="4977">
      <formula>OR(BF$187&lt;&gt;"",BF$188&lt;&gt;"")</formula>
    </cfRule>
  </conditionalFormatting>
  <conditionalFormatting sqref="BF210">
    <cfRule type="expression" dxfId="3736" priority="4976">
      <formula>OR(BF$187&lt;&gt;"",BF$188&lt;&gt;"")</formula>
    </cfRule>
  </conditionalFormatting>
  <conditionalFormatting sqref="BF211">
    <cfRule type="expression" dxfId="3735" priority="4975">
      <formula>OR(BF$187&lt;&gt;"",BF$188&lt;&gt;"")</formula>
    </cfRule>
  </conditionalFormatting>
  <conditionalFormatting sqref="BF212">
    <cfRule type="expression" dxfId="3734" priority="4974">
      <formula>OR(BF$187&lt;&gt;"",BF$188&lt;&gt;"")</formula>
    </cfRule>
  </conditionalFormatting>
  <conditionalFormatting sqref="BF193:BF208">
    <cfRule type="expression" dxfId="3733" priority="4972">
      <formula>OR(BF$187&lt;&gt;"",BF$188&lt;&gt;"")</formula>
    </cfRule>
    <cfRule type="expression" dxfId="3732" priority="4973">
      <formula>AND(BF$187="",BF$188="")</formula>
    </cfRule>
  </conditionalFormatting>
  <conditionalFormatting sqref="BF213:BF216">
    <cfRule type="expression" dxfId="3731" priority="4970">
      <formula>OR(BF$187&lt;&gt;"",BF$188&lt;&gt;"")</formula>
    </cfRule>
    <cfRule type="expression" dxfId="3730" priority="4971">
      <formula>AND(BF$187="",BF$188="")</formula>
    </cfRule>
  </conditionalFormatting>
  <conditionalFormatting sqref="BG187:BG188">
    <cfRule type="expression" dxfId="3729" priority="4968">
      <formula>OR(BG$187&lt;&gt;"",BG$188&lt;&gt;"")</formula>
    </cfRule>
    <cfRule type="expression" dxfId="3728" priority="4969">
      <formula>AND(BG$187="",BG$188="")</formula>
    </cfRule>
  </conditionalFormatting>
  <conditionalFormatting sqref="BG189:BG192">
    <cfRule type="expression" dxfId="3727" priority="4967">
      <formula>AND(BG$187="",BG$188="")</formula>
    </cfRule>
  </conditionalFormatting>
  <conditionalFormatting sqref="BG189">
    <cfRule type="expression" dxfId="3726" priority="4966">
      <formula>OR(BG$187&lt;&gt;"",BG$188&lt;&gt;"")</formula>
    </cfRule>
  </conditionalFormatting>
  <conditionalFormatting sqref="BG190">
    <cfRule type="expression" dxfId="3725" priority="4965">
      <formula>OR(BG$187&lt;&gt;"",BG$188&lt;&gt;"")</formula>
    </cfRule>
  </conditionalFormatting>
  <conditionalFormatting sqref="BG191">
    <cfRule type="expression" dxfId="3724" priority="4964">
      <formula>OR(BG$187&lt;&gt;"",BG$188&lt;&gt;"")</formula>
    </cfRule>
  </conditionalFormatting>
  <conditionalFormatting sqref="BG192">
    <cfRule type="expression" dxfId="3723" priority="4963">
      <formula>OR(BG$187&lt;&gt;"",BG$188&lt;&gt;"")</formula>
    </cfRule>
  </conditionalFormatting>
  <conditionalFormatting sqref="BG209:BG212">
    <cfRule type="expression" dxfId="3722" priority="4962">
      <formula>AND(BG$187="",BG$188="")</formula>
    </cfRule>
  </conditionalFormatting>
  <conditionalFormatting sqref="BG209">
    <cfRule type="expression" dxfId="3721" priority="4961">
      <formula>OR(BG$187&lt;&gt;"",BG$188&lt;&gt;"")</formula>
    </cfRule>
  </conditionalFormatting>
  <conditionalFormatting sqref="BG210">
    <cfRule type="expression" dxfId="3720" priority="4960">
      <formula>OR(BG$187&lt;&gt;"",BG$188&lt;&gt;"")</formula>
    </cfRule>
  </conditionalFormatting>
  <conditionalFormatting sqref="BG211">
    <cfRule type="expression" dxfId="3719" priority="4959">
      <formula>OR(BG$187&lt;&gt;"",BG$188&lt;&gt;"")</formula>
    </cfRule>
  </conditionalFormatting>
  <conditionalFormatting sqref="BG212">
    <cfRule type="expression" dxfId="3718" priority="4958">
      <formula>OR(BG$187&lt;&gt;"",BG$188&lt;&gt;"")</formula>
    </cfRule>
  </conditionalFormatting>
  <conditionalFormatting sqref="BG193:BG208">
    <cfRule type="expression" dxfId="3717" priority="4956">
      <formula>OR(BG$187&lt;&gt;"",BG$188&lt;&gt;"")</formula>
    </cfRule>
    <cfRule type="expression" dxfId="3716" priority="4957">
      <formula>AND(BG$187="",BG$188="")</formula>
    </cfRule>
  </conditionalFormatting>
  <conditionalFormatting sqref="BG213:BG216">
    <cfRule type="expression" dxfId="3715" priority="4954">
      <formula>OR(BG$187&lt;&gt;"",BG$188&lt;&gt;"")</formula>
    </cfRule>
    <cfRule type="expression" dxfId="3714" priority="4955">
      <formula>AND(BG$187="",BG$188="")</formula>
    </cfRule>
  </conditionalFormatting>
  <conditionalFormatting sqref="BH187:BH188">
    <cfRule type="expression" dxfId="3713" priority="4952">
      <formula>OR(BH$187&lt;&gt;"",BH$188&lt;&gt;"")</formula>
    </cfRule>
    <cfRule type="expression" dxfId="3712" priority="4953">
      <formula>AND(BH$187="",BH$188="")</formula>
    </cfRule>
  </conditionalFormatting>
  <conditionalFormatting sqref="BH189:BH192">
    <cfRule type="expression" dxfId="3711" priority="4951">
      <formula>AND(BH$187="",BH$188="")</formula>
    </cfRule>
  </conditionalFormatting>
  <conditionalFormatting sqref="BH189">
    <cfRule type="expression" dxfId="3710" priority="4950">
      <formula>OR(BH$187&lt;&gt;"",BH$188&lt;&gt;"")</formula>
    </cfRule>
  </conditionalFormatting>
  <conditionalFormatting sqref="BH190">
    <cfRule type="expression" dxfId="3709" priority="4949">
      <formula>OR(BH$187&lt;&gt;"",BH$188&lt;&gt;"")</formula>
    </cfRule>
  </conditionalFormatting>
  <conditionalFormatting sqref="BH191">
    <cfRule type="expression" dxfId="3708" priority="4948">
      <formula>OR(BH$187&lt;&gt;"",BH$188&lt;&gt;"")</formula>
    </cfRule>
  </conditionalFormatting>
  <conditionalFormatting sqref="BH192">
    <cfRule type="expression" dxfId="3707" priority="4947">
      <formula>OR(BH$187&lt;&gt;"",BH$188&lt;&gt;"")</formula>
    </cfRule>
  </conditionalFormatting>
  <conditionalFormatting sqref="BH209:BH212">
    <cfRule type="expression" dxfId="3706" priority="4946">
      <formula>AND(BH$187="",BH$188="")</formula>
    </cfRule>
  </conditionalFormatting>
  <conditionalFormatting sqref="BH209">
    <cfRule type="expression" dxfId="3705" priority="4945">
      <formula>OR(BH$187&lt;&gt;"",BH$188&lt;&gt;"")</formula>
    </cfRule>
  </conditionalFormatting>
  <conditionalFormatting sqref="BH210">
    <cfRule type="expression" dxfId="3704" priority="4944">
      <formula>OR(BH$187&lt;&gt;"",BH$188&lt;&gt;"")</formula>
    </cfRule>
  </conditionalFormatting>
  <conditionalFormatting sqref="BH211">
    <cfRule type="expression" dxfId="3703" priority="4943">
      <formula>OR(BH$187&lt;&gt;"",BH$188&lt;&gt;"")</formula>
    </cfRule>
  </conditionalFormatting>
  <conditionalFormatting sqref="BH212">
    <cfRule type="expression" dxfId="3702" priority="4942">
      <formula>OR(BH$187&lt;&gt;"",BH$188&lt;&gt;"")</formula>
    </cfRule>
  </conditionalFormatting>
  <conditionalFormatting sqref="BH193:BH208">
    <cfRule type="expression" dxfId="3701" priority="4940">
      <formula>OR(BH$187&lt;&gt;"",BH$188&lt;&gt;"")</formula>
    </cfRule>
    <cfRule type="expression" dxfId="3700" priority="4941">
      <formula>AND(BH$187="",BH$188="")</formula>
    </cfRule>
  </conditionalFormatting>
  <conditionalFormatting sqref="BH213:BH216">
    <cfRule type="expression" dxfId="3699" priority="4938">
      <formula>OR(BH$187&lt;&gt;"",BH$188&lt;&gt;"")</formula>
    </cfRule>
    <cfRule type="expression" dxfId="3698" priority="4939">
      <formula>AND(BH$187="",BH$188="")</formula>
    </cfRule>
  </conditionalFormatting>
  <conditionalFormatting sqref="BI187:BI188">
    <cfRule type="expression" dxfId="3697" priority="4936">
      <formula>OR(BI$187&lt;&gt;"",BI$188&lt;&gt;"")</formula>
    </cfRule>
    <cfRule type="expression" dxfId="3696" priority="4937">
      <formula>AND(BI$187="",BI$188="")</formula>
    </cfRule>
  </conditionalFormatting>
  <conditionalFormatting sqref="BI189:BI192">
    <cfRule type="expression" dxfId="3695" priority="4935">
      <formula>AND(BI$187="",BI$188="")</formula>
    </cfRule>
  </conditionalFormatting>
  <conditionalFormatting sqref="BI189">
    <cfRule type="expression" dxfId="3694" priority="4934">
      <formula>OR(BI$187&lt;&gt;"",BI$188&lt;&gt;"")</formula>
    </cfRule>
  </conditionalFormatting>
  <conditionalFormatting sqref="BI190">
    <cfRule type="expression" dxfId="3693" priority="4933">
      <formula>OR(BI$187&lt;&gt;"",BI$188&lt;&gt;"")</formula>
    </cfRule>
  </conditionalFormatting>
  <conditionalFormatting sqref="BI191">
    <cfRule type="expression" dxfId="3692" priority="4932">
      <formula>OR(BI$187&lt;&gt;"",BI$188&lt;&gt;"")</formula>
    </cfRule>
  </conditionalFormatting>
  <conditionalFormatting sqref="BI192">
    <cfRule type="expression" dxfId="3691" priority="4931">
      <formula>OR(BI$187&lt;&gt;"",BI$188&lt;&gt;"")</formula>
    </cfRule>
  </conditionalFormatting>
  <conditionalFormatting sqref="BI209:BI212">
    <cfRule type="expression" dxfId="3690" priority="4930">
      <formula>AND(BI$187="",BI$188="")</formula>
    </cfRule>
  </conditionalFormatting>
  <conditionalFormatting sqref="BI209">
    <cfRule type="expression" dxfId="3689" priority="4929">
      <formula>OR(BI$187&lt;&gt;"",BI$188&lt;&gt;"")</formula>
    </cfRule>
  </conditionalFormatting>
  <conditionalFormatting sqref="BI210">
    <cfRule type="expression" dxfId="3688" priority="4928">
      <formula>OR(BI$187&lt;&gt;"",BI$188&lt;&gt;"")</formula>
    </cfRule>
  </conditionalFormatting>
  <conditionalFormatting sqref="BI211">
    <cfRule type="expression" dxfId="3687" priority="4927">
      <formula>OR(BI$187&lt;&gt;"",BI$188&lt;&gt;"")</formula>
    </cfRule>
  </conditionalFormatting>
  <conditionalFormatting sqref="BI212">
    <cfRule type="expression" dxfId="3686" priority="4926">
      <formula>OR(BI$187&lt;&gt;"",BI$188&lt;&gt;"")</formula>
    </cfRule>
  </conditionalFormatting>
  <conditionalFormatting sqref="BI193:BI208">
    <cfRule type="expression" dxfId="3685" priority="4924">
      <formula>OR(BI$187&lt;&gt;"",BI$188&lt;&gt;"")</formula>
    </cfRule>
    <cfRule type="expression" dxfId="3684" priority="4925">
      <formula>AND(BI$187="",BI$188="")</formula>
    </cfRule>
  </conditionalFormatting>
  <conditionalFormatting sqref="BI213:BI216">
    <cfRule type="expression" dxfId="3683" priority="4922">
      <formula>OR(BI$187&lt;&gt;"",BI$188&lt;&gt;"")</formula>
    </cfRule>
    <cfRule type="expression" dxfId="3682" priority="4923">
      <formula>AND(BI$187="",BI$188="")</formula>
    </cfRule>
  </conditionalFormatting>
  <conditionalFormatting sqref="BJ187:BJ188">
    <cfRule type="expression" dxfId="3681" priority="4920">
      <formula>OR(BJ$187&lt;&gt;"",BJ$188&lt;&gt;"")</formula>
    </cfRule>
    <cfRule type="expression" dxfId="3680" priority="4921">
      <formula>AND(BJ$187="",BJ$188="")</formula>
    </cfRule>
  </conditionalFormatting>
  <conditionalFormatting sqref="BJ189:BJ192">
    <cfRule type="expression" dxfId="3679" priority="4919">
      <formula>AND(BJ$187="",BJ$188="")</formula>
    </cfRule>
  </conditionalFormatting>
  <conditionalFormatting sqref="BJ189">
    <cfRule type="expression" dxfId="3678" priority="4918">
      <formula>OR(BJ$187&lt;&gt;"",BJ$188&lt;&gt;"")</formula>
    </cfRule>
  </conditionalFormatting>
  <conditionalFormatting sqref="BJ190">
    <cfRule type="expression" dxfId="3677" priority="4917">
      <formula>OR(BJ$187&lt;&gt;"",BJ$188&lt;&gt;"")</formula>
    </cfRule>
  </conditionalFormatting>
  <conditionalFormatting sqref="BJ191">
    <cfRule type="expression" dxfId="3676" priority="4916">
      <formula>OR(BJ$187&lt;&gt;"",BJ$188&lt;&gt;"")</formula>
    </cfRule>
  </conditionalFormatting>
  <conditionalFormatting sqref="BJ192">
    <cfRule type="expression" dxfId="3675" priority="4915">
      <formula>OR(BJ$187&lt;&gt;"",BJ$188&lt;&gt;"")</formula>
    </cfRule>
  </conditionalFormatting>
  <conditionalFormatting sqref="BJ209:BJ212">
    <cfRule type="expression" dxfId="3674" priority="4914">
      <formula>AND(BJ$187="",BJ$188="")</formula>
    </cfRule>
  </conditionalFormatting>
  <conditionalFormatting sqref="BJ209">
    <cfRule type="expression" dxfId="3673" priority="4913">
      <formula>OR(BJ$187&lt;&gt;"",BJ$188&lt;&gt;"")</formula>
    </cfRule>
  </conditionalFormatting>
  <conditionalFormatting sqref="BJ210">
    <cfRule type="expression" dxfId="3672" priority="4912">
      <formula>OR(BJ$187&lt;&gt;"",BJ$188&lt;&gt;"")</formula>
    </cfRule>
  </conditionalFormatting>
  <conditionalFormatting sqref="BJ211">
    <cfRule type="expression" dxfId="3671" priority="4911">
      <formula>OR(BJ$187&lt;&gt;"",BJ$188&lt;&gt;"")</formula>
    </cfRule>
  </conditionalFormatting>
  <conditionalFormatting sqref="BJ212">
    <cfRule type="expression" dxfId="3670" priority="4910">
      <formula>OR(BJ$187&lt;&gt;"",BJ$188&lt;&gt;"")</formula>
    </cfRule>
  </conditionalFormatting>
  <conditionalFormatting sqref="BJ193:BJ208">
    <cfRule type="expression" dxfId="3669" priority="4908">
      <formula>OR(BJ$187&lt;&gt;"",BJ$188&lt;&gt;"")</formula>
    </cfRule>
    <cfRule type="expression" dxfId="3668" priority="4909">
      <formula>AND(BJ$187="",BJ$188="")</formula>
    </cfRule>
  </conditionalFormatting>
  <conditionalFormatting sqref="BJ213:BJ216">
    <cfRule type="expression" dxfId="3667" priority="4906">
      <formula>OR(BJ$187&lt;&gt;"",BJ$188&lt;&gt;"")</formula>
    </cfRule>
    <cfRule type="expression" dxfId="3666" priority="4907">
      <formula>AND(BJ$187="",BJ$188="")</formula>
    </cfRule>
  </conditionalFormatting>
  <conditionalFormatting sqref="BK187:BK188">
    <cfRule type="expression" dxfId="3665" priority="4904">
      <formula>OR(BK$187&lt;&gt;"",BK$188&lt;&gt;"")</formula>
    </cfRule>
    <cfRule type="expression" dxfId="3664" priority="4905">
      <formula>AND(BK$187="",BK$188="")</formula>
    </cfRule>
  </conditionalFormatting>
  <conditionalFormatting sqref="BK189:BK192">
    <cfRule type="expression" dxfId="3663" priority="4903">
      <formula>AND(BK$187="",BK$188="")</formula>
    </cfRule>
  </conditionalFormatting>
  <conditionalFormatting sqref="BK189">
    <cfRule type="expression" dxfId="3662" priority="4902">
      <formula>OR(BK$187&lt;&gt;"",BK$188&lt;&gt;"")</formula>
    </cfRule>
  </conditionalFormatting>
  <conditionalFormatting sqref="BK190">
    <cfRule type="expression" dxfId="3661" priority="4901">
      <formula>OR(BK$187&lt;&gt;"",BK$188&lt;&gt;"")</formula>
    </cfRule>
  </conditionalFormatting>
  <conditionalFormatting sqref="BK191">
    <cfRule type="expression" dxfId="3660" priority="4900">
      <formula>OR(BK$187&lt;&gt;"",BK$188&lt;&gt;"")</formula>
    </cfRule>
  </conditionalFormatting>
  <conditionalFormatting sqref="BK192">
    <cfRule type="expression" dxfId="3659" priority="4899">
      <formula>OR(BK$187&lt;&gt;"",BK$188&lt;&gt;"")</formula>
    </cfRule>
  </conditionalFormatting>
  <conditionalFormatting sqref="BK209:BK212">
    <cfRule type="expression" dxfId="3658" priority="4898">
      <formula>AND(BK$187="",BK$188="")</formula>
    </cfRule>
  </conditionalFormatting>
  <conditionalFormatting sqref="BK209">
    <cfRule type="expression" dxfId="3657" priority="4897">
      <formula>OR(BK$187&lt;&gt;"",BK$188&lt;&gt;"")</formula>
    </cfRule>
  </conditionalFormatting>
  <conditionalFormatting sqref="BK210">
    <cfRule type="expression" dxfId="3656" priority="4896">
      <formula>OR(BK$187&lt;&gt;"",BK$188&lt;&gt;"")</formula>
    </cfRule>
  </conditionalFormatting>
  <conditionalFormatting sqref="BK211">
    <cfRule type="expression" dxfId="3655" priority="4895">
      <formula>OR(BK$187&lt;&gt;"",BK$188&lt;&gt;"")</formula>
    </cfRule>
  </conditionalFormatting>
  <conditionalFormatting sqref="BK212">
    <cfRule type="expression" dxfId="3654" priority="4894">
      <formula>OR(BK$187&lt;&gt;"",BK$188&lt;&gt;"")</formula>
    </cfRule>
  </conditionalFormatting>
  <conditionalFormatting sqref="BK193:BK208">
    <cfRule type="expression" dxfId="3653" priority="4892">
      <formula>OR(BK$187&lt;&gt;"",BK$188&lt;&gt;"")</formula>
    </cfRule>
    <cfRule type="expression" dxfId="3652" priority="4893">
      <formula>AND(BK$187="",BK$188="")</formula>
    </cfRule>
  </conditionalFormatting>
  <conditionalFormatting sqref="BK213:BK216">
    <cfRule type="expression" dxfId="3651" priority="4890">
      <formula>OR(BK$187&lt;&gt;"",BK$188&lt;&gt;"")</formula>
    </cfRule>
    <cfRule type="expression" dxfId="3650" priority="4891">
      <formula>AND(BK$187="",BK$188="")</formula>
    </cfRule>
  </conditionalFormatting>
  <conditionalFormatting sqref="BL187:BL188">
    <cfRule type="expression" dxfId="3649" priority="4888">
      <formula>OR(BL$187&lt;&gt;"",BL$188&lt;&gt;"")</formula>
    </cfRule>
    <cfRule type="expression" dxfId="3648" priority="4889">
      <formula>AND(BL$187="",BL$188="")</formula>
    </cfRule>
  </conditionalFormatting>
  <conditionalFormatting sqref="BL189:BL192">
    <cfRule type="expression" dxfId="3647" priority="4887">
      <formula>AND(BL$187="",BL$188="")</formula>
    </cfRule>
  </conditionalFormatting>
  <conditionalFormatting sqref="BL189">
    <cfRule type="expression" dxfId="3646" priority="4886">
      <formula>OR(BL$187&lt;&gt;"",BL$188&lt;&gt;"")</formula>
    </cfRule>
  </conditionalFormatting>
  <conditionalFormatting sqref="BL190">
    <cfRule type="expression" dxfId="3645" priority="4885">
      <formula>OR(BL$187&lt;&gt;"",BL$188&lt;&gt;"")</formula>
    </cfRule>
  </conditionalFormatting>
  <conditionalFormatting sqref="BL191">
    <cfRule type="expression" dxfId="3644" priority="4884">
      <formula>OR(BL$187&lt;&gt;"",BL$188&lt;&gt;"")</formula>
    </cfRule>
  </conditionalFormatting>
  <conditionalFormatting sqref="BL192">
    <cfRule type="expression" dxfId="3643" priority="4883">
      <formula>OR(BL$187&lt;&gt;"",BL$188&lt;&gt;"")</formula>
    </cfRule>
  </conditionalFormatting>
  <conditionalFormatting sqref="BL209:BL212">
    <cfRule type="expression" dxfId="3642" priority="4882">
      <formula>AND(BL$187="",BL$188="")</formula>
    </cfRule>
  </conditionalFormatting>
  <conditionalFormatting sqref="BL209">
    <cfRule type="expression" dxfId="3641" priority="4881">
      <formula>OR(BL$187&lt;&gt;"",BL$188&lt;&gt;"")</formula>
    </cfRule>
  </conditionalFormatting>
  <conditionalFormatting sqref="BL210">
    <cfRule type="expression" dxfId="3640" priority="4880">
      <formula>OR(BL$187&lt;&gt;"",BL$188&lt;&gt;"")</formula>
    </cfRule>
  </conditionalFormatting>
  <conditionalFormatting sqref="BL211">
    <cfRule type="expression" dxfId="3639" priority="4879">
      <formula>OR(BL$187&lt;&gt;"",BL$188&lt;&gt;"")</formula>
    </cfRule>
  </conditionalFormatting>
  <conditionalFormatting sqref="BL212">
    <cfRule type="expression" dxfId="3638" priority="4878">
      <formula>OR(BL$187&lt;&gt;"",BL$188&lt;&gt;"")</formula>
    </cfRule>
  </conditionalFormatting>
  <conditionalFormatting sqref="BL193:BL208">
    <cfRule type="expression" dxfId="3637" priority="4876">
      <formula>OR(BL$187&lt;&gt;"",BL$188&lt;&gt;"")</formula>
    </cfRule>
    <cfRule type="expression" dxfId="3636" priority="4877">
      <formula>AND(BL$187="",BL$188="")</formula>
    </cfRule>
  </conditionalFormatting>
  <conditionalFormatting sqref="BL213:BL216">
    <cfRule type="expression" dxfId="3635" priority="4874">
      <formula>OR(BL$187&lt;&gt;"",BL$188&lt;&gt;"")</formula>
    </cfRule>
    <cfRule type="expression" dxfId="3634" priority="4875">
      <formula>AND(BL$187="",BL$188="")</formula>
    </cfRule>
  </conditionalFormatting>
  <conditionalFormatting sqref="BM187:BM188">
    <cfRule type="expression" dxfId="3633" priority="4872">
      <formula>OR(BM$187&lt;&gt;"",BM$188&lt;&gt;"")</formula>
    </cfRule>
    <cfRule type="expression" dxfId="3632" priority="4873">
      <formula>AND(BM$187="",BM$188="")</formula>
    </cfRule>
  </conditionalFormatting>
  <conditionalFormatting sqref="BM189:BM192">
    <cfRule type="expression" dxfId="3631" priority="4871">
      <formula>AND(BM$187="",BM$188="")</formula>
    </cfRule>
  </conditionalFormatting>
  <conditionalFormatting sqref="BM189">
    <cfRule type="expression" dxfId="3630" priority="4870">
      <formula>OR(BM$187&lt;&gt;"",BM$188&lt;&gt;"")</formula>
    </cfRule>
  </conditionalFormatting>
  <conditionalFormatting sqref="BM190">
    <cfRule type="expression" dxfId="3629" priority="4869">
      <formula>OR(BM$187&lt;&gt;"",BM$188&lt;&gt;"")</formula>
    </cfRule>
  </conditionalFormatting>
  <conditionalFormatting sqref="BM191">
    <cfRule type="expression" dxfId="3628" priority="4868">
      <formula>OR(BM$187&lt;&gt;"",BM$188&lt;&gt;"")</formula>
    </cfRule>
  </conditionalFormatting>
  <conditionalFormatting sqref="BM192">
    <cfRule type="expression" dxfId="3627" priority="4867">
      <formula>OR(BM$187&lt;&gt;"",BM$188&lt;&gt;"")</formula>
    </cfRule>
  </conditionalFormatting>
  <conditionalFormatting sqref="BM209:BM212">
    <cfRule type="expression" dxfId="3626" priority="4866">
      <formula>AND(BM$187="",BM$188="")</formula>
    </cfRule>
  </conditionalFormatting>
  <conditionalFormatting sqref="BM209">
    <cfRule type="expression" dxfId="3625" priority="4865">
      <formula>OR(BM$187&lt;&gt;"",BM$188&lt;&gt;"")</formula>
    </cfRule>
  </conditionalFormatting>
  <conditionalFormatting sqref="BM210">
    <cfRule type="expression" dxfId="3624" priority="4864">
      <formula>OR(BM$187&lt;&gt;"",BM$188&lt;&gt;"")</formula>
    </cfRule>
  </conditionalFormatting>
  <conditionalFormatting sqref="BM211">
    <cfRule type="expression" dxfId="3623" priority="4863">
      <formula>OR(BM$187&lt;&gt;"",BM$188&lt;&gt;"")</formula>
    </cfRule>
  </conditionalFormatting>
  <conditionalFormatting sqref="BM212">
    <cfRule type="expression" dxfId="3622" priority="4862">
      <formula>OR(BM$187&lt;&gt;"",BM$188&lt;&gt;"")</formula>
    </cfRule>
  </conditionalFormatting>
  <conditionalFormatting sqref="BM193:BM208">
    <cfRule type="expression" dxfId="3621" priority="4860">
      <formula>OR(BM$187&lt;&gt;"",BM$188&lt;&gt;"")</formula>
    </cfRule>
    <cfRule type="expression" dxfId="3620" priority="4861">
      <formula>AND(BM$187="",BM$188="")</formula>
    </cfRule>
  </conditionalFormatting>
  <conditionalFormatting sqref="BM213:BM216">
    <cfRule type="expression" dxfId="3619" priority="4858">
      <formula>OR(BM$187&lt;&gt;"",BM$188&lt;&gt;"")</formula>
    </cfRule>
    <cfRule type="expression" dxfId="3618" priority="4859">
      <formula>AND(BM$187="",BM$188="")</formula>
    </cfRule>
  </conditionalFormatting>
  <conditionalFormatting sqref="BN187:BN188">
    <cfRule type="expression" dxfId="3617" priority="4856">
      <formula>OR(BN$187&lt;&gt;"",BN$188&lt;&gt;"")</formula>
    </cfRule>
    <cfRule type="expression" dxfId="3616" priority="4857">
      <formula>AND(BN$187="",BN$188="")</formula>
    </cfRule>
  </conditionalFormatting>
  <conditionalFormatting sqref="BN189:BN192">
    <cfRule type="expression" dxfId="3615" priority="4855">
      <formula>AND(BN$187="",BN$188="")</formula>
    </cfRule>
  </conditionalFormatting>
  <conditionalFormatting sqref="BN189">
    <cfRule type="expression" dxfId="3614" priority="4854">
      <formula>OR(BN$187&lt;&gt;"",BN$188&lt;&gt;"")</formula>
    </cfRule>
  </conditionalFormatting>
  <conditionalFormatting sqref="BN190">
    <cfRule type="expression" dxfId="3613" priority="4853">
      <formula>OR(BN$187&lt;&gt;"",BN$188&lt;&gt;"")</formula>
    </cfRule>
  </conditionalFormatting>
  <conditionalFormatting sqref="BN191">
    <cfRule type="expression" dxfId="3612" priority="4852">
      <formula>OR(BN$187&lt;&gt;"",BN$188&lt;&gt;"")</formula>
    </cfRule>
  </conditionalFormatting>
  <conditionalFormatting sqref="BN192">
    <cfRule type="expression" dxfId="3611" priority="4851">
      <formula>OR(BN$187&lt;&gt;"",BN$188&lt;&gt;"")</formula>
    </cfRule>
  </conditionalFormatting>
  <conditionalFormatting sqref="BN209:BN212">
    <cfRule type="expression" dxfId="3610" priority="4850">
      <formula>AND(BN$187="",BN$188="")</formula>
    </cfRule>
  </conditionalFormatting>
  <conditionalFormatting sqref="BN209">
    <cfRule type="expression" dxfId="3609" priority="4849">
      <formula>OR(BN$187&lt;&gt;"",BN$188&lt;&gt;"")</formula>
    </cfRule>
  </conditionalFormatting>
  <conditionalFormatting sqref="BN210">
    <cfRule type="expression" dxfId="3608" priority="4848">
      <formula>OR(BN$187&lt;&gt;"",BN$188&lt;&gt;"")</formula>
    </cfRule>
  </conditionalFormatting>
  <conditionalFormatting sqref="BN211">
    <cfRule type="expression" dxfId="3607" priority="4847">
      <formula>OR(BN$187&lt;&gt;"",BN$188&lt;&gt;"")</formula>
    </cfRule>
  </conditionalFormatting>
  <conditionalFormatting sqref="BN212">
    <cfRule type="expression" dxfId="3606" priority="4846">
      <formula>OR(BN$187&lt;&gt;"",BN$188&lt;&gt;"")</formula>
    </cfRule>
  </conditionalFormatting>
  <conditionalFormatting sqref="BN193:BN208">
    <cfRule type="expression" dxfId="3605" priority="4844">
      <formula>OR(BN$187&lt;&gt;"",BN$188&lt;&gt;"")</formula>
    </cfRule>
    <cfRule type="expression" dxfId="3604" priority="4845">
      <formula>AND(BN$187="",BN$188="")</formula>
    </cfRule>
  </conditionalFormatting>
  <conditionalFormatting sqref="BN213:BN216">
    <cfRule type="expression" dxfId="3603" priority="4842">
      <formula>OR(BN$187&lt;&gt;"",BN$188&lt;&gt;"")</formula>
    </cfRule>
    <cfRule type="expression" dxfId="3602" priority="4843">
      <formula>AND(BN$187="",BN$188="")</formula>
    </cfRule>
  </conditionalFormatting>
  <conditionalFormatting sqref="BO187:BO188">
    <cfRule type="expression" dxfId="3601" priority="4840">
      <formula>OR(BO$187&lt;&gt;"",BO$188&lt;&gt;"")</formula>
    </cfRule>
    <cfRule type="expression" dxfId="3600" priority="4841">
      <formula>AND(BO$187="",BO$188="")</formula>
    </cfRule>
  </conditionalFormatting>
  <conditionalFormatting sqref="BO189:BO192">
    <cfRule type="expression" dxfId="3599" priority="4839">
      <formula>AND(BO$187="",BO$188="")</formula>
    </cfRule>
  </conditionalFormatting>
  <conditionalFormatting sqref="BO189">
    <cfRule type="expression" dxfId="3598" priority="4838">
      <formula>OR(BO$187&lt;&gt;"",BO$188&lt;&gt;"")</formula>
    </cfRule>
  </conditionalFormatting>
  <conditionalFormatting sqref="BO190">
    <cfRule type="expression" dxfId="3597" priority="4837">
      <formula>OR(BO$187&lt;&gt;"",BO$188&lt;&gt;"")</formula>
    </cfRule>
  </conditionalFormatting>
  <conditionalFormatting sqref="BO191">
    <cfRule type="expression" dxfId="3596" priority="4836">
      <formula>OR(BO$187&lt;&gt;"",BO$188&lt;&gt;"")</formula>
    </cfRule>
  </conditionalFormatting>
  <conditionalFormatting sqref="BO192">
    <cfRule type="expression" dxfId="3595" priority="4835">
      <formula>OR(BO$187&lt;&gt;"",BO$188&lt;&gt;"")</formula>
    </cfRule>
  </conditionalFormatting>
  <conditionalFormatting sqref="BO209:BO212">
    <cfRule type="expression" dxfId="3594" priority="4834">
      <formula>AND(BO$187="",BO$188="")</formula>
    </cfRule>
  </conditionalFormatting>
  <conditionalFormatting sqref="BO209">
    <cfRule type="expression" dxfId="3593" priority="4833">
      <formula>OR(BO$187&lt;&gt;"",BO$188&lt;&gt;"")</formula>
    </cfRule>
  </conditionalFormatting>
  <conditionalFormatting sqref="BO210">
    <cfRule type="expression" dxfId="3592" priority="4832">
      <formula>OR(BO$187&lt;&gt;"",BO$188&lt;&gt;"")</formula>
    </cfRule>
  </conditionalFormatting>
  <conditionalFormatting sqref="BO211">
    <cfRule type="expression" dxfId="3591" priority="4831">
      <formula>OR(BO$187&lt;&gt;"",BO$188&lt;&gt;"")</formula>
    </cfRule>
  </conditionalFormatting>
  <conditionalFormatting sqref="BO212">
    <cfRule type="expression" dxfId="3590" priority="4830">
      <formula>OR(BO$187&lt;&gt;"",BO$188&lt;&gt;"")</formula>
    </cfRule>
  </conditionalFormatting>
  <conditionalFormatting sqref="BO193:BO208">
    <cfRule type="expression" dxfId="3589" priority="4828">
      <formula>OR(BO$187&lt;&gt;"",BO$188&lt;&gt;"")</formula>
    </cfRule>
    <cfRule type="expression" dxfId="3588" priority="4829">
      <formula>AND(BO$187="",BO$188="")</formula>
    </cfRule>
  </conditionalFormatting>
  <conditionalFormatting sqref="BO213:BO216">
    <cfRule type="expression" dxfId="3587" priority="4826">
      <formula>OR(BO$187&lt;&gt;"",BO$188&lt;&gt;"")</formula>
    </cfRule>
    <cfRule type="expression" dxfId="3586" priority="4827">
      <formula>AND(BO$187="",BO$188="")</formula>
    </cfRule>
  </conditionalFormatting>
  <conditionalFormatting sqref="BP187:BP188">
    <cfRule type="expression" dxfId="3585" priority="4824">
      <formula>OR(BP$187&lt;&gt;"",BP$188&lt;&gt;"")</formula>
    </cfRule>
    <cfRule type="expression" dxfId="3584" priority="4825">
      <formula>AND(BP$187="",BP$188="")</formula>
    </cfRule>
  </conditionalFormatting>
  <conditionalFormatting sqref="BP189:BP192">
    <cfRule type="expression" dxfId="3583" priority="4823">
      <formula>AND(BP$187="",BP$188="")</formula>
    </cfRule>
  </conditionalFormatting>
  <conditionalFormatting sqref="BP189">
    <cfRule type="expression" dxfId="3582" priority="4822">
      <formula>OR(BP$187&lt;&gt;"",BP$188&lt;&gt;"")</formula>
    </cfRule>
  </conditionalFormatting>
  <conditionalFormatting sqref="BP190">
    <cfRule type="expression" dxfId="3581" priority="4821">
      <formula>OR(BP$187&lt;&gt;"",BP$188&lt;&gt;"")</formula>
    </cfRule>
  </conditionalFormatting>
  <conditionalFormatting sqref="BP191">
    <cfRule type="expression" dxfId="3580" priority="4820">
      <formula>OR(BP$187&lt;&gt;"",BP$188&lt;&gt;"")</formula>
    </cfRule>
  </conditionalFormatting>
  <conditionalFormatting sqref="BP192">
    <cfRule type="expression" dxfId="3579" priority="4819">
      <formula>OR(BP$187&lt;&gt;"",BP$188&lt;&gt;"")</formula>
    </cfRule>
  </conditionalFormatting>
  <conditionalFormatting sqref="BP209:BP212">
    <cfRule type="expression" dxfId="3578" priority="4818">
      <formula>AND(BP$187="",BP$188="")</formula>
    </cfRule>
  </conditionalFormatting>
  <conditionalFormatting sqref="BP209">
    <cfRule type="expression" dxfId="3577" priority="4817">
      <formula>OR(BP$187&lt;&gt;"",BP$188&lt;&gt;"")</formula>
    </cfRule>
  </conditionalFormatting>
  <conditionalFormatting sqref="BP210">
    <cfRule type="expression" dxfId="3576" priority="4816">
      <formula>OR(BP$187&lt;&gt;"",BP$188&lt;&gt;"")</formula>
    </cfRule>
  </conditionalFormatting>
  <conditionalFormatting sqref="BP211">
    <cfRule type="expression" dxfId="3575" priority="4815">
      <formula>OR(BP$187&lt;&gt;"",BP$188&lt;&gt;"")</formula>
    </cfRule>
  </conditionalFormatting>
  <conditionalFormatting sqref="BP212">
    <cfRule type="expression" dxfId="3574" priority="4814">
      <formula>OR(BP$187&lt;&gt;"",BP$188&lt;&gt;"")</formula>
    </cfRule>
  </conditionalFormatting>
  <conditionalFormatting sqref="BP193:BP208">
    <cfRule type="expression" dxfId="3573" priority="4812">
      <formula>OR(BP$187&lt;&gt;"",BP$188&lt;&gt;"")</formula>
    </cfRule>
    <cfRule type="expression" dxfId="3572" priority="4813">
      <formula>AND(BP$187="",BP$188="")</formula>
    </cfRule>
  </conditionalFormatting>
  <conditionalFormatting sqref="BP213:BP216">
    <cfRule type="expression" dxfId="3571" priority="4810">
      <formula>OR(BP$187&lt;&gt;"",BP$188&lt;&gt;"")</formula>
    </cfRule>
    <cfRule type="expression" dxfId="3570" priority="4811">
      <formula>AND(BP$187="",BP$188="")</formula>
    </cfRule>
  </conditionalFormatting>
  <conditionalFormatting sqref="BQ187:BQ188">
    <cfRule type="expression" dxfId="3569" priority="4808">
      <formula>OR(BQ$187&lt;&gt;"",BQ$188&lt;&gt;"")</formula>
    </cfRule>
    <cfRule type="expression" dxfId="3568" priority="4809">
      <formula>AND(BQ$187="",BQ$188="")</formula>
    </cfRule>
  </conditionalFormatting>
  <conditionalFormatting sqref="BQ189:BQ192">
    <cfRule type="expression" dxfId="3567" priority="4807">
      <formula>AND(BQ$187="",BQ$188="")</formula>
    </cfRule>
  </conditionalFormatting>
  <conditionalFormatting sqref="BQ189">
    <cfRule type="expression" dxfId="3566" priority="4806">
      <formula>OR(BQ$187&lt;&gt;"",BQ$188&lt;&gt;"")</formula>
    </cfRule>
  </conditionalFormatting>
  <conditionalFormatting sqref="BQ190">
    <cfRule type="expression" dxfId="3565" priority="4805">
      <formula>OR(BQ$187&lt;&gt;"",BQ$188&lt;&gt;"")</formula>
    </cfRule>
  </conditionalFormatting>
  <conditionalFormatting sqref="BQ191">
    <cfRule type="expression" dxfId="3564" priority="4804">
      <formula>OR(BQ$187&lt;&gt;"",BQ$188&lt;&gt;"")</formula>
    </cfRule>
  </conditionalFormatting>
  <conditionalFormatting sqref="BQ192">
    <cfRule type="expression" dxfId="3563" priority="4803">
      <formula>OR(BQ$187&lt;&gt;"",BQ$188&lt;&gt;"")</formula>
    </cfRule>
  </conditionalFormatting>
  <conditionalFormatting sqref="BQ209:BQ212">
    <cfRule type="expression" dxfId="3562" priority="4802">
      <formula>AND(BQ$187="",BQ$188="")</formula>
    </cfRule>
  </conditionalFormatting>
  <conditionalFormatting sqref="BQ209">
    <cfRule type="expression" dxfId="3561" priority="4801">
      <formula>OR(BQ$187&lt;&gt;"",BQ$188&lt;&gt;"")</formula>
    </cfRule>
  </conditionalFormatting>
  <conditionalFormatting sqref="BQ210">
    <cfRule type="expression" dxfId="3560" priority="4800">
      <formula>OR(BQ$187&lt;&gt;"",BQ$188&lt;&gt;"")</formula>
    </cfRule>
  </conditionalFormatting>
  <conditionalFormatting sqref="BQ211">
    <cfRule type="expression" dxfId="3559" priority="4799">
      <formula>OR(BQ$187&lt;&gt;"",BQ$188&lt;&gt;"")</formula>
    </cfRule>
  </conditionalFormatting>
  <conditionalFormatting sqref="BQ212">
    <cfRule type="expression" dxfId="3558" priority="4798">
      <formula>OR(BQ$187&lt;&gt;"",BQ$188&lt;&gt;"")</formula>
    </cfRule>
  </conditionalFormatting>
  <conditionalFormatting sqref="BQ193:BQ208">
    <cfRule type="expression" dxfId="3557" priority="4796">
      <formula>OR(BQ$187&lt;&gt;"",BQ$188&lt;&gt;"")</formula>
    </cfRule>
    <cfRule type="expression" dxfId="3556" priority="4797">
      <formula>AND(BQ$187="",BQ$188="")</formula>
    </cfRule>
  </conditionalFormatting>
  <conditionalFormatting sqref="BQ213:BQ216">
    <cfRule type="expression" dxfId="3555" priority="4794">
      <formula>OR(BQ$187&lt;&gt;"",BQ$188&lt;&gt;"")</formula>
    </cfRule>
    <cfRule type="expression" dxfId="3554" priority="4795">
      <formula>AND(BQ$187="",BQ$188="")</formula>
    </cfRule>
  </conditionalFormatting>
  <conditionalFormatting sqref="BR187:BR188">
    <cfRule type="expression" dxfId="3553" priority="4792">
      <formula>OR(BR$187&lt;&gt;"",BR$188&lt;&gt;"")</formula>
    </cfRule>
    <cfRule type="expression" dxfId="3552" priority="4793">
      <formula>AND(BR$187="",BR$188="")</formula>
    </cfRule>
  </conditionalFormatting>
  <conditionalFormatting sqref="BR189:BR192">
    <cfRule type="expression" dxfId="3551" priority="4791">
      <formula>AND(BR$187="",BR$188="")</formula>
    </cfRule>
  </conditionalFormatting>
  <conditionalFormatting sqref="BR189">
    <cfRule type="expression" dxfId="3550" priority="4790">
      <formula>OR(BR$187&lt;&gt;"",BR$188&lt;&gt;"")</formula>
    </cfRule>
  </conditionalFormatting>
  <conditionalFormatting sqref="BR190">
    <cfRule type="expression" dxfId="3549" priority="4789">
      <formula>OR(BR$187&lt;&gt;"",BR$188&lt;&gt;"")</formula>
    </cfRule>
  </conditionalFormatting>
  <conditionalFormatting sqref="BR191">
    <cfRule type="expression" dxfId="3548" priority="4788">
      <formula>OR(BR$187&lt;&gt;"",BR$188&lt;&gt;"")</formula>
    </cfRule>
  </conditionalFormatting>
  <conditionalFormatting sqref="BR192">
    <cfRule type="expression" dxfId="3547" priority="4787">
      <formula>OR(BR$187&lt;&gt;"",BR$188&lt;&gt;"")</formula>
    </cfRule>
  </conditionalFormatting>
  <conditionalFormatting sqref="BR209:BR212">
    <cfRule type="expression" dxfId="3546" priority="4786">
      <formula>AND(BR$187="",BR$188="")</formula>
    </cfRule>
  </conditionalFormatting>
  <conditionalFormatting sqref="BR209">
    <cfRule type="expression" dxfId="3545" priority="4785">
      <formula>OR(BR$187&lt;&gt;"",BR$188&lt;&gt;"")</formula>
    </cfRule>
  </conditionalFormatting>
  <conditionalFormatting sqref="BR210">
    <cfRule type="expression" dxfId="3544" priority="4784">
      <formula>OR(BR$187&lt;&gt;"",BR$188&lt;&gt;"")</formula>
    </cfRule>
  </conditionalFormatting>
  <conditionalFormatting sqref="BR211">
    <cfRule type="expression" dxfId="3543" priority="4783">
      <formula>OR(BR$187&lt;&gt;"",BR$188&lt;&gt;"")</formula>
    </cfRule>
  </conditionalFormatting>
  <conditionalFormatting sqref="BR212">
    <cfRule type="expression" dxfId="3542" priority="4782">
      <formula>OR(BR$187&lt;&gt;"",BR$188&lt;&gt;"")</formula>
    </cfRule>
  </conditionalFormatting>
  <conditionalFormatting sqref="BR193:BR208">
    <cfRule type="expression" dxfId="3541" priority="4780">
      <formula>OR(BR$187&lt;&gt;"",BR$188&lt;&gt;"")</formula>
    </cfRule>
    <cfRule type="expression" dxfId="3540" priority="4781">
      <formula>AND(BR$187="",BR$188="")</formula>
    </cfRule>
  </conditionalFormatting>
  <conditionalFormatting sqref="BR213:BR216">
    <cfRule type="expression" dxfId="3539" priority="4778">
      <formula>OR(BR$187&lt;&gt;"",BR$188&lt;&gt;"")</formula>
    </cfRule>
    <cfRule type="expression" dxfId="3538" priority="4779">
      <formula>AND(BR$187="",BR$188="")</formula>
    </cfRule>
  </conditionalFormatting>
  <conditionalFormatting sqref="BS187:BS188">
    <cfRule type="expression" dxfId="3537" priority="4776">
      <formula>OR(BS$187&lt;&gt;"",BS$188&lt;&gt;"")</formula>
    </cfRule>
    <cfRule type="expression" dxfId="3536" priority="4777">
      <formula>AND(BS$187="",BS$188="")</formula>
    </cfRule>
  </conditionalFormatting>
  <conditionalFormatting sqref="BS189:BS192">
    <cfRule type="expression" dxfId="3535" priority="4775">
      <formula>AND(BS$187="",BS$188="")</formula>
    </cfRule>
  </conditionalFormatting>
  <conditionalFormatting sqref="BS189">
    <cfRule type="expression" dxfId="3534" priority="4774">
      <formula>OR(BS$187&lt;&gt;"",BS$188&lt;&gt;"")</formula>
    </cfRule>
  </conditionalFormatting>
  <conditionalFormatting sqref="BS190">
    <cfRule type="expression" dxfId="3533" priority="4773">
      <formula>OR(BS$187&lt;&gt;"",BS$188&lt;&gt;"")</formula>
    </cfRule>
  </conditionalFormatting>
  <conditionalFormatting sqref="BS191">
    <cfRule type="expression" dxfId="3532" priority="4772">
      <formula>OR(BS$187&lt;&gt;"",BS$188&lt;&gt;"")</formula>
    </cfRule>
  </conditionalFormatting>
  <conditionalFormatting sqref="BS192">
    <cfRule type="expression" dxfId="3531" priority="4771">
      <formula>OR(BS$187&lt;&gt;"",BS$188&lt;&gt;"")</formula>
    </cfRule>
  </conditionalFormatting>
  <conditionalFormatting sqref="BS209:BS212">
    <cfRule type="expression" dxfId="3530" priority="4770">
      <formula>AND(BS$187="",BS$188="")</formula>
    </cfRule>
  </conditionalFormatting>
  <conditionalFormatting sqref="BS209">
    <cfRule type="expression" dxfId="3529" priority="4769">
      <formula>OR(BS$187&lt;&gt;"",BS$188&lt;&gt;"")</formula>
    </cfRule>
  </conditionalFormatting>
  <conditionalFormatting sqref="BS210">
    <cfRule type="expression" dxfId="3528" priority="4768">
      <formula>OR(BS$187&lt;&gt;"",BS$188&lt;&gt;"")</formula>
    </cfRule>
  </conditionalFormatting>
  <conditionalFormatting sqref="BS211">
    <cfRule type="expression" dxfId="3527" priority="4767">
      <formula>OR(BS$187&lt;&gt;"",BS$188&lt;&gt;"")</formula>
    </cfRule>
  </conditionalFormatting>
  <conditionalFormatting sqref="BS212">
    <cfRule type="expression" dxfId="3526" priority="4766">
      <formula>OR(BS$187&lt;&gt;"",BS$188&lt;&gt;"")</formula>
    </cfRule>
  </conditionalFormatting>
  <conditionalFormatting sqref="BS193:BS208">
    <cfRule type="expression" dxfId="3525" priority="4764">
      <formula>OR(BS$187&lt;&gt;"",BS$188&lt;&gt;"")</formula>
    </cfRule>
    <cfRule type="expression" dxfId="3524" priority="4765">
      <formula>AND(BS$187="",BS$188="")</formula>
    </cfRule>
  </conditionalFormatting>
  <conditionalFormatting sqref="BS213:BS216">
    <cfRule type="expression" dxfId="3523" priority="4762">
      <formula>OR(BS$187&lt;&gt;"",BS$188&lt;&gt;"")</formula>
    </cfRule>
    <cfRule type="expression" dxfId="3522" priority="4763">
      <formula>AND(BS$187="",BS$188="")</formula>
    </cfRule>
  </conditionalFormatting>
  <conditionalFormatting sqref="M156:M157">
    <cfRule type="expression" dxfId="3521" priority="4760">
      <formula>OR(M$156&lt;&gt;"",M$157&lt;&gt;"")</formula>
    </cfRule>
    <cfRule type="expression" dxfId="3520" priority="4761">
      <formula>AND(M$156="",M$157="")</formula>
    </cfRule>
  </conditionalFormatting>
  <conditionalFormatting sqref="N156:N157">
    <cfRule type="expression" dxfId="3519" priority="4756">
      <formula>OR(N$156&lt;&gt;"",N$157&lt;&gt;"")</formula>
    </cfRule>
    <cfRule type="expression" dxfId="3518" priority="4757">
      <formula>AND(N$156="",N$157="")</formula>
    </cfRule>
  </conditionalFormatting>
  <conditionalFormatting sqref="M160">
    <cfRule type="expression" dxfId="3517" priority="4746">
      <formula>OR($M$156&lt;&gt;"",$M$157&lt;&gt;"")</formula>
    </cfRule>
    <cfRule type="expression" dxfId="3516" priority="4747">
      <formula>AND($M$156="",$M$157="")</formula>
    </cfRule>
  </conditionalFormatting>
  <conditionalFormatting sqref="N158">
    <cfRule type="expression" dxfId="3515" priority="4744">
      <formula>OR(N$156&lt;&gt;"",N$157&lt;&gt;"")</formula>
    </cfRule>
    <cfRule type="expression" dxfId="3514" priority="4745">
      <formula>AND(N$156="",N$157="")</formula>
    </cfRule>
  </conditionalFormatting>
  <conditionalFormatting sqref="N159">
    <cfRule type="expression" dxfId="3513" priority="4742">
      <formula>OR(N$156&lt;&gt;"",N$157&lt;&gt;"")</formula>
    </cfRule>
    <cfRule type="expression" dxfId="3512" priority="4743">
      <formula>AND(N$156="",N$157="")</formula>
    </cfRule>
  </conditionalFormatting>
  <conditionalFormatting sqref="N160">
    <cfRule type="expression" dxfId="3511" priority="4740">
      <formula>OR(N$156&lt;&gt;"",N$157&lt;&gt;"")</formula>
    </cfRule>
    <cfRule type="expression" dxfId="3510" priority="4741">
      <formula>AND(N$156="",N$157="")</formula>
    </cfRule>
  </conditionalFormatting>
  <conditionalFormatting sqref="M159">
    <cfRule type="expression" dxfId="3509" priority="4738">
      <formula>OR($M$156&lt;&gt;"",$M$157&lt;&gt;"")</formula>
    </cfRule>
    <cfRule type="expression" dxfId="3508" priority="4739">
      <formula>AND($M$156="",$M$157="")</formula>
    </cfRule>
  </conditionalFormatting>
  <conditionalFormatting sqref="M158">
    <cfRule type="expression" dxfId="3507" priority="4736">
      <formula>OR($M$156&lt;&gt;"",$M$157&lt;&gt;"")</formula>
    </cfRule>
    <cfRule type="expression" dxfId="3506" priority="4737">
      <formula>AND($M$156="",$M$157="")</formula>
    </cfRule>
  </conditionalFormatting>
  <conditionalFormatting sqref="O158">
    <cfRule type="expression" dxfId="3505" priority="4730">
      <formula>OR(O$156&lt;&gt;"",O$157&lt;&gt;"")</formula>
    </cfRule>
    <cfRule type="expression" dxfId="3504" priority="4731">
      <formula>AND(O$156="",O$157="")</formula>
    </cfRule>
  </conditionalFormatting>
  <conditionalFormatting sqref="O159">
    <cfRule type="expression" dxfId="3503" priority="4728">
      <formula>OR(O$156&lt;&gt;"",O$157&lt;&gt;"")</formula>
    </cfRule>
    <cfRule type="expression" dxfId="3502" priority="4729">
      <formula>AND(O$156="",O$157="")</formula>
    </cfRule>
  </conditionalFormatting>
  <conditionalFormatting sqref="O160">
    <cfRule type="expression" dxfId="3501" priority="4726">
      <formula>OR(O$156&lt;&gt;"",O$157&lt;&gt;"")</formula>
    </cfRule>
    <cfRule type="expression" dxfId="3500" priority="4727">
      <formula>AND(O$156="",O$157="")</formula>
    </cfRule>
  </conditionalFormatting>
  <conditionalFormatting sqref="P158">
    <cfRule type="expression" dxfId="3499" priority="4720">
      <formula>OR(P$156&lt;&gt;"",P$157&lt;&gt;"")</formula>
    </cfRule>
    <cfRule type="expression" dxfId="3498" priority="4721">
      <formula>AND(P$156="",P$157="")</formula>
    </cfRule>
  </conditionalFormatting>
  <conditionalFormatting sqref="P159">
    <cfRule type="expression" dxfId="3497" priority="4718">
      <formula>OR(P$156&lt;&gt;"",P$157&lt;&gt;"")</formula>
    </cfRule>
    <cfRule type="expression" dxfId="3496" priority="4719">
      <formula>AND(P$156="",P$157="")</formula>
    </cfRule>
  </conditionalFormatting>
  <conditionalFormatting sqref="P160">
    <cfRule type="expression" dxfId="3495" priority="4716">
      <formula>OR(P$156&lt;&gt;"",P$157&lt;&gt;"")</formula>
    </cfRule>
    <cfRule type="expression" dxfId="3494" priority="4717">
      <formula>AND(P$156="",P$157="")</formula>
    </cfRule>
  </conditionalFormatting>
  <conditionalFormatting sqref="Q158">
    <cfRule type="expression" dxfId="3493" priority="4710">
      <formula>OR(Q$156&lt;&gt;"",Q$157&lt;&gt;"")</formula>
    </cfRule>
    <cfRule type="expression" dxfId="3492" priority="4711">
      <formula>AND(Q$156="",Q$157="")</formula>
    </cfRule>
  </conditionalFormatting>
  <conditionalFormatting sqref="Q159">
    <cfRule type="expression" dxfId="3491" priority="4708">
      <formula>OR(Q$156&lt;&gt;"",Q$157&lt;&gt;"")</formula>
    </cfRule>
    <cfRule type="expression" dxfId="3490" priority="4709">
      <formula>AND(Q$156="",Q$157="")</formula>
    </cfRule>
  </conditionalFormatting>
  <conditionalFormatting sqref="Q160">
    <cfRule type="expression" dxfId="3489" priority="4706">
      <formula>OR(Q$156&lt;&gt;"",Q$157&lt;&gt;"")</formula>
    </cfRule>
    <cfRule type="expression" dxfId="3488" priority="4707">
      <formula>AND(Q$156="",Q$157="")</formula>
    </cfRule>
  </conditionalFormatting>
  <conditionalFormatting sqref="R158">
    <cfRule type="expression" dxfId="3487" priority="4700">
      <formula>OR(R$156&lt;&gt;"",R$157&lt;&gt;"")</formula>
    </cfRule>
    <cfRule type="expression" dxfId="3486" priority="4701">
      <formula>AND(R$156="",R$157="")</formula>
    </cfRule>
  </conditionalFormatting>
  <conditionalFormatting sqref="R159">
    <cfRule type="expression" dxfId="3485" priority="4698">
      <formula>OR(R$156&lt;&gt;"",R$157&lt;&gt;"")</formula>
    </cfRule>
    <cfRule type="expression" dxfId="3484" priority="4699">
      <formula>AND(R$156="",R$157="")</formula>
    </cfRule>
  </conditionalFormatting>
  <conditionalFormatting sqref="R160">
    <cfRule type="expression" dxfId="3483" priority="4696">
      <formula>OR(R$156&lt;&gt;"",R$157&lt;&gt;"")</formula>
    </cfRule>
    <cfRule type="expression" dxfId="3482" priority="4697">
      <formula>AND(R$156="",R$157="")</formula>
    </cfRule>
  </conditionalFormatting>
  <conditionalFormatting sqref="S158">
    <cfRule type="expression" dxfId="3481" priority="4690">
      <formula>OR(S$156&lt;&gt;"",S$157&lt;&gt;"")</formula>
    </cfRule>
    <cfRule type="expression" dxfId="3480" priority="4691">
      <formula>AND(S$156="",S$157="")</formula>
    </cfRule>
  </conditionalFormatting>
  <conditionalFormatting sqref="S159">
    <cfRule type="expression" dxfId="3479" priority="4688">
      <formula>OR(S$156&lt;&gt;"",S$157&lt;&gt;"")</formula>
    </cfRule>
    <cfRule type="expression" dxfId="3478" priority="4689">
      <formula>AND(S$156="",S$157="")</formula>
    </cfRule>
  </conditionalFormatting>
  <conditionalFormatting sqref="S160">
    <cfRule type="expression" dxfId="3477" priority="4686">
      <formula>OR(S$156&lt;&gt;"",S$157&lt;&gt;"")</formula>
    </cfRule>
    <cfRule type="expression" dxfId="3476" priority="4687">
      <formula>AND(S$156="",S$157="")</formula>
    </cfRule>
  </conditionalFormatting>
  <conditionalFormatting sqref="T158">
    <cfRule type="expression" dxfId="3475" priority="4680">
      <formula>OR(T$156&lt;&gt;"",T$157&lt;&gt;"")</formula>
    </cfRule>
    <cfRule type="expression" dxfId="3474" priority="4681">
      <formula>AND(T$156="",T$157="")</formula>
    </cfRule>
  </conditionalFormatting>
  <conditionalFormatting sqref="T159">
    <cfRule type="expression" dxfId="3473" priority="4678">
      <formula>OR(T$156&lt;&gt;"",T$157&lt;&gt;"")</formula>
    </cfRule>
    <cfRule type="expression" dxfId="3472" priority="4679">
      <formula>AND(T$156="",T$157="")</formula>
    </cfRule>
  </conditionalFormatting>
  <conditionalFormatting sqref="T160">
    <cfRule type="expression" dxfId="3471" priority="4676">
      <formula>OR(T$156&lt;&gt;"",T$157&lt;&gt;"")</formula>
    </cfRule>
    <cfRule type="expression" dxfId="3470" priority="4677">
      <formula>AND(T$156="",T$157="")</formula>
    </cfRule>
  </conditionalFormatting>
  <conditionalFormatting sqref="U158">
    <cfRule type="expression" dxfId="3469" priority="4670">
      <formula>OR(U$156&lt;&gt;"",U$157&lt;&gt;"")</formula>
    </cfRule>
    <cfRule type="expression" dxfId="3468" priority="4671">
      <formula>AND(U$156="",U$157="")</formula>
    </cfRule>
  </conditionalFormatting>
  <conditionalFormatting sqref="U159">
    <cfRule type="expression" dxfId="3467" priority="4668">
      <formula>OR(U$156&lt;&gt;"",U$157&lt;&gt;"")</formula>
    </cfRule>
    <cfRule type="expression" dxfId="3466" priority="4669">
      <formula>AND(U$156="",U$157="")</formula>
    </cfRule>
  </conditionalFormatting>
  <conditionalFormatting sqref="U160">
    <cfRule type="expression" dxfId="3465" priority="4666">
      <formula>OR(U$156&lt;&gt;"",U$157&lt;&gt;"")</formula>
    </cfRule>
    <cfRule type="expression" dxfId="3464" priority="4667">
      <formula>AND(U$156="",U$157="")</formula>
    </cfRule>
  </conditionalFormatting>
  <conditionalFormatting sqref="V158">
    <cfRule type="expression" dxfId="3463" priority="4660">
      <formula>OR(V$156&lt;&gt;"",V$157&lt;&gt;"")</formula>
    </cfRule>
    <cfRule type="expression" dxfId="3462" priority="4661">
      <formula>AND(V$156="",V$157="")</formula>
    </cfRule>
  </conditionalFormatting>
  <conditionalFormatting sqref="V159">
    <cfRule type="expression" dxfId="3461" priority="4658">
      <formula>OR(V$156&lt;&gt;"",V$157&lt;&gt;"")</formula>
    </cfRule>
    <cfRule type="expression" dxfId="3460" priority="4659">
      <formula>AND(V$156="",V$157="")</formula>
    </cfRule>
  </conditionalFormatting>
  <conditionalFormatting sqref="V160">
    <cfRule type="expression" dxfId="3459" priority="4656">
      <formula>OR(V$156&lt;&gt;"",V$157&lt;&gt;"")</formula>
    </cfRule>
    <cfRule type="expression" dxfId="3458" priority="4657">
      <formula>AND(V$156="",V$157="")</formula>
    </cfRule>
  </conditionalFormatting>
  <conditionalFormatting sqref="W158">
    <cfRule type="expression" dxfId="3457" priority="4650">
      <formula>OR(W$156&lt;&gt;"",W$157&lt;&gt;"")</formula>
    </cfRule>
    <cfRule type="expression" dxfId="3456" priority="4651">
      <formula>AND(W$156="",W$157="")</formula>
    </cfRule>
  </conditionalFormatting>
  <conditionalFormatting sqref="W159">
    <cfRule type="expression" dxfId="3455" priority="4648">
      <formula>OR(W$156&lt;&gt;"",W$157&lt;&gt;"")</formula>
    </cfRule>
    <cfRule type="expression" dxfId="3454" priority="4649">
      <formula>AND(W$156="",W$157="")</formula>
    </cfRule>
  </conditionalFormatting>
  <conditionalFormatting sqref="W160">
    <cfRule type="expression" dxfId="3453" priority="4646">
      <formula>OR(W$156&lt;&gt;"",W$157&lt;&gt;"")</formula>
    </cfRule>
    <cfRule type="expression" dxfId="3452" priority="4647">
      <formula>AND(W$156="",W$157="")</formula>
    </cfRule>
  </conditionalFormatting>
  <conditionalFormatting sqref="X158">
    <cfRule type="expression" dxfId="3451" priority="4640">
      <formula>OR(X$156&lt;&gt;"",X$157&lt;&gt;"")</formula>
    </cfRule>
    <cfRule type="expression" dxfId="3450" priority="4641">
      <formula>AND(X$156="",X$157="")</formula>
    </cfRule>
  </conditionalFormatting>
  <conditionalFormatting sqref="X159">
    <cfRule type="expression" dxfId="3449" priority="4638">
      <formula>OR(X$156&lt;&gt;"",X$157&lt;&gt;"")</formula>
    </cfRule>
    <cfRule type="expression" dxfId="3448" priority="4639">
      <formula>AND(X$156="",X$157="")</formula>
    </cfRule>
  </conditionalFormatting>
  <conditionalFormatting sqref="X160">
    <cfRule type="expression" dxfId="3447" priority="4636">
      <formula>OR(X$156&lt;&gt;"",X$157&lt;&gt;"")</formula>
    </cfRule>
    <cfRule type="expression" dxfId="3446" priority="4637">
      <formula>AND(X$156="",X$157="")</formula>
    </cfRule>
  </conditionalFormatting>
  <conditionalFormatting sqref="Y158">
    <cfRule type="expression" dxfId="3445" priority="4630">
      <formula>OR(Y$156&lt;&gt;"",Y$157&lt;&gt;"")</formula>
    </cfRule>
    <cfRule type="expression" dxfId="3444" priority="4631">
      <formula>AND(Y$156="",Y$157="")</formula>
    </cfRule>
  </conditionalFormatting>
  <conditionalFormatting sqref="Y159">
    <cfRule type="expression" dxfId="3443" priority="4628">
      <formula>OR(Y$156&lt;&gt;"",Y$157&lt;&gt;"")</formula>
    </cfRule>
    <cfRule type="expression" dxfId="3442" priority="4629">
      <formula>AND(Y$156="",Y$157="")</formula>
    </cfRule>
  </conditionalFormatting>
  <conditionalFormatting sqref="Y160">
    <cfRule type="expression" dxfId="3441" priority="4626">
      <formula>OR(Y$156&lt;&gt;"",Y$157&lt;&gt;"")</formula>
    </cfRule>
    <cfRule type="expression" dxfId="3440" priority="4627">
      <formula>AND(Y$156="",Y$157="")</formula>
    </cfRule>
  </conditionalFormatting>
  <conditionalFormatting sqref="Z158">
    <cfRule type="expression" dxfId="3439" priority="4620">
      <formula>OR(Z$156&lt;&gt;"",Z$157&lt;&gt;"")</formula>
    </cfRule>
    <cfRule type="expression" dxfId="3438" priority="4621">
      <formula>AND(Z$156="",Z$157="")</formula>
    </cfRule>
  </conditionalFormatting>
  <conditionalFormatting sqref="Z159">
    <cfRule type="expression" dxfId="3437" priority="4618">
      <formula>OR(Z$156&lt;&gt;"",Z$157&lt;&gt;"")</formula>
    </cfRule>
    <cfRule type="expression" dxfId="3436" priority="4619">
      <formula>AND(Z$156="",Z$157="")</formula>
    </cfRule>
  </conditionalFormatting>
  <conditionalFormatting sqref="Z160">
    <cfRule type="expression" dxfId="3435" priority="4616">
      <formula>OR(Z$156&lt;&gt;"",Z$157&lt;&gt;"")</formula>
    </cfRule>
    <cfRule type="expression" dxfId="3434" priority="4617">
      <formula>AND(Z$156="",Z$157="")</formula>
    </cfRule>
  </conditionalFormatting>
  <conditionalFormatting sqref="AA158">
    <cfRule type="expression" dxfId="3433" priority="4610">
      <formula>OR(AA$156&lt;&gt;"",AA$157&lt;&gt;"")</formula>
    </cfRule>
    <cfRule type="expression" dxfId="3432" priority="4611">
      <formula>AND(AA$156="",AA$157="")</formula>
    </cfRule>
  </conditionalFormatting>
  <conditionalFormatting sqref="AA159">
    <cfRule type="expression" dxfId="3431" priority="4608">
      <formula>OR(AA$156&lt;&gt;"",AA$157&lt;&gt;"")</formula>
    </cfRule>
    <cfRule type="expression" dxfId="3430" priority="4609">
      <formula>AND(AA$156="",AA$157="")</formula>
    </cfRule>
  </conditionalFormatting>
  <conditionalFormatting sqref="AA160">
    <cfRule type="expression" dxfId="3429" priority="4606">
      <formula>OR(AA$156&lt;&gt;"",AA$157&lt;&gt;"")</formula>
    </cfRule>
    <cfRule type="expression" dxfId="3428" priority="4607">
      <formula>AND(AA$156="",AA$157="")</formula>
    </cfRule>
  </conditionalFormatting>
  <conditionalFormatting sqref="AB158">
    <cfRule type="expression" dxfId="3427" priority="4600">
      <formula>OR(AB$156&lt;&gt;"",AB$157&lt;&gt;"")</formula>
    </cfRule>
    <cfRule type="expression" dxfId="3426" priority="4601">
      <formula>AND(AB$156="",AB$157="")</formula>
    </cfRule>
  </conditionalFormatting>
  <conditionalFormatting sqref="AB159">
    <cfRule type="expression" dxfId="3425" priority="4598">
      <formula>OR(AB$156&lt;&gt;"",AB$157&lt;&gt;"")</formula>
    </cfRule>
    <cfRule type="expression" dxfId="3424" priority="4599">
      <formula>AND(AB$156="",AB$157="")</formula>
    </cfRule>
  </conditionalFormatting>
  <conditionalFormatting sqref="AB160">
    <cfRule type="expression" dxfId="3423" priority="4596">
      <formula>OR(AB$156&lt;&gt;"",AB$157&lt;&gt;"")</formula>
    </cfRule>
    <cfRule type="expression" dxfId="3422" priority="4597">
      <formula>AND(AB$156="",AB$157="")</formula>
    </cfRule>
  </conditionalFormatting>
  <conditionalFormatting sqref="AC158">
    <cfRule type="expression" dxfId="3421" priority="4590">
      <formula>OR(AC$156&lt;&gt;"",AC$157&lt;&gt;"")</formula>
    </cfRule>
    <cfRule type="expression" dxfId="3420" priority="4591">
      <formula>AND(AC$156="",AC$157="")</formula>
    </cfRule>
  </conditionalFormatting>
  <conditionalFormatting sqref="AC159">
    <cfRule type="expression" dxfId="3419" priority="4588">
      <formula>OR(AC$156&lt;&gt;"",AC$157&lt;&gt;"")</formula>
    </cfRule>
    <cfRule type="expression" dxfId="3418" priority="4589">
      <formula>AND(AC$156="",AC$157="")</formula>
    </cfRule>
  </conditionalFormatting>
  <conditionalFormatting sqref="AC160">
    <cfRule type="expression" dxfId="3417" priority="4586">
      <formula>OR(AC$156&lt;&gt;"",AC$157&lt;&gt;"")</formula>
    </cfRule>
    <cfRule type="expression" dxfId="3416" priority="4587">
      <formula>AND(AC$156="",AC$157="")</formula>
    </cfRule>
  </conditionalFormatting>
  <conditionalFormatting sqref="AD158">
    <cfRule type="expression" dxfId="3415" priority="4580">
      <formula>OR(AD$156&lt;&gt;"",AD$157&lt;&gt;"")</formula>
    </cfRule>
    <cfRule type="expression" dxfId="3414" priority="4581">
      <formula>AND(AD$156="",AD$157="")</formula>
    </cfRule>
  </conditionalFormatting>
  <conditionalFormatting sqref="AD159">
    <cfRule type="expression" dxfId="3413" priority="4578">
      <formula>OR(AD$156&lt;&gt;"",AD$157&lt;&gt;"")</formula>
    </cfRule>
    <cfRule type="expression" dxfId="3412" priority="4579">
      <formula>AND(AD$156="",AD$157="")</formula>
    </cfRule>
  </conditionalFormatting>
  <conditionalFormatting sqref="AD160">
    <cfRule type="expression" dxfId="3411" priority="4576">
      <formula>OR(AD$156&lt;&gt;"",AD$157&lt;&gt;"")</formula>
    </cfRule>
    <cfRule type="expression" dxfId="3410" priority="4577">
      <formula>AND(AD$156="",AD$157="")</formula>
    </cfRule>
  </conditionalFormatting>
  <conditionalFormatting sqref="AE158">
    <cfRule type="expression" dxfId="3409" priority="4570">
      <formula>OR(AE$156&lt;&gt;"",AE$157&lt;&gt;"")</formula>
    </cfRule>
    <cfRule type="expression" dxfId="3408" priority="4571">
      <formula>AND(AE$156="",AE$157="")</formula>
    </cfRule>
  </conditionalFormatting>
  <conditionalFormatting sqref="AE159">
    <cfRule type="expression" dxfId="3407" priority="4568">
      <formula>OR(AE$156&lt;&gt;"",AE$157&lt;&gt;"")</formula>
    </cfRule>
    <cfRule type="expression" dxfId="3406" priority="4569">
      <formula>AND(AE$156="",AE$157="")</formula>
    </cfRule>
  </conditionalFormatting>
  <conditionalFormatting sqref="AE160">
    <cfRule type="expression" dxfId="3405" priority="4566">
      <formula>OR(AE$156&lt;&gt;"",AE$157&lt;&gt;"")</formula>
    </cfRule>
    <cfRule type="expression" dxfId="3404" priority="4567">
      <formula>AND(AE$156="",AE$157="")</formula>
    </cfRule>
  </conditionalFormatting>
  <conditionalFormatting sqref="AF158">
    <cfRule type="expression" dxfId="3403" priority="4560">
      <formula>OR(AF$156&lt;&gt;"",AF$157&lt;&gt;"")</formula>
    </cfRule>
    <cfRule type="expression" dxfId="3402" priority="4561">
      <formula>AND(AF$156="",AF$157="")</formula>
    </cfRule>
  </conditionalFormatting>
  <conditionalFormatting sqref="AF159">
    <cfRule type="expression" dxfId="3401" priority="4558">
      <formula>OR(AF$156&lt;&gt;"",AF$157&lt;&gt;"")</formula>
    </cfRule>
    <cfRule type="expression" dxfId="3400" priority="4559">
      <formula>AND(AF$156="",AF$157="")</formula>
    </cfRule>
  </conditionalFormatting>
  <conditionalFormatting sqref="AF160">
    <cfRule type="expression" dxfId="3399" priority="4556">
      <formula>OR(AF$156&lt;&gt;"",AF$157&lt;&gt;"")</formula>
    </cfRule>
    <cfRule type="expression" dxfId="3398" priority="4557">
      <formula>AND(AF$156="",AF$157="")</formula>
    </cfRule>
  </conditionalFormatting>
  <conditionalFormatting sqref="AG158">
    <cfRule type="expression" dxfId="3397" priority="4550">
      <formula>OR(AG$156&lt;&gt;"",AG$157&lt;&gt;"")</formula>
    </cfRule>
    <cfRule type="expression" dxfId="3396" priority="4551">
      <formula>AND(AG$156="",AG$157="")</formula>
    </cfRule>
  </conditionalFormatting>
  <conditionalFormatting sqref="AG159">
    <cfRule type="expression" dxfId="3395" priority="4548">
      <formula>OR(AG$156&lt;&gt;"",AG$157&lt;&gt;"")</formula>
    </cfRule>
    <cfRule type="expression" dxfId="3394" priority="4549">
      <formula>AND(AG$156="",AG$157="")</formula>
    </cfRule>
  </conditionalFormatting>
  <conditionalFormatting sqref="AG160">
    <cfRule type="expression" dxfId="3393" priority="4546">
      <formula>OR(AG$156&lt;&gt;"",AG$157&lt;&gt;"")</formula>
    </cfRule>
    <cfRule type="expression" dxfId="3392" priority="4547">
      <formula>AND(AG$156="",AG$157="")</formula>
    </cfRule>
  </conditionalFormatting>
  <conditionalFormatting sqref="AH158">
    <cfRule type="expression" dxfId="3391" priority="4540">
      <formula>OR(AH$156&lt;&gt;"",AH$157&lt;&gt;"")</formula>
    </cfRule>
    <cfRule type="expression" dxfId="3390" priority="4541">
      <formula>AND(AH$156="",AH$157="")</formula>
    </cfRule>
  </conditionalFormatting>
  <conditionalFormatting sqref="AH159">
    <cfRule type="expression" dxfId="3389" priority="4538">
      <formula>OR(AH$156&lt;&gt;"",AH$157&lt;&gt;"")</formula>
    </cfRule>
    <cfRule type="expression" dxfId="3388" priority="4539">
      <formula>AND(AH$156="",AH$157="")</formula>
    </cfRule>
  </conditionalFormatting>
  <conditionalFormatting sqref="AH160">
    <cfRule type="expression" dxfId="3387" priority="4536">
      <formula>OR(AH$156&lt;&gt;"",AH$157&lt;&gt;"")</formula>
    </cfRule>
    <cfRule type="expression" dxfId="3386" priority="4537">
      <formula>AND(AH$156="",AH$157="")</formula>
    </cfRule>
  </conditionalFormatting>
  <conditionalFormatting sqref="AI158">
    <cfRule type="expression" dxfId="3385" priority="4530">
      <formula>OR(AI$156&lt;&gt;"",AI$157&lt;&gt;"")</formula>
    </cfRule>
    <cfRule type="expression" dxfId="3384" priority="4531">
      <formula>AND(AI$156="",AI$157="")</formula>
    </cfRule>
  </conditionalFormatting>
  <conditionalFormatting sqref="AI159">
    <cfRule type="expression" dxfId="3383" priority="4528">
      <formula>OR(AI$156&lt;&gt;"",AI$157&lt;&gt;"")</formula>
    </cfRule>
    <cfRule type="expression" dxfId="3382" priority="4529">
      <formula>AND(AI$156="",AI$157="")</formula>
    </cfRule>
  </conditionalFormatting>
  <conditionalFormatting sqref="AI160">
    <cfRule type="expression" dxfId="3381" priority="4526">
      <formula>OR(AI$156&lt;&gt;"",AI$157&lt;&gt;"")</formula>
    </cfRule>
    <cfRule type="expression" dxfId="3380" priority="4527">
      <formula>AND(AI$156="",AI$157="")</formula>
    </cfRule>
  </conditionalFormatting>
  <conditionalFormatting sqref="AJ158">
    <cfRule type="expression" dxfId="3379" priority="4520">
      <formula>OR(AJ$156&lt;&gt;"",AJ$157&lt;&gt;"")</formula>
    </cfRule>
    <cfRule type="expression" dxfId="3378" priority="4521">
      <formula>AND(AJ$156="",AJ$157="")</formula>
    </cfRule>
  </conditionalFormatting>
  <conditionalFormatting sqref="AJ159">
    <cfRule type="expression" dxfId="3377" priority="4518">
      <formula>OR(AJ$156&lt;&gt;"",AJ$157&lt;&gt;"")</formula>
    </cfRule>
    <cfRule type="expression" dxfId="3376" priority="4519">
      <formula>AND(AJ$156="",AJ$157="")</formula>
    </cfRule>
  </conditionalFormatting>
  <conditionalFormatting sqref="AJ160">
    <cfRule type="expression" dxfId="3375" priority="4516">
      <formula>OR(AJ$156&lt;&gt;"",AJ$157&lt;&gt;"")</formula>
    </cfRule>
    <cfRule type="expression" dxfId="3374" priority="4517">
      <formula>AND(AJ$156="",AJ$157="")</formula>
    </cfRule>
  </conditionalFormatting>
  <conditionalFormatting sqref="AK158">
    <cfRule type="expression" dxfId="3373" priority="4510">
      <formula>OR(AK$156&lt;&gt;"",AK$157&lt;&gt;"")</formula>
    </cfRule>
    <cfRule type="expression" dxfId="3372" priority="4511">
      <formula>AND(AK$156="",AK$157="")</formula>
    </cfRule>
  </conditionalFormatting>
  <conditionalFormatting sqref="AK159">
    <cfRule type="expression" dxfId="3371" priority="4508">
      <formula>OR(AK$156&lt;&gt;"",AK$157&lt;&gt;"")</formula>
    </cfRule>
    <cfRule type="expression" dxfId="3370" priority="4509">
      <formula>AND(AK$156="",AK$157="")</formula>
    </cfRule>
  </conditionalFormatting>
  <conditionalFormatting sqref="AK160">
    <cfRule type="expression" dxfId="3369" priority="4506">
      <formula>OR(AK$156&lt;&gt;"",AK$157&lt;&gt;"")</formula>
    </cfRule>
    <cfRule type="expression" dxfId="3368" priority="4507">
      <formula>AND(AK$156="",AK$157="")</formula>
    </cfRule>
  </conditionalFormatting>
  <conditionalFormatting sqref="AL158">
    <cfRule type="expression" dxfId="3367" priority="4500">
      <formula>OR(AL$156&lt;&gt;"",AL$157&lt;&gt;"")</formula>
    </cfRule>
    <cfRule type="expression" dxfId="3366" priority="4501">
      <formula>AND(AL$156="",AL$157="")</formula>
    </cfRule>
  </conditionalFormatting>
  <conditionalFormatting sqref="AL159">
    <cfRule type="expression" dxfId="3365" priority="4498">
      <formula>OR(AL$156&lt;&gt;"",AL$157&lt;&gt;"")</formula>
    </cfRule>
    <cfRule type="expression" dxfId="3364" priority="4499">
      <formula>AND(AL$156="",AL$157="")</formula>
    </cfRule>
  </conditionalFormatting>
  <conditionalFormatting sqref="AL160">
    <cfRule type="expression" dxfId="3363" priority="4496">
      <formula>OR(AL$156&lt;&gt;"",AL$157&lt;&gt;"")</formula>
    </cfRule>
    <cfRule type="expression" dxfId="3362" priority="4497">
      <formula>AND(AL$156="",AL$157="")</formula>
    </cfRule>
  </conditionalFormatting>
  <conditionalFormatting sqref="AM158">
    <cfRule type="expression" dxfId="3361" priority="4490">
      <formula>OR(AM$156&lt;&gt;"",AM$157&lt;&gt;"")</formula>
    </cfRule>
    <cfRule type="expression" dxfId="3360" priority="4491">
      <formula>AND(AM$156="",AM$157="")</formula>
    </cfRule>
  </conditionalFormatting>
  <conditionalFormatting sqref="AM159">
    <cfRule type="expression" dxfId="3359" priority="4488">
      <formula>OR(AM$156&lt;&gt;"",AM$157&lt;&gt;"")</formula>
    </cfRule>
    <cfRule type="expression" dxfId="3358" priority="4489">
      <formula>AND(AM$156="",AM$157="")</formula>
    </cfRule>
  </conditionalFormatting>
  <conditionalFormatting sqref="AM160">
    <cfRule type="expression" dxfId="3357" priority="4486">
      <formula>OR(AM$156&lt;&gt;"",AM$157&lt;&gt;"")</formula>
    </cfRule>
    <cfRule type="expression" dxfId="3356" priority="4487">
      <formula>AND(AM$156="",AM$157="")</formula>
    </cfRule>
  </conditionalFormatting>
  <conditionalFormatting sqref="AN158">
    <cfRule type="expression" dxfId="3355" priority="4480">
      <formula>OR(AN$156&lt;&gt;"",AN$157&lt;&gt;"")</formula>
    </cfRule>
    <cfRule type="expression" dxfId="3354" priority="4481">
      <formula>AND(AN$156="",AN$157="")</formula>
    </cfRule>
  </conditionalFormatting>
  <conditionalFormatting sqref="AN159">
    <cfRule type="expression" dxfId="3353" priority="4478">
      <formula>OR(AN$156&lt;&gt;"",AN$157&lt;&gt;"")</formula>
    </cfRule>
    <cfRule type="expression" dxfId="3352" priority="4479">
      <formula>AND(AN$156="",AN$157="")</formula>
    </cfRule>
  </conditionalFormatting>
  <conditionalFormatting sqref="AN160">
    <cfRule type="expression" dxfId="3351" priority="4476">
      <formula>OR(AN$156&lt;&gt;"",AN$157&lt;&gt;"")</formula>
    </cfRule>
    <cfRule type="expression" dxfId="3350" priority="4477">
      <formula>AND(AN$156="",AN$157="")</formula>
    </cfRule>
  </conditionalFormatting>
  <conditionalFormatting sqref="AO158">
    <cfRule type="expression" dxfId="3349" priority="4470">
      <formula>OR(AO$156&lt;&gt;"",AO$157&lt;&gt;"")</formula>
    </cfRule>
    <cfRule type="expression" dxfId="3348" priority="4471">
      <formula>AND(AO$156="",AO$157="")</formula>
    </cfRule>
  </conditionalFormatting>
  <conditionalFormatting sqref="AO159">
    <cfRule type="expression" dxfId="3347" priority="4468">
      <formula>OR(AO$156&lt;&gt;"",AO$157&lt;&gt;"")</formula>
    </cfRule>
    <cfRule type="expression" dxfId="3346" priority="4469">
      <formula>AND(AO$156="",AO$157="")</formula>
    </cfRule>
  </conditionalFormatting>
  <conditionalFormatting sqref="AO160">
    <cfRule type="expression" dxfId="3345" priority="4466">
      <formula>OR(AO$156&lt;&gt;"",AO$157&lt;&gt;"")</formula>
    </cfRule>
    <cfRule type="expression" dxfId="3344" priority="4467">
      <formula>AND(AO$156="",AO$157="")</formula>
    </cfRule>
  </conditionalFormatting>
  <conditionalFormatting sqref="AP158">
    <cfRule type="expression" dxfId="3343" priority="4460">
      <formula>OR(AP$156&lt;&gt;"",AP$157&lt;&gt;"")</formula>
    </cfRule>
    <cfRule type="expression" dxfId="3342" priority="4461">
      <formula>AND(AP$156="",AP$157="")</formula>
    </cfRule>
  </conditionalFormatting>
  <conditionalFormatting sqref="AP159">
    <cfRule type="expression" dxfId="3341" priority="4458">
      <formula>OR(AP$156&lt;&gt;"",AP$157&lt;&gt;"")</formula>
    </cfRule>
    <cfRule type="expression" dxfId="3340" priority="4459">
      <formula>AND(AP$156="",AP$157="")</formula>
    </cfRule>
  </conditionalFormatting>
  <conditionalFormatting sqref="AP160">
    <cfRule type="expression" dxfId="3339" priority="4456">
      <formula>OR(AP$156&lt;&gt;"",AP$157&lt;&gt;"")</formula>
    </cfRule>
    <cfRule type="expression" dxfId="3338" priority="4457">
      <formula>AND(AP$156="",AP$157="")</formula>
    </cfRule>
  </conditionalFormatting>
  <conditionalFormatting sqref="AQ158">
    <cfRule type="expression" dxfId="3337" priority="4450">
      <formula>OR(AQ$156&lt;&gt;"",AQ$157&lt;&gt;"")</formula>
    </cfRule>
    <cfRule type="expression" dxfId="3336" priority="4451">
      <formula>AND(AQ$156="",AQ$157="")</formula>
    </cfRule>
  </conditionalFormatting>
  <conditionalFormatting sqref="AQ159">
    <cfRule type="expression" dxfId="3335" priority="4448">
      <formula>OR(AQ$156&lt;&gt;"",AQ$157&lt;&gt;"")</formula>
    </cfRule>
    <cfRule type="expression" dxfId="3334" priority="4449">
      <formula>AND(AQ$156="",AQ$157="")</formula>
    </cfRule>
  </conditionalFormatting>
  <conditionalFormatting sqref="AQ160">
    <cfRule type="expression" dxfId="3333" priority="4446">
      <formula>OR(AQ$156&lt;&gt;"",AQ$157&lt;&gt;"")</formula>
    </cfRule>
    <cfRule type="expression" dxfId="3332" priority="4447">
      <formula>AND(AQ$156="",AQ$157="")</formula>
    </cfRule>
  </conditionalFormatting>
  <conditionalFormatting sqref="AR158">
    <cfRule type="expression" dxfId="3331" priority="4440">
      <formula>OR(AR$156&lt;&gt;"",AR$157&lt;&gt;"")</formula>
    </cfRule>
    <cfRule type="expression" dxfId="3330" priority="4441">
      <formula>AND(AR$156="",AR$157="")</formula>
    </cfRule>
  </conditionalFormatting>
  <conditionalFormatting sqref="AR159">
    <cfRule type="expression" dxfId="3329" priority="4438">
      <formula>OR(AR$156&lt;&gt;"",AR$157&lt;&gt;"")</formula>
    </cfRule>
    <cfRule type="expression" dxfId="3328" priority="4439">
      <formula>AND(AR$156="",AR$157="")</formula>
    </cfRule>
  </conditionalFormatting>
  <conditionalFormatting sqref="AR160">
    <cfRule type="expression" dxfId="3327" priority="4436">
      <formula>OR(AR$156&lt;&gt;"",AR$157&lt;&gt;"")</formula>
    </cfRule>
    <cfRule type="expression" dxfId="3326" priority="4437">
      <formula>AND(AR$156="",AR$157="")</formula>
    </cfRule>
  </conditionalFormatting>
  <conditionalFormatting sqref="AS158">
    <cfRule type="expression" dxfId="3325" priority="4430">
      <formula>OR(AS$156&lt;&gt;"",AS$157&lt;&gt;"")</formula>
    </cfRule>
    <cfRule type="expression" dxfId="3324" priority="4431">
      <formula>AND(AS$156="",AS$157="")</formula>
    </cfRule>
  </conditionalFormatting>
  <conditionalFormatting sqref="AS159">
    <cfRule type="expression" dxfId="3323" priority="4428">
      <formula>OR(AS$156&lt;&gt;"",AS$157&lt;&gt;"")</formula>
    </cfRule>
    <cfRule type="expression" dxfId="3322" priority="4429">
      <formula>AND(AS$156="",AS$157="")</formula>
    </cfRule>
  </conditionalFormatting>
  <conditionalFormatting sqref="AS160">
    <cfRule type="expression" dxfId="3321" priority="4426">
      <formula>OR(AS$156&lt;&gt;"",AS$157&lt;&gt;"")</formula>
    </cfRule>
    <cfRule type="expression" dxfId="3320" priority="4427">
      <formula>AND(AS$156="",AS$157="")</formula>
    </cfRule>
  </conditionalFormatting>
  <conditionalFormatting sqref="AT158">
    <cfRule type="expression" dxfId="3319" priority="4420">
      <formula>OR(AT$156&lt;&gt;"",AT$157&lt;&gt;"")</formula>
    </cfRule>
    <cfRule type="expression" dxfId="3318" priority="4421">
      <formula>AND(AT$156="",AT$157="")</formula>
    </cfRule>
  </conditionalFormatting>
  <conditionalFormatting sqref="AT159">
    <cfRule type="expression" dxfId="3317" priority="4418">
      <formula>OR(AT$156&lt;&gt;"",AT$157&lt;&gt;"")</formula>
    </cfRule>
    <cfRule type="expression" dxfId="3316" priority="4419">
      <formula>AND(AT$156="",AT$157="")</formula>
    </cfRule>
  </conditionalFormatting>
  <conditionalFormatting sqref="AT160">
    <cfRule type="expression" dxfId="3315" priority="4416">
      <formula>OR(AT$156&lt;&gt;"",AT$157&lt;&gt;"")</formula>
    </cfRule>
    <cfRule type="expression" dxfId="3314" priority="4417">
      <formula>AND(AT$156="",AT$157="")</formula>
    </cfRule>
  </conditionalFormatting>
  <conditionalFormatting sqref="AU158">
    <cfRule type="expression" dxfId="3313" priority="4410">
      <formula>OR(AU$156&lt;&gt;"",AU$157&lt;&gt;"")</formula>
    </cfRule>
    <cfRule type="expression" dxfId="3312" priority="4411">
      <formula>AND(AU$156="",AU$157="")</formula>
    </cfRule>
  </conditionalFormatting>
  <conditionalFormatting sqref="AU159">
    <cfRule type="expression" dxfId="3311" priority="4408">
      <formula>OR(AU$156&lt;&gt;"",AU$157&lt;&gt;"")</formula>
    </cfRule>
    <cfRule type="expression" dxfId="3310" priority="4409">
      <formula>AND(AU$156="",AU$157="")</formula>
    </cfRule>
  </conditionalFormatting>
  <conditionalFormatting sqref="AU160">
    <cfRule type="expression" dxfId="3309" priority="4406">
      <formula>OR(AU$156&lt;&gt;"",AU$157&lt;&gt;"")</formula>
    </cfRule>
    <cfRule type="expression" dxfId="3308" priority="4407">
      <formula>AND(AU$156="",AU$157="")</formula>
    </cfRule>
  </conditionalFormatting>
  <conditionalFormatting sqref="AV158">
    <cfRule type="expression" dxfId="3307" priority="4400">
      <formula>OR(AV$156&lt;&gt;"",AV$157&lt;&gt;"")</formula>
    </cfRule>
    <cfRule type="expression" dxfId="3306" priority="4401">
      <formula>AND(AV$156="",AV$157="")</formula>
    </cfRule>
  </conditionalFormatting>
  <conditionalFormatting sqref="AV159">
    <cfRule type="expression" dxfId="3305" priority="4398">
      <formula>OR(AV$156&lt;&gt;"",AV$157&lt;&gt;"")</formula>
    </cfRule>
    <cfRule type="expression" dxfId="3304" priority="4399">
      <formula>AND(AV$156="",AV$157="")</formula>
    </cfRule>
  </conditionalFormatting>
  <conditionalFormatting sqref="AV160">
    <cfRule type="expression" dxfId="3303" priority="4396">
      <formula>OR(AV$156&lt;&gt;"",AV$157&lt;&gt;"")</formula>
    </cfRule>
    <cfRule type="expression" dxfId="3302" priority="4397">
      <formula>AND(AV$156="",AV$157="")</formula>
    </cfRule>
  </conditionalFormatting>
  <conditionalFormatting sqref="AW158">
    <cfRule type="expression" dxfId="3301" priority="4390">
      <formula>OR(AW$156&lt;&gt;"",AW$157&lt;&gt;"")</formula>
    </cfRule>
    <cfRule type="expression" dxfId="3300" priority="4391">
      <formula>AND(AW$156="",AW$157="")</formula>
    </cfRule>
  </conditionalFormatting>
  <conditionalFormatting sqref="AW159">
    <cfRule type="expression" dxfId="3299" priority="4388">
      <formula>OR(AW$156&lt;&gt;"",AW$157&lt;&gt;"")</formula>
    </cfRule>
    <cfRule type="expression" dxfId="3298" priority="4389">
      <formula>AND(AW$156="",AW$157="")</formula>
    </cfRule>
  </conditionalFormatting>
  <conditionalFormatting sqref="AW160">
    <cfRule type="expression" dxfId="3297" priority="4386">
      <formula>OR(AW$156&lt;&gt;"",AW$157&lt;&gt;"")</formula>
    </cfRule>
    <cfRule type="expression" dxfId="3296" priority="4387">
      <formula>AND(AW$156="",AW$157="")</formula>
    </cfRule>
  </conditionalFormatting>
  <conditionalFormatting sqref="AX158">
    <cfRule type="expression" dxfId="3295" priority="4380">
      <formula>OR(AX$156&lt;&gt;"",AX$157&lt;&gt;"")</formula>
    </cfRule>
    <cfRule type="expression" dxfId="3294" priority="4381">
      <formula>AND(AX$156="",AX$157="")</formula>
    </cfRule>
  </conditionalFormatting>
  <conditionalFormatting sqref="AX159">
    <cfRule type="expression" dxfId="3293" priority="4378">
      <formula>OR(AX$156&lt;&gt;"",AX$157&lt;&gt;"")</formula>
    </cfRule>
    <cfRule type="expression" dxfId="3292" priority="4379">
      <formula>AND(AX$156="",AX$157="")</formula>
    </cfRule>
  </conditionalFormatting>
  <conditionalFormatting sqref="AX160">
    <cfRule type="expression" dxfId="3291" priority="4376">
      <formula>OR(AX$156&lt;&gt;"",AX$157&lt;&gt;"")</formula>
    </cfRule>
    <cfRule type="expression" dxfId="3290" priority="4377">
      <formula>AND(AX$156="",AX$157="")</formula>
    </cfRule>
  </conditionalFormatting>
  <conditionalFormatting sqref="AY158">
    <cfRule type="expression" dxfId="3289" priority="4370">
      <formula>OR(AY$156&lt;&gt;"",AY$157&lt;&gt;"")</formula>
    </cfRule>
    <cfRule type="expression" dxfId="3288" priority="4371">
      <formula>AND(AY$156="",AY$157="")</formula>
    </cfRule>
  </conditionalFormatting>
  <conditionalFormatting sqref="AY159">
    <cfRule type="expression" dxfId="3287" priority="4368">
      <formula>OR(AY$156&lt;&gt;"",AY$157&lt;&gt;"")</formula>
    </cfRule>
    <cfRule type="expression" dxfId="3286" priority="4369">
      <formula>AND(AY$156="",AY$157="")</formula>
    </cfRule>
  </conditionalFormatting>
  <conditionalFormatting sqref="AY160">
    <cfRule type="expression" dxfId="3285" priority="4366">
      <formula>OR(AY$156&lt;&gt;"",AY$157&lt;&gt;"")</formula>
    </cfRule>
    <cfRule type="expression" dxfId="3284" priority="4367">
      <formula>AND(AY$156="",AY$157="")</formula>
    </cfRule>
  </conditionalFormatting>
  <conditionalFormatting sqref="AZ158">
    <cfRule type="expression" dxfId="3283" priority="4360">
      <formula>OR(AZ$156&lt;&gt;"",AZ$157&lt;&gt;"")</formula>
    </cfRule>
    <cfRule type="expression" dxfId="3282" priority="4361">
      <formula>AND(AZ$156="",AZ$157="")</formula>
    </cfRule>
  </conditionalFormatting>
  <conditionalFormatting sqref="AZ159">
    <cfRule type="expression" dxfId="3281" priority="4358">
      <formula>OR(AZ$156&lt;&gt;"",AZ$157&lt;&gt;"")</formula>
    </cfRule>
    <cfRule type="expression" dxfId="3280" priority="4359">
      <formula>AND(AZ$156="",AZ$157="")</formula>
    </cfRule>
  </conditionalFormatting>
  <conditionalFormatting sqref="AZ160">
    <cfRule type="expression" dxfId="3279" priority="4356">
      <formula>OR(AZ$156&lt;&gt;"",AZ$157&lt;&gt;"")</formula>
    </cfRule>
    <cfRule type="expression" dxfId="3278" priority="4357">
      <formula>AND(AZ$156="",AZ$157="")</formula>
    </cfRule>
  </conditionalFormatting>
  <conditionalFormatting sqref="BA158">
    <cfRule type="expression" dxfId="3277" priority="4350">
      <formula>OR(BA$156&lt;&gt;"",BA$157&lt;&gt;"")</formula>
    </cfRule>
    <cfRule type="expression" dxfId="3276" priority="4351">
      <formula>AND(BA$156="",BA$157="")</formula>
    </cfRule>
  </conditionalFormatting>
  <conditionalFormatting sqref="BA159">
    <cfRule type="expression" dxfId="3275" priority="4348">
      <formula>OR(BA$156&lt;&gt;"",BA$157&lt;&gt;"")</formula>
    </cfRule>
    <cfRule type="expression" dxfId="3274" priority="4349">
      <formula>AND(BA$156="",BA$157="")</formula>
    </cfRule>
  </conditionalFormatting>
  <conditionalFormatting sqref="BA160">
    <cfRule type="expression" dxfId="3273" priority="4346">
      <formula>OR(BA$156&lt;&gt;"",BA$157&lt;&gt;"")</formula>
    </cfRule>
    <cfRule type="expression" dxfId="3272" priority="4347">
      <formula>AND(BA$156="",BA$157="")</formula>
    </cfRule>
  </conditionalFormatting>
  <conditionalFormatting sqref="BB158">
    <cfRule type="expression" dxfId="3271" priority="4340">
      <formula>OR(BB$156&lt;&gt;"",BB$157&lt;&gt;"")</formula>
    </cfRule>
    <cfRule type="expression" dxfId="3270" priority="4341">
      <formula>AND(BB$156="",BB$157="")</formula>
    </cfRule>
  </conditionalFormatting>
  <conditionalFormatting sqref="BB159">
    <cfRule type="expression" dxfId="3269" priority="4338">
      <formula>OR(BB$156&lt;&gt;"",BB$157&lt;&gt;"")</formula>
    </cfRule>
    <cfRule type="expression" dxfId="3268" priority="4339">
      <formula>AND(BB$156="",BB$157="")</formula>
    </cfRule>
  </conditionalFormatting>
  <conditionalFormatting sqref="BB160">
    <cfRule type="expression" dxfId="3267" priority="4336">
      <formula>OR(BB$156&lt;&gt;"",BB$157&lt;&gt;"")</formula>
    </cfRule>
    <cfRule type="expression" dxfId="3266" priority="4337">
      <formula>AND(BB$156="",BB$157="")</formula>
    </cfRule>
  </conditionalFormatting>
  <conditionalFormatting sqref="BC158">
    <cfRule type="expression" dxfId="3265" priority="4330">
      <formula>OR(BC$156&lt;&gt;"",BC$157&lt;&gt;"")</formula>
    </cfRule>
    <cfRule type="expression" dxfId="3264" priority="4331">
      <formula>AND(BC$156="",BC$157="")</formula>
    </cfRule>
  </conditionalFormatting>
  <conditionalFormatting sqref="BC159">
    <cfRule type="expression" dxfId="3263" priority="4328">
      <formula>OR(BC$156&lt;&gt;"",BC$157&lt;&gt;"")</formula>
    </cfRule>
    <cfRule type="expression" dxfId="3262" priority="4329">
      <formula>AND(BC$156="",BC$157="")</formula>
    </cfRule>
  </conditionalFormatting>
  <conditionalFormatting sqref="BC160">
    <cfRule type="expression" dxfId="3261" priority="4326">
      <formula>OR(BC$156&lt;&gt;"",BC$157&lt;&gt;"")</formula>
    </cfRule>
    <cfRule type="expression" dxfId="3260" priority="4327">
      <formula>AND(BC$156="",BC$157="")</formula>
    </cfRule>
  </conditionalFormatting>
  <conditionalFormatting sqref="BD158">
    <cfRule type="expression" dxfId="3259" priority="4320">
      <formula>OR(BD$156&lt;&gt;"",BD$157&lt;&gt;"")</formula>
    </cfRule>
    <cfRule type="expression" dxfId="3258" priority="4321">
      <formula>AND(BD$156="",BD$157="")</formula>
    </cfRule>
  </conditionalFormatting>
  <conditionalFormatting sqref="BD159">
    <cfRule type="expression" dxfId="3257" priority="4318">
      <formula>OR(BD$156&lt;&gt;"",BD$157&lt;&gt;"")</formula>
    </cfRule>
    <cfRule type="expression" dxfId="3256" priority="4319">
      <formula>AND(BD$156="",BD$157="")</formula>
    </cfRule>
  </conditionalFormatting>
  <conditionalFormatting sqref="BD160">
    <cfRule type="expression" dxfId="3255" priority="4316">
      <formula>OR(BD$156&lt;&gt;"",BD$157&lt;&gt;"")</formula>
    </cfRule>
    <cfRule type="expression" dxfId="3254" priority="4317">
      <formula>AND(BD$156="",BD$157="")</formula>
    </cfRule>
  </conditionalFormatting>
  <conditionalFormatting sqref="BE158">
    <cfRule type="expression" dxfId="3253" priority="4310">
      <formula>OR(BE$156&lt;&gt;"",BE$157&lt;&gt;"")</formula>
    </cfRule>
    <cfRule type="expression" dxfId="3252" priority="4311">
      <formula>AND(BE$156="",BE$157="")</formula>
    </cfRule>
  </conditionalFormatting>
  <conditionalFormatting sqref="BE159">
    <cfRule type="expression" dxfId="3251" priority="4308">
      <formula>OR(BE$156&lt;&gt;"",BE$157&lt;&gt;"")</formula>
    </cfRule>
    <cfRule type="expression" dxfId="3250" priority="4309">
      <formula>AND(BE$156="",BE$157="")</formula>
    </cfRule>
  </conditionalFormatting>
  <conditionalFormatting sqref="BE160">
    <cfRule type="expression" dxfId="3249" priority="4306">
      <formula>OR(BE$156&lt;&gt;"",BE$157&lt;&gt;"")</formula>
    </cfRule>
    <cfRule type="expression" dxfId="3248" priority="4307">
      <formula>AND(BE$156="",BE$157="")</formula>
    </cfRule>
  </conditionalFormatting>
  <conditionalFormatting sqref="BF158">
    <cfRule type="expression" dxfId="3247" priority="4300">
      <formula>OR(BF$156&lt;&gt;"",BF$157&lt;&gt;"")</formula>
    </cfRule>
    <cfRule type="expression" dxfId="3246" priority="4301">
      <formula>AND(BF$156="",BF$157="")</formula>
    </cfRule>
  </conditionalFormatting>
  <conditionalFormatting sqref="BF159">
    <cfRule type="expression" dxfId="3245" priority="4298">
      <formula>OR(BF$156&lt;&gt;"",BF$157&lt;&gt;"")</formula>
    </cfRule>
    <cfRule type="expression" dxfId="3244" priority="4299">
      <formula>AND(BF$156="",BF$157="")</formula>
    </cfRule>
  </conditionalFormatting>
  <conditionalFormatting sqref="BF160">
    <cfRule type="expression" dxfId="3243" priority="4296">
      <formula>OR(BF$156&lt;&gt;"",BF$157&lt;&gt;"")</formula>
    </cfRule>
    <cfRule type="expression" dxfId="3242" priority="4297">
      <formula>AND(BF$156="",BF$157="")</formula>
    </cfRule>
  </conditionalFormatting>
  <conditionalFormatting sqref="BG158">
    <cfRule type="expression" dxfId="3241" priority="4290">
      <formula>OR(BG$156&lt;&gt;"",BG$157&lt;&gt;"")</formula>
    </cfRule>
    <cfRule type="expression" dxfId="3240" priority="4291">
      <formula>AND(BG$156="",BG$157="")</formula>
    </cfRule>
  </conditionalFormatting>
  <conditionalFormatting sqref="BG159">
    <cfRule type="expression" dxfId="3239" priority="4288">
      <formula>OR(BG$156&lt;&gt;"",BG$157&lt;&gt;"")</formula>
    </cfRule>
    <cfRule type="expression" dxfId="3238" priority="4289">
      <formula>AND(BG$156="",BG$157="")</formula>
    </cfRule>
  </conditionalFormatting>
  <conditionalFormatting sqref="BG160">
    <cfRule type="expression" dxfId="3237" priority="4286">
      <formula>OR(BG$156&lt;&gt;"",BG$157&lt;&gt;"")</formula>
    </cfRule>
    <cfRule type="expression" dxfId="3236" priority="4287">
      <formula>AND(BG$156="",BG$157="")</formula>
    </cfRule>
  </conditionalFormatting>
  <conditionalFormatting sqref="BH158">
    <cfRule type="expression" dxfId="3235" priority="4280">
      <formula>OR(BH$156&lt;&gt;"",BH$157&lt;&gt;"")</formula>
    </cfRule>
    <cfRule type="expression" dxfId="3234" priority="4281">
      <formula>AND(BH$156="",BH$157="")</formula>
    </cfRule>
  </conditionalFormatting>
  <conditionalFormatting sqref="BH159">
    <cfRule type="expression" dxfId="3233" priority="4278">
      <formula>OR(BH$156&lt;&gt;"",BH$157&lt;&gt;"")</formula>
    </cfRule>
    <cfRule type="expression" dxfId="3232" priority="4279">
      <formula>AND(BH$156="",BH$157="")</formula>
    </cfRule>
  </conditionalFormatting>
  <conditionalFormatting sqref="BH160">
    <cfRule type="expression" dxfId="3231" priority="4276">
      <formula>OR(BH$156&lt;&gt;"",BH$157&lt;&gt;"")</formula>
    </cfRule>
    <cfRule type="expression" dxfId="3230" priority="4277">
      <formula>AND(BH$156="",BH$157="")</formula>
    </cfRule>
  </conditionalFormatting>
  <conditionalFormatting sqref="BI158">
    <cfRule type="expression" dxfId="3229" priority="4270">
      <formula>OR(BI$156&lt;&gt;"",BI$157&lt;&gt;"")</formula>
    </cfRule>
    <cfRule type="expression" dxfId="3228" priority="4271">
      <formula>AND(BI$156="",BI$157="")</formula>
    </cfRule>
  </conditionalFormatting>
  <conditionalFormatting sqref="BI159">
    <cfRule type="expression" dxfId="3227" priority="4268">
      <formula>OR(BI$156&lt;&gt;"",BI$157&lt;&gt;"")</formula>
    </cfRule>
    <cfRule type="expression" dxfId="3226" priority="4269">
      <formula>AND(BI$156="",BI$157="")</formula>
    </cfRule>
  </conditionalFormatting>
  <conditionalFormatting sqref="BI160">
    <cfRule type="expression" dxfId="3225" priority="4266">
      <formula>OR(BI$156&lt;&gt;"",BI$157&lt;&gt;"")</formula>
    </cfRule>
    <cfRule type="expression" dxfId="3224" priority="4267">
      <formula>AND(BI$156="",BI$157="")</formula>
    </cfRule>
  </conditionalFormatting>
  <conditionalFormatting sqref="BJ158">
    <cfRule type="expression" dxfId="3223" priority="4260">
      <formula>OR(BJ$156&lt;&gt;"",BJ$157&lt;&gt;"")</formula>
    </cfRule>
    <cfRule type="expression" dxfId="3222" priority="4261">
      <formula>AND(BJ$156="",BJ$157="")</formula>
    </cfRule>
  </conditionalFormatting>
  <conditionalFormatting sqref="BJ159">
    <cfRule type="expression" dxfId="3221" priority="4258">
      <formula>OR(BJ$156&lt;&gt;"",BJ$157&lt;&gt;"")</formula>
    </cfRule>
    <cfRule type="expression" dxfId="3220" priority="4259">
      <formula>AND(BJ$156="",BJ$157="")</formula>
    </cfRule>
  </conditionalFormatting>
  <conditionalFormatting sqref="BJ160">
    <cfRule type="expression" dxfId="3219" priority="4256">
      <formula>OR(BJ$156&lt;&gt;"",BJ$157&lt;&gt;"")</formula>
    </cfRule>
    <cfRule type="expression" dxfId="3218" priority="4257">
      <formula>AND(BJ$156="",BJ$157="")</formula>
    </cfRule>
  </conditionalFormatting>
  <conditionalFormatting sqref="BK158">
    <cfRule type="expression" dxfId="3217" priority="4250">
      <formula>OR(BK$156&lt;&gt;"",BK$157&lt;&gt;"")</formula>
    </cfRule>
    <cfRule type="expression" dxfId="3216" priority="4251">
      <formula>AND(BK$156="",BK$157="")</formula>
    </cfRule>
  </conditionalFormatting>
  <conditionalFormatting sqref="BK159">
    <cfRule type="expression" dxfId="3215" priority="4248">
      <formula>OR(BK$156&lt;&gt;"",BK$157&lt;&gt;"")</formula>
    </cfRule>
    <cfRule type="expression" dxfId="3214" priority="4249">
      <formula>AND(BK$156="",BK$157="")</formula>
    </cfRule>
  </conditionalFormatting>
  <conditionalFormatting sqref="BK160">
    <cfRule type="expression" dxfId="3213" priority="4246">
      <formula>OR(BK$156&lt;&gt;"",BK$157&lt;&gt;"")</formula>
    </cfRule>
    <cfRule type="expression" dxfId="3212" priority="4247">
      <formula>AND(BK$156="",BK$157="")</formula>
    </cfRule>
  </conditionalFormatting>
  <conditionalFormatting sqref="BL158">
    <cfRule type="expression" dxfId="3211" priority="4240">
      <formula>OR(BL$156&lt;&gt;"",BL$157&lt;&gt;"")</formula>
    </cfRule>
    <cfRule type="expression" dxfId="3210" priority="4241">
      <formula>AND(BL$156="",BL$157="")</formula>
    </cfRule>
  </conditionalFormatting>
  <conditionalFormatting sqref="BL159">
    <cfRule type="expression" dxfId="3209" priority="4238">
      <formula>OR(BL$156&lt;&gt;"",BL$157&lt;&gt;"")</formula>
    </cfRule>
    <cfRule type="expression" dxfId="3208" priority="4239">
      <formula>AND(BL$156="",BL$157="")</formula>
    </cfRule>
  </conditionalFormatting>
  <conditionalFormatting sqref="BL160">
    <cfRule type="expression" dxfId="3207" priority="4236">
      <formula>OR(BL$156&lt;&gt;"",BL$157&lt;&gt;"")</formula>
    </cfRule>
    <cfRule type="expression" dxfId="3206" priority="4237">
      <formula>AND(BL$156="",BL$157="")</formula>
    </cfRule>
  </conditionalFormatting>
  <conditionalFormatting sqref="BM158">
    <cfRule type="expression" dxfId="3205" priority="4230">
      <formula>OR(BM$156&lt;&gt;"",BM$157&lt;&gt;"")</formula>
    </cfRule>
    <cfRule type="expression" dxfId="3204" priority="4231">
      <formula>AND(BM$156="",BM$157="")</formula>
    </cfRule>
  </conditionalFormatting>
  <conditionalFormatting sqref="BM159">
    <cfRule type="expression" dxfId="3203" priority="4228">
      <formula>OR(BM$156&lt;&gt;"",BM$157&lt;&gt;"")</formula>
    </cfRule>
    <cfRule type="expression" dxfId="3202" priority="4229">
      <formula>AND(BM$156="",BM$157="")</formula>
    </cfRule>
  </conditionalFormatting>
  <conditionalFormatting sqref="BM160">
    <cfRule type="expression" dxfId="3201" priority="4226">
      <formula>OR(BM$156&lt;&gt;"",BM$157&lt;&gt;"")</formula>
    </cfRule>
    <cfRule type="expression" dxfId="3200" priority="4227">
      <formula>AND(BM$156="",BM$157="")</formula>
    </cfRule>
  </conditionalFormatting>
  <conditionalFormatting sqref="BN158">
    <cfRule type="expression" dxfId="3199" priority="4220">
      <formula>OR(BN$156&lt;&gt;"",BN$157&lt;&gt;"")</formula>
    </cfRule>
    <cfRule type="expression" dxfId="3198" priority="4221">
      <formula>AND(BN$156="",BN$157="")</formula>
    </cfRule>
  </conditionalFormatting>
  <conditionalFormatting sqref="BN159">
    <cfRule type="expression" dxfId="3197" priority="4218">
      <formula>OR(BN$156&lt;&gt;"",BN$157&lt;&gt;"")</formula>
    </cfRule>
    <cfRule type="expression" dxfId="3196" priority="4219">
      <formula>AND(BN$156="",BN$157="")</formula>
    </cfRule>
  </conditionalFormatting>
  <conditionalFormatting sqref="BN160">
    <cfRule type="expression" dxfId="3195" priority="4216">
      <formula>OR(BN$156&lt;&gt;"",BN$157&lt;&gt;"")</formula>
    </cfRule>
    <cfRule type="expression" dxfId="3194" priority="4217">
      <formula>AND(BN$156="",BN$157="")</formula>
    </cfRule>
  </conditionalFormatting>
  <conditionalFormatting sqref="BO158">
    <cfRule type="expression" dxfId="3193" priority="4210">
      <formula>OR(BO$156&lt;&gt;"",BO$157&lt;&gt;"")</formula>
    </cfRule>
    <cfRule type="expression" dxfId="3192" priority="4211">
      <formula>AND(BO$156="",BO$157="")</formula>
    </cfRule>
  </conditionalFormatting>
  <conditionalFormatting sqref="BO159">
    <cfRule type="expression" dxfId="3191" priority="4208">
      <formula>OR(BO$156&lt;&gt;"",BO$157&lt;&gt;"")</formula>
    </cfRule>
    <cfRule type="expression" dxfId="3190" priority="4209">
      <formula>AND(BO$156="",BO$157="")</formula>
    </cfRule>
  </conditionalFormatting>
  <conditionalFormatting sqref="BO160">
    <cfRule type="expression" dxfId="3189" priority="4206">
      <formula>OR(BO$156&lt;&gt;"",BO$157&lt;&gt;"")</formula>
    </cfRule>
    <cfRule type="expression" dxfId="3188" priority="4207">
      <formula>AND(BO$156="",BO$157="")</formula>
    </cfRule>
  </conditionalFormatting>
  <conditionalFormatting sqref="BP158">
    <cfRule type="expression" dxfId="3187" priority="4200">
      <formula>OR(BP$156&lt;&gt;"",BP$157&lt;&gt;"")</formula>
    </cfRule>
    <cfRule type="expression" dxfId="3186" priority="4201">
      <formula>AND(BP$156="",BP$157="")</formula>
    </cfRule>
  </conditionalFormatting>
  <conditionalFormatting sqref="BP159">
    <cfRule type="expression" dxfId="3185" priority="4198">
      <formula>OR(BP$156&lt;&gt;"",BP$157&lt;&gt;"")</formula>
    </cfRule>
    <cfRule type="expression" dxfId="3184" priority="4199">
      <formula>AND(BP$156="",BP$157="")</formula>
    </cfRule>
  </conditionalFormatting>
  <conditionalFormatting sqref="BP160">
    <cfRule type="expression" dxfId="3183" priority="4196">
      <formula>OR(BP$156&lt;&gt;"",BP$157&lt;&gt;"")</formula>
    </cfRule>
    <cfRule type="expression" dxfId="3182" priority="4197">
      <formula>AND(BP$156="",BP$157="")</formula>
    </cfRule>
  </conditionalFormatting>
  <conditionalFormatting sqref="BQ158">
    <cfRule type="expression" dxfId="3181" priority="4190">
      <formula>OR(BQ$156&lt;&gt;"",BQ$157&lt;&gt;"")</formula>
    </cfRule>
    <cfRule type="expression" dxfId="3180" priority="4191">
      <formula>AND(BQ$156="",BQ$157="")</formula>
    </cfRule>
  </conditionalFormatting>
  <conditionalFormatting sqref="BQ159">
    <cfRule type="expression" dxfId="3179" priority="4188">
      <formula>OR(BQ$156&lt;&gt;"",BQ$157&lt;&gt;"")</formula>
    </cfRule>
    <cfRule type="expression" dxfId="3178" priority="4189">
      <formula>AND(BQ$156="",BQ$157="")</formula>
    </cfRule>
  </conditionalFormatting>
  <conditionalFormatting sqref="BQ160">
    <cfRule type="expression" dxfId="3177" priority="4186">
      <formula>OR(BQ$156&lt;&gt;"",BQ$157&lt;&gt;"")</formula>
    </cfRule>
    <cfRule type="expression" dxfId="3176" priority="4187">
      <formula>AND(BQ$156="",BQ$157="")</formula>
    </cfRule>
  </conditionalFormatting>
  <conditionalFormatting sqref="BR158">
    <cfRule type="expression" dxfId="3175" priority="4180">
      <formula>OR(BR$156&lt;&gt;"",BR$157&lt;&gt;"")</formula>
    </cfRule>
    <cfRule type="expression" dxfId="3174" priority="4181">
      <formula>AND(BR$156="",BR$157="")</formula>
    </cfRule>
  </conditionalFormatting>
  <conditionalFormatting sqref="BR159">
    <cfRule type="expression" dxfId="3173" priority="4178">
      <formula>OR(BR$156&lt;&gt;"",BR$157&lt;&gt;"")</formula>
    </cfRule>
    <cfRule type="expression" dxfId="3172" priority="4179">
      <formula>AND(BR$156="",BR$157="")</formula>
    </cfRule>
  </conditionalFormatting>
  <conditionalFormatting sqref="BR160">
    <cfRule type="expression" dxfId="3171" priority="4176">
      <formula>OR(BR$156&lt;&gt;"",BR$157&lt;&gt;"")</formula>
    </cfRule>
    <cfRule type="expression" dxfId="3170" priority="4177">
      <formula>AND(BR$156="",BR$157="")</formula>
    </cfRule>
  </conditionalFormatting>
  <conditionalFormatting sqref="BS158">
    <cfRule type="expression" dxfId="3169" priority="4170">
      <formula>OR(BS$156&lt;&gt;"",BS$157&lt;&gt;"")</formula>
    </cfRule>
    <cfRule type="expression" dxfId="3168" priority="4171">
      <formula>AND(BS$156="",BS$157="")</formula>
    </cfRule>
  </conditionalFormatting>
  <conditionalFormatting sqref="BS159">
    <cfRule type="expression" dxfId="3167" priority="4168">
      <formula>OR(BS$156&lt;&gt;"",BS$157&lt;&gt;"")</formula>
    </cfRule>
    <cfRule type="expression" dxfId="3166" priority="4169">
      <formula>AND(BS$156="",BS$157="")</formula>
    </cfRule>
  </conditionalFormatting>
  <conditionalFormatting sqref="BS160">
    <cfRule type="expression" dxfId="3165" priority="4166">
      <formula>OR(BS$156&lt;&gt;"",BS$157&lt;&gt;"")</formula>
    </cfRule>
    <cfRule type="expression" dxfId="3164" priority="4167">
      <formula>AND(BS$156="",BS$157="")</formula>
    </cfRule>
  </conditionalFormatting>
  <conditionalFormatting sqref="M166:M167">
    <cfRule type="expression" dxfId="3163" priority="4164">
      <formula>OR(M$166&lt;&gt;"",M$167&lt;&gt;"")</formula>
    </cfRule>
    <cfRule type="expression" dxfId="3162" priority="4165">
      <formula>AND(M$166="",M$167="")</formula>
    </cfRule>
  </conditionalFormatting>
  <conditionalFormatting sqref="N166:N167">
    <cfRule type="expression" dxfId="3161" priority="4160">
      <formula>OR(N$166&lt;&gt;"",N$167&lt;&gt;"")</formula>
    </cfRule>
    <cfRule type="expression" dxfId="3160" priority="4161">
      <formula>AND(N$166="",N$167="")</formula>
    </cfRule>
  </conditionalFormatting>
  <conditionalFormatting sqref="N168">
    <cfRule type="expression" dxfId="3159" priority="4156">
      <formula>OR(N$166&lt;&gt;"",N$167&lt;&gt;"")</formula>
    </cfRule>
    <cfRule type="expression" dxfId="3158" priority="4157">
      <formula>AND(N$166="",N$167="")</formula>
    </cfRule>
  </conditionalFormatting>
  <conditionalFormatting sqref="M168">
    <cfRule type="expression" dxfId="3157" priority="4154">
      <formula>OR($M$166&lt;&gt;"",$M$167&lt;&gt;"")</formula>
    </cfRule>
    <cfRule type="expression" dxfId="3156" priority="4155">
      <formula>AND($M$166="",$M$167="")</formula>
    </cfRule>
  </conditionalFormatting>
  <conditionalFormatting sqref="N169">
    <cfRule type="expression" dxfId="3155" priority="4152">
      <formula>OR(N$166&lt;&gt;"",N$167&lt;&gt;"")</formula>
    </cfRule>
    <cfRule type="expression" dxfId="3154" priority="4153">
      <formula>AND(N$166="",N$167="")</formula>
    </cfRule>
  </conditionalFormatting>
  <conditionalFormatting sqref="M169">
    <cfRule type="expression" dxfId="3153" priority="4150">
      <formula>OR($M$166&lt;&gt;"",$M$167&lt;&gt;"")</formula>
    </cfRule>
    <cfRule type="expression" dxfId="3152" priority="4151">
      <formula>AND($M$166="",$M$167="")</formula>
    </cfRule>
  </conditionalFormatting>
  <conditionalFormatting sqref="O168">
    <cfRule type="expression" dxfId="3151" priority="4144">
      <formula>OR(O$166&lt;&gt;"",O$167&lt;&gt;"")</formula>
    </cfRule>
    <cfRule type="expression" dxfId="3150" priority="4145">
      <formula>AND(O$166="",O$167="")</formula>
    </cfRule>
  </conditionalFormatting>
  <conditionalFormatting sqref="O169">
    <cfRule type="expression" dxfId="3149" priority="4142">
      <formula>OR(O$166&lt;&gt;"",O$167&lt;&gt;"")</formula>
    </cfRule>
    <cfRule type="expression" dxfId="3148" priority="4143">
      <formula>AND(O$166="",O$167="")</formula>
    </cfRule>
  </conditionalFormatting>
  <conditionalFormatting sqref="P168">
    <cfRule type="expression" dxfId="3147" priority="4136">
      <formula>OR(P$166&lt;&gt;"",P$167&lt;&gt;"")</formula>
    </cfRule>
    <cfRule type="expression" dxfId="3146" priority="4137">
      <formula>AND(P$166="",P$167="")</formula>
    </cfRule>
  </conditionalFormatting>
  <conditionalFormatting sqref="P169">
    <cfRule type="expression" dxfId="3145" priority="4134">
      <formula>OR(P$166&lt;&gt;"",P$167&lt;&gt;"")</formula>
    </cfRule>
    <cfRule type="expression" dxfId="3144" priority="4135">
      <formula>AND(P$166="",P$167="")</formula>
    </cfRule>
  </conditionalFormatting>
  <conditionalFormatting sqref="Q168">
    <cfRule type="expression" dxfId="3143" priority="4128">
      <formula>OR(Q$166&lt;&gt;"",Q$167&lt;&gt;"")</formula>
    </cfRule>
    <cfRule type="expression" dxfId="3142" priority="4129">
      <formula>AND(Q$166="",Q$167="")</formula>
    </cfRule>
  </conditionalFormatting>
  <conditionalFormatting sqref="Q169">
    <cfRule type="expression" dxfId="3141" priority="4126">
      <formula>OR(Q$166&lt;&gt;"",Q$167&lt;&gt;"")</formula>
    </cfRule>
    <cfRule type="expression" dxfId="3140" priority="4127">
      <formula>AND(Q$166="",Q$167="")</formula>
    </cfRule>
  </conditionalFormatting>
  <conditionalFormatting sqref="R168">
    <cfRule type="expression" dxfId="3139" priority="4120">
      <formula>OR(R$166&lt;&gt;"",R$167&lt;&gt;"")</formula>
    </cfRule>
    <cfRule type="expression" dxfId="3138" priority="4121">
      <formula>AND(R$166="",R$167="")</formula>
    </cfRule>
  </conditionalFormatting>
  <conditionalFormatting sqref="R169">
    <cfRule type="expression" dxfId="3137" priority="4118">
      <formula>OR(R$166&lt;&gt;"",R$167&lt;&gt;"")</formula>
    </cfRule>
    <cfRule type="expression" dxfId="3136" priority="4119">
      <formula>AND(R$166="",R$167="")</formula>
    </cfRule>
  </conditionalFormatting>
  <conditionalFormatting sqref="S168">
    <cfRule type="expression" dxfId="3135" priority="4112">
      <formula>OR(S$166&lt;&gt;"",S$167&lt;&gt;"")</formula>
    </cfRule>
    <cfRule type="expression" dxfId="3134" priority="4113">
      <formula>AND(S$166="",S$167="")</formula>
    </cfRule>
  </conditionalFormatting>
  <conditionalFormatting sqref="S169">
    <cfRule type="expression" dxfId="3133" priority="4110">
      <formula>OR(S$166&lt;&gt;"",S$167&lt;&gt;"")</formula>
    </cfRule>
    <cfRule type="expression" dxfId="3132" priority="4111">
      <formula>AND(S$166="",S$167="")</formula>
    </cfRule>
  </conditionalFormatting>
  <conditionalFormatting sqref="T168">
    <cfRule type="expression" dxfId="3131" priority="4104">
      <formula>OR(T$166&lt;&gt;"",T$167&lt;&gt;"")</formula>
    </cfRule>
    <cfRule type="expression" dxfId="3130" priority="4105">
      <formula>AND(T$166="",T$167="")</formula>
    </cfRule>
  </conditionalFormatting>
  <conditionalFormatting sqref="T169">
    <cfRule type="expression" dxfId="3129" priority="4102">
      <formula>OR(T$166&lt;&gt;"",T$167&lt;&gt;"")</formula>
    </cfRule>
    <cfRule type="expression" dxfId="3128" priority="4103">
      <formula>AND(T$166="",T$167="")</formula>
    </cfRule>
  </conditionalFormatting>
  <conditionalFormatting sqref="U168">
    <cfRule type="expression" dxfId="3127" priority="4096">
      <formula>OR(U$166&lt;&gt;"",U$167&lt;&gt;"")</formula>
    </cfRule>
    <cfRule type="expression" dxfId="3126" priority="4097">
      <formula>AND(U$166="",U$167="")</formula>
    </cfRule>
  </conditionalFormatting>
  <conditionalFormatting sqref="U169">
    <cfRule type="expression" dxfId="3125" priority="4094">
      <formula>OR(U$166&lt;&gt;"",U$167&lt;&gt;"")</formula>
    </cfRule>
    <cfRule type="expression" dxfId="3124" priority="4095">
      <formula>AND(U$166="",U$167="")</formula>
    </cfRule>
  </conditionalFormatting>
  <conditionalFormatting sqref="V168">
    <cfRule type="expression" dxfId="3123" priority="4088">
      <formula>OR(V$166&lt;&gt;"",V$167&lt;&gt;"")</formula>
    </cfRule>
    <cfRule type="expression" dxfId="3122" priority="4089">
      <formula>AND(V$166="",V$167="")</formula>
    </cfRule>
  </conditionalFormatting>
  <conditionalFormatting sqref="V169">
    <cfRule type="expression" dxfId="3121" priority="4086">
      <formula>OR(V$166&lt;&gt;"",V$167&lt;&gt;"")</formula>
    </cfRule>
    <cfRule type="expression" dxfId="3120" priority="4087">
      <formula>AND(V$166="",V$167="")</formula>
    </cfRule>
  </conditionalFormatting>
  <conditionalFormatting sqref="W168">
    <cfRule type="expression" dxfId="3119" priority="4080">
      <formula>OR(W$166&lt;&gt;"",W$167&lt;&gt;"")</formula>
    </cfRule>
    <cfRule type="expression" dxfId="3118" priority="4081">
      <formula>AND(W$166="",W$167="")</formula>
    </cfRule>
  </conditionalFormatting>
  <conditionalFormatting sqref="W169">
    <cfRule type="expression" dxfId="3117" priority="4078">
      <formula>OR(W$166&lt;&gt;"",W$167&lt;&gt;"")</formula>
    </cfRule>
    <cfRule type="expression" dxfId="3116" priority="4079">
      <formula>AND(W$166="",W$167="")</formula>
    </cfRule>
  </conditionalFormatting>
  <conditionalFormatting sqref="X168">
    <cfRule type="expression" dxfId="3115" priority="4072">
      <formula>OR(X$166&lt;&gt;"",X$167&lt;&gt;"")</formula>
    </cfRule>
    <cfRule type="expression" dxfId="3114" priority="4073">
      <formula>AND(X$166="",X$167="")</formula>
    </cfRule>
  </conditionalFormatting>
  <conditionalFormatting sqref="X169">
    <cfRule type="expression" dxfId="3113" priority="4070">
      <formula>OR(X$166&lt;&gt;"",X$167&lt;&gt;"")</formula>
    </cfRule>
    <cfRule type="expression" dxfId="3112" priority="4071">
      <formula>AND(X$166="",X$167="")</formula>
    </cfRule>
  </conditionalFormatting>
  <conditionalFormatting sqref="Y168">
    <cfRule type="expression" dxfId="3111" priority="4064">
      <formula>OR(Y$166&lt;&gt;"",Y$167&lt;&gt;"")</formula>
    </cfRule>
    <cfRule type="expression" dxfId="3110" priority="4065">
      <formula>AND(Y$166="",Y$167="")</formula>
    </cfRule>
  </conditionalFormatting>
  <conditionalFormatting sqref="Y169">
    <cfRule type="expression" dxfId="3109" priority="4062">
      <formula>OR(Y$166&lt;&gt;"",Y$167&lt;&gt;"")</formula>
    </cfRule>
    <cfRule type="expression" dxfId="3108" priority="4063">
      <formula>AND(Y$166="",Y$167="")</formula>
    </cfRule>
  </conditionalFormatting>
  <conditionalFormatting sqref="Z168">
    <cfRule type="expression" dxfId="3107" priority="4056">
      <formula>OR(Z$166&lt;&gt;"",Z$167&lt;&gt;"")</formula>
    </cfRule>
    <cfRule type="expression" dxfId="3106" priority="4057">
      <formula>AND(Z$166="",Z$167="")</formula>
    </cfRule>
  </conditionalFormatting>
  <conditionalFormatting sqref="Z169">
    <cfRule type="expression" dxfId="3105" priority="4054">
      <formula>OR(Z$166&lt;&gt;"",Z$167&lt;&gt;"")</formula>
    </cfRule>
    <cfRule type="expression" dxfId="3104" priority="4055">
      <formula>AND(Z$166="",Z$167="")</formula>
    </cfRule>
  </conditionalFormatting>
  <conditionalFormatting sqref="AA168">
    <cfRule type="expression" dxfId="3103" priority="4048">
      <formula>OR(AA$166&lt;&gt;"",AA$167&lt;&gt;"")</formula>
    </cfRule>
    <cfRule type="expression" dxfId="3102" priority="4049">
      <formula>AND(AA$166="",AA$167="")</formula>
    </cfRule>
  </conditionalFormatting>
  <conditionalFormatting sqref="AA169">
    <cfRule type="expression" dxfId="3101" priority="4046">
      <formula>OR(AA$166&lt;&gt;"",AA$167&lt;&gt;"")</formula>
    </cfRule>
    <cfRule type="expression" dxfId="3100" priority="4047">
      <formula>AND(AA$166="",AA$167="")</formula>
    </cfRule>
  </conditionalFormatting>
  <conditionalFormatting sqref="AB168">
    <cfRule type="expression" dxfId="3099" priority="4040">
      <formula>OR(AB$166&lt;&gt;"",AB$167&lt;&gt;"")</formula>
    </cfRule>
    <cfRule type="expression" dxfId="3098" priority="4041">
      <formula>AND(AB$166="",AB$167="")</formula>
    </cfRule>
  </conditionalFormatting>
  <conditionalFormatting sqref="AB169">
    <cfRule type="expression" dxfId="3097" priority="4038">
      <formula>OR(AB$166&lt;&gt;"",AB$167&lt;&gt;"")</formula>
    </cfRule>
    <cfRule type="expression" dxfId="3096" priority="4039">
      <formula>AND(AB$166="",AB$167="")</formula>
    </cfRule>
  </conditionalFormatting>
  <conditionalFormatting sqref="AC168">
    <cfRule type="expression" dxfId="3095" priority="4032">
      <formula>OR(AC$166&lt;&gt;"",AC$167&lt;&gt;"")</formula>
    </cfRule>
    <cfRule type="expression" dxfId="3094" priority="4033">
      <formula>AND(AC$166="",AC$167="")</formula>
    </cfRule>
  </conditionalFormatting>
  <conditionalFormatting sqref="AC169">
    <cfRule type="expression" dxfId="3093" priority="4030">
      <formula>OR(AC$166&lt;&gt;"",AC$167&lt;&gt;"")</formula>
    </cfRule>
    <cfRule type="expression" dxfId="3092" priority="4031">
      <formula>AND(AC$166="",AC$167="")</formula>
    </cfRule>
  </conditionalFormatting>
  <conditionalFormatting sqref="AD168">
    <cfRule type="expression" dxfId="3091" priority="4024">
      <formula>OR(AD$166&lt;&gt;"",AD$167&lt;&gt;"")</formula>
    </cfRule>
    <cfRule type="expression" dxfId="3090" priority="4025">
      <formula>AND(AD$166="",AD$167="")</formula>
    </cfRule>
  </conditionalFormatting>
  <conditionalFormatting sqref="AD169">
    <cfRule type="expression" dxfId="3089" priority="4022">
      <formula>OR(AD$166&lt;&gt;"",AD$167&lt;&gt;"")</formula>
    </cfRule>
    <cfRule type="expression" dxfId="3088" priority="4023">
      <formula>AND(AD$166="",AD$167="")</formula>
    </cfRule>
  </conditionalFormatting>
  <conditionalFormatting sqref="AE168">
    <cfRule type="expression" dxfId="3087" priority="4016">
      <formula>OR(AE$166&lt;&gt;"",AE$167&lt;&gt;"")</formula>
    </cfRule>
    <cfRule type="expression" dxfId="3086" priority="4017">
      <formula>AND(AE$166="",AE$167="")</formula>
    </cfRule>
  </conditionalFormatting>
  <conditionalFormatting sqref="AE169">
    <cfRule type="expression" dxfId="3085" priority="4014">
      <formula>OR(AE$166&lt;&gt;"",AE$167&lt;&gt;"")</formula>
    </cfRule>
    <cfRule type="expression" dxfId="3084" priority="4015">
      <formula>AND(AE$166="",AE$167="")</formula>
    </cfRule>
  </conditionalFormatting>
  <conditionalFormatting sqref="AF168">
    <cfRule type="expression" dxfId="3083" priority="4008">
      <formula>OR(AF$166&lt;&gt;"",AF$167&lt;&gt;"")</formula>
    </cfRule>
    <cfRule type="expression" dxfId="3082" priority="4009">
      <formula>AND(AF$166="",AF$167="")</formula>
    </cfRule>
  </conditionalFormatting>
  <conditionalFormatting sqref="AF169">
    <cfRule type="expression" dxfId="3081" priority="4006">
      <formula>OR(AF$166&lt;&gt;"",AF$167&lt;&gt;"")</formula>
    </cfRule>
    <cfRule type="expression" dxfId="3080" priority="4007">
      <formula>AND(AF$166="",AF$167="")</formula>
    </cfRule>
  </conditionalFormatting>
  <conditionalFormatting sqref="AG168">
    <cfRule type="expression" dxfId="3079" priority="4000">
      <formula>OR(AG$166&lt;&gt;"",AG$167&lt;&gt;"")</formula>
    </cfRule>
    <cfRule type="expression" dxfId="3078" priority="4001">
      <formula>AND(AG$166="",AG$167="")</formula>
    </cfRule>
  </conditionalFormatting>
  <conditionalFormatting sqref="AG169">
    <cfRule type="expression" dxfId="3077" priority="3998">
      <formula>OR(AG$166&lt;&gt;"",AG$167&lt;&gt;"")</formula>
    </cfRule>
    <cfRule type="expression" dxfId="3076" priority="3999">
      <formula>AND(AG$166="",AG$167="")</formula>
    </cfRule>
  </conditionalFormatting>
  <conditionalFormatting sqref="AH168">
    <cfRule type="expression" dxfId="3075" priority="3992">
      <formula>OR(AH$166&lt;&gt;"",AH$167&lt;&gt;"")</formula>
    </cfRule>
    <cfRule type="expression" dxfId="3074" priority="3993">
      <formula>AND(AH$166="",AH$167="")</formula>
    </cfRule>
  </conditionalFormatting>
  <conditionalFormatting sqref="AH169">
    <cfRule type="expression" dxfId="3073" priority="3990">
      <formula>OR(AH$166&lt;&gt;"",AH$167&lt;&gt;"")</formula>
    </cfRule>
    <cfRule type="expression" dxfId="3072" priority="3991">
      <formula>AND(AH$166="",AH$167="")</formula>
    </cfRule>
  </conditionalFormatting>
  <conditionalFormatting sqref="AI168">
    <cfRule type="expression" dxfId="3071" priority="3984">
      <formula>OR(AI$166&lt;&gt;"",AI$167&lt;&gt;"")</formula>
    </cfRule>
    <cfRule type="expression" dxfId="3070" priority="3985">
      <formula>AND(AI$166="",AI$167="")</formula>
    </cfRule>
  </conditionalFormatting>
  <conditionalFormatting sqref="AI169">
    <cfRule type="expression" dxfId="3069" priority="3982">
      <formula>OR(AI$166&lt;&gt;"",AI$167&lt;&gt;"")</formula>
    </cfRule>
    <cfRule type="expression" dxfId="3068" priority="3983">
      <formula>AND(AI$166="",AI$167="")</formula>
    </cfRule>
  </conditionalFormatting>
  <conditionalFormatting sqref="AJ168">
    <cfRule type="expression" dxfId="3067" priority="3976">
      <formula>OR(AJ$166&lt;&gt;"",AJ$167&lt;&gt;"")</formula>
    </cfRule>
    <cfRule type="expression" dxfId="3066" priority="3977">
      <formula>AND(AJ$166="",AJ$167="")</formula>
    </cfRule>
  </conditionalFormatting>
  <conditionalFormatting sqref="AJ169">
    <cfRule type="expression" dxfId="3065" priority="3974">
      <formula>OR(AJ$166&lt;&gt;"",AJ$167&lt;&gt;"")</formula>
    </cfRule>
    <cfRule type="expression" dxfId="3064" priority="3975">
      <formula>AND(AJ$166="",AJ$167="")</formula>
    </cfRule>
  </conditionalFormatting>
  <conditionalFormatting sqref="AK168">
    <cfRule type="expression" dxfId="3063" priority="3968">
      <formula>OR(AK$166&lt;&gt;"",AK$167&lt;&gt;"")</formula>
    </cfRule>
    <cfRule type="expression" dxfId="3062" priority="3969">
      <formula>AND(AK$166="",AK$167="")</formula>
    </cfRule>
  </conditionalFormatting>
  <conditionalFormatting sqref="AK169">
    <cfRule type="expression" dxfId="3061" priority="3966">
      <formula>OR(AK$166&lt;&gt;"",AK$167&lt;&gt;"")</formula>
    </cfRule>
    <cfRule type="expression" dxfId="3060" priority="3967">
      <formula>AND(AK$166="",AK$167="")</formula>
    </cfRule>
  </conditionalFormatting>
  <conditionalFormatting sqref="AL168">
    <cfRule type="expression" dxfId="3059" priority="3960">
      <formula>OR(AL$166&lt;&gt;"",AL$167&lt;&gt;"")</formula>
    </cfRule>
    <cfRule type="expression" dxfId="3058" priority="3961">
      <formula>AND(AL$166="",AL$167="")</formula>
    </cfRule>
  </conditionalFormatting>
  <conditionalFormatting sqref="AL169">
    <cfRule type="expression" dxfId="3057" priority="3958">
      <formula>OR(AL$166&lt;&gt;"",AL$167&lt;&gt;"")</formula>
    </cfRule>
    <cfRule type="expression" dxfId="3056" priority="3959">
      <formula>AND(AL$166="",AL$167="")</formula>
    </cfRule>
  </conditionalFormatting>
  <conditionalFormatting sqref="AM168">
    <cfRule type="expression" dxfId="3055" priority="3952">
      <formula>OR(AM$166&lt;&gt;"",AM$167&lt;&gt;"")</formula>
    </cfRule>
    <cfRule type="expression" dxfId="3054" priority="3953">
      <formula>AND(AM$166="",AM$167="")</formula>
    </cfRule>
  </conditionalFormatting>
  <conditionalFormatting sqref="AM169">
    <cfRule type="expression" dxfId="3053" priority="3950">
      <formula>OR(AM$166&lt;&gt;"",AM$167&lt;&gt;"")</formula>
    </cfRule>
    <cfRule type="expression" dxfId="3052" priority="3951">
      <formula>AND(AM$166="",AM$167="")</formula>
    </cfRule>
  </conditionalFormatting>
  <conditionalFormatting sqref="AN168">
    <cfRule type="expression" dxfId="3051" priority="3944">
      <formula>OR(AN$166&lt;&gt;"",AN$167&lt;&gt;"")</formula>
    </cfRule>
    <cfRule type="expression" dxfId="3050" priority="3945">
      <formula>AND(AN$166="",AN$167="")</formula>
    </cfRule>
  </conditionalFormatting>
  <conditionalFormatting sqref="AN169">
    <cfRule type="expression" dxfId="3049" priority="3942">
      <formula>OR(AN$166&lt;&gt;"",AN$167&lt;&gt;"")</formula>
    </cfRule>
    <cfRule type="expression" dxfId="3048" priority="3943">
      <formula>AND(AN$166="",AN$167="")</formula>
    </cfRule>
  </conditionalFormatting>
  <conditionalFormatting sqref="AO168">
    <cfRule type="expression" dxfId="3047" priority="3936">
      <formula>OR(AO$166&lt;&gt;"",AO$167&lt;&gt;"")</formula>
    </cfRule>
    <cfRule type="expression" dxfId="3046" priority="3937">
      <formula>AND(AO$166="",AO$167="")</formula>
    </cfRule>
  </conditionalFormatting>
  <conditionalFormatting sqref="AO169">
    <cfRule type="expression" dxfId="3045" priority="3934">
      <formula>OR(AO$166&lt;&gt;"",AO$167&lt;&gt;"")</formula>
    </cfRule>
    <cfRule type="expression" dxfId="3044" priority="3935">
      <formula>AND(AO$166="",AO$167="")</formula>
    </cfRule>
  </conditionalFormatting>
  <conditionalFormatting sqref="AP168">
    <cfRule type="expression" dxfId="3043" priority="3928">
      <formula>OR(AP$166&lt;&gt;"",AP$167&lt;&gt;"")</formula>
    </cfRule>
    <cfRule type="expression" dxfId="3042" priority="3929">
      <formula>AND(AP$166="",AP$167="")</formula>
    </cfRule>
  </conditionalFormatting>
  <conditionalFormatting sqref="AP169">
    <cfRule type="expression" dxfId="3041" priority="3926">
      <formula>OR(AP$166&lt;&gt;"",AP$167&lt;&gt;"")</formula>
    </cfRule>
    <cfRule type="expression" dxfId="3040" priority="3927">
      <formula>AND(AP$166="",AP$167="")</formula>
    </cfRule>
  </conditionalFormatting>
  <conditionalFormatting sqref="AQ168">
    <cfRule type="expression" dxfId="3039" priority="3920">
      <formula>OR(AQ$166&lt;&gt;"",AQ$167&lt;&gt;"")</formula>
    </cfRule>
    <cfRule type="expression" dxfId="3038" priority="3921">
      <formula>AND(AQ$166="",AQ$167="")</formula>
    </cfRule>
  </conditionalFormatting>
  <conditionalFormatting sqref="AQ169">
    <cfRule type="expression" dxfId="3037" priority="3918">
      <formula>OR(AQ$166&lt;&gt;"",AQ$167&lt;&gt;"")</formula>
    </cfRule>
    <cfRule type="expression" dxfId="3036" priority="3919">
      <formula>AND(AQ$166="",AQ$167="")</formula>
    </cfRule>
  </conditionalFormatting>
  <conditionalFormatting sqref="AR168">
    <cfRule type="expression" dxfId="3035" priority="3912">
      <formula>OR(AR$166&lt;&gt;"",AR$167&lt;&gt;"")</formula>
    </cfRule>
    <cfRule type="expression" dxfId="3034" priority="3913">
      <formula>AND(AR$166="",AR$167="")</formula>
    </cfRule>
  </conditionalFormatting>
  <conditionalFormatting sqref="AR169">
    <cfRule type="expression" dxfId="3033" priority="3910">
      <formula>OR(AR$166&lt;&gt;"",AR$167&lt;&gt;"")</formula>
    </cfRule>
    <cfRule type="expression" dxfId="3032" priority="3911">
      <formula>AND(AR$166="",AR$167="")</formula>
    </cfRule>
  </conditionalFormatting>
  <conditionalFormatting sqref="AS168">
    <cfRule type="expression" dxfId="3031" priority="3904">
      <formula>OR(AS$166&lt;&gt;"",AS$167&lt;&gt;"")</formula>
    </cfRule>
    <cfRule type="expression" dxfId="3030" priority="3905">
      <formula>AND(AS$166="",AS$167="")</formula>
    </cfRule>
  </conditionalFormatting>
  <conditionalFormatting sqref="AS169">
    <cfRule type="expression" dxfId="3029" priority="3902">
      <formula>OR(AS$166&lt;&gt;"",AS$167&lt;&gt;"")</formula>
    </cfRule>
    <cfRule type="expression" dxfId="3028" priority="3903">
      <formula>AND(AS$166="",AS$167="")</formula>
    </cfRule>
  </conditionalFormatting>
  <conditionalFormatting sqref="AT168">
    <cfRule type="expression" dxfId="3027" priority="3896">
      <formula>OR(AT$166&lt;&gt;"",AT$167&lt;&gt;"")</formula>
    </cfRule>
    <cfRule type="expression" dxfId="3026" priority="3897">
      <formula>AND(AT$166="",AT$167="")</formula>
    </cfRule>
  </conditionalFormatting>
  <conditionalFormatting sqref="AT169">
    <cfRule type="expression" dxfId="3025" priority="3894">
      <formula>OR(AT$166&lt;&gt;"",AT$167&lt;&gt;"")</formula>
    </cfRule>
    <cfRule type="expression" dxfId="3024" priority="3895">
      <formula>AND(AT$166="",AT$167="")</formula>
    </cfRule>
  </conditionalFormatting>
  <conditionalFormatting sqref="AU168">
    <cfRule type="expression" dxfId="3023" priority="3888">
      <formula>OR(AU$166&lt;&gt;"",AU$167&lt;&gt;"")</formula>
    </cfRule>
    <cfRule type="expression" dxfId="3022" priority="3889">
      <formula>AND(AU$166="",AU$167="")</formula>
    </cfRule>
  </conditionalFormatting>
  <conditionalFormatting sqref="AU169">
    <cfRule type="expression" dxfId="3021" priority="3886">
      <formula>OR(AU$166&lt;&gt;"",AU$167&lt;&gt;"")</formula>
    </cfRule>
    <cfRule type="expression" dxfId="3020" priority="3887">
      <formula>AND(AU$166="",AU$167="")</formula>
    </cfRule>
  </conditionalFormatting>
  <conditionalFormatting sqref="AV168">
    <cfRule type="expression" dxfId="3019" priority="3880">
      <formula>OR(AV$166&lt;&gt;"",AV$167&lt;&gt;"")</formula>
    </cfRule>
    <cfRule type="expression" dxfId="3018" priority="3881">
      <formula>AND(AV$166="",AV$167="")</formula>
    </cfRule>
  </conditionalFormatting>
  <conditionalFormatting sqref="AV169">
    <cfRule type="expression" dxfId="3017" priority="3878">
      <formula>OR(AV$166&lt;&gt;"",AV$167&lt;&gt;"")</formula>
    </cfRule>
    <cfRule type="expression" dxfId="3016" priority="3879">
      <formula>AND(AV$166="",AV$167="")</formula>
    </cfRule>
  </conditionalFormatting>
  <conditionalFormatting sqref="AW168">
    <cfRule type="expression" dxfId="3015" priority="3872">
      <formula>OR(AW$166&lt;&gt;"",AW$167&lt;&gt;"")</formula>
    </cfRule>
    <cfRule type="expression" dxfId="3014" priority="3873">
      <formula>AND(AW$166="",AW$167="")</formula>
    </cfRule>
  </conditionalFormatting>
  <conditionalFormatting sqref="AW169">
    <cfRule type="expression" dxfId="3013" priority="3870">
      <formula>OR(AW$166&lt;&gt;"",AW$167&lt;&gt;"")</formula>
    </cfRule>
    <cfRule type="expression" dxfId="3012" priority="3871">
      <formula>AND(AW$166="",AW$167="")</formula>
    </cfRule>
  </conditionalFormatting>
  <conditionalFormatting sqref="AX168">
    <cfRule type="expression" dxfId="3011" priority="3864">
      <formula>OR(AX$166&lt;&gt;"",AX$167&lt;&gt;"")</formula>
    </cfRule>
    <cfRule type="expression" dxfId="3010" priority="3865">
      <formula>AND(AX$166="",AX$167="")</formula>
    </cfRule>
  </conditionalFormatting>
  <conditionalFormatting sqref="AX169">
    <cfRule type="expression" dxfId="3009" priority="3862">
      <formula>OR(AX$166&lt;&gt;"",AX$167&lt;&gt;"")</formula>
    </cfRule>
    <cfRule type="expression" dxfId="3008" priority="3863">
      <formula>AND(AX$166="",AX$167="")</formula>
    </cfRule>
  </conditionalFormatting>
  <conditionalFormatting sqref="AY168">
    <cfRule type="expression" dxfId="3007" priority="3856">
      <formula>OR(AY$166&lt;&gt;"",AY$167&lt;&gt;"")</formula>
    </cfRule>
    <cfRule type="expression" dxfId="3006" priority="3857">
      <formula>AND(AY$166="",AY$167="")</formula>
    </cfRule>
  </conditionalFormatting>
  <conditionalFormatting sqref="AY169">
    <cfRule type="expression" dxfId="3005" priority="3854">
      <formula>OR(AY$166&lt;&gt;"",AY$167&lt;&gt;"")</formula>
    </cfRule>
    <cfRule type="expression" dxfId="3004" priority="3855">
      <formula>AND(AY$166="",AY$167="")</formula>
    </cfRule>
  </conditionalFormatting>
  <conditionalFormatting sqref="AZ168">
    <cfRule type="expression" dxfId="3003" priority="3848">
      <formula>OR(AZ$166&lt;&gt;"",AZ$167&lt;&gt;"")</formula>
    </cfRule>
    <cfRule type="expression" dxfId="3002" priority="3849">
      <formula>AND(AZ$166="",AZ$167="")</formula>
    </cfRule>
  </conditionalFormatting>
  <conditionalFormatting sqref="AZ169">
    <cfRule type="expression" dxfId="3001" priority="3846">
      <formula>OR(AZ$166&lt;&gt;"",AZ$167&lt;&gt;"")</formula>
    </cfRule>
    <cfRule type="expression" dxfId="3000" priority="3847">
      <formula>AND(AZ$166="",AZ$167="")</formula>
    </cfRule>
  </conditionalFormatting>
  <conditionalFormatting sqref="BA168">
    <cfRule type="expression" dxfId="2999" priority="3840">
      <formula>OR(BA$166&lt;&gt;"",BA$167&lt;&gt;"")</formula>
    </cfRule>
    <cfRule type="expression" dxfId="2998" priority="3841">
      <formula>AND(BA$166="",BA$167="")</formula>
    </cfRule>
  </conditionalFormatting>
  <conditionalFormatting sqref="BA169">
    <cfRule type="expression" dxfId="2997" priority="3838">
      <formula>OR(BA$166&lt;&gt;"",BA$167&lt;&gt;"")</formula>
    </cfRule>
    <cfRule type="expression" dxfId="2996" priority="3839">
      <formula>AND(BA$166="",BA$167="")</formula>
    </cfRule>
  </conditionalFormatting>
  <conditionalFormatting sqref="BB168">
    <cfRule type="expression" dxfId="2995" priority="3832">
      <formula>OR(BB$166&lt;&gt;"",BB$167&lt;&gt;"")</formula>
    </cfRule>
    <cfRule type="expression" dxfId="2994" priority="3833">
      <formula>AND(BB$166="",BB$167="")</formula>
    </cfRule>
  </conditionalFormatting>
  <conditionalFormatting sqref="BB169">
    <cfRule type="expression" dxfId="2993" priority="3830">
      <formula>OR(BB$166&lt;&gt;"",BB$167&lt;&gt;"")</formula>
    </cfRule>
    <cfRule type="expression" dxfId="2992" priority="3831">
      <formula>AND(BB$166="",BB$167="")</formula>
    </cfRule>
  </conditionalFormatting>
  <conditionalFormatting sqref="BC168">
    <cfRule type="expression" dxfId="2991" priority="3824">
      <formula>OR(BC$166&lt;&gt;"",BC$167&lt;&gt;"")</formula>
    </cfRule>
    <cfRule type="expression" dxfId="2990" priority="3825">
      <formula>AND(BC$166="",BC$167="")</formula>
    </cfRule>
  </conditionalFormatting>
  <conditionalFormatting sqref="BC169">
    <cfRule type="expression" dxfId="2989" priority="3822">
      <formula>OR(BC$166&lt;&gt;"",BC$167&lt;&gt;"")</formula>
    </cfRule>
    <cfRule type="expression" dxfId="2988" priority="3823">
      <formula>AND(BC$166="",BC$167="")</formula>
    </cfRule>
  </conditionalFormatting>
  <conditionalFormatting sqref="BD168">
    <cfRule type="expression" dxfId="2987" priority="3816">
      <formula>OR(BD$166&lt;&gt;"",BD$167&lt;&gt;"")</formula>
    </cfRule>
    <cfRule type="expression" dxfId="2986" priority="3817">
      <formula>AND(BD$166="",BD$167="")</formula>
    </cfRule>
  </conditionalFormatting>
  <conditionalFormatting sqref="BD169">
    <cfRule type="expression" dxfId="2985" priority="3814">
      <formula>OR(BD$166&lt;&gt;"",BD$167&lt;&gt;"")</formula>
    </cfRule>
    <cfRule type="expression" dxfId="2984" priority="3815">
      <formula>AND(BD$166="",BD$167="")</formula>
    </cfRule>
  </conditionalFormatting>
  <conditionalFormatting sqref="BE168">
    <cfRule type="expression" dxfId="2983" priority="3808">
      <formula>OR(BE$166&lt;&gt;"",BE$167&lt;&gt;"")</formula>
    </cfRule>
    <cfRule type="expression" dxfId="2982" priority="3809">
      <formula>AND(BE$166="",BE$167="")</formula>
    </cfRule>
  </conditionalFormatting>
  <conditionalFormatting sqref="BE169">
    <cfRule type="expression" dxfId="2981" priority="3806">
      <formula>OR(BE$166&lt;&gt;"",BE$167&lt;&gt;"")</formula>
    </cfRule>
    <cfRule type="expression" dxfId="2980" priority="3807">
      <formula>AND(BE$166="",BE$167="")</formula>
    </cfRule>
  </conditionalFormatting>
  <conditionalFormatting sqref="BF168">
    <cfRule type="expression" dxfId="2979" priority="3800">
      <formula>OR(BF$166&lt;&gt;"",BF$167&lt;&gt;"")</formula>
    </cfRule>
    <cfRule type="expression" dxfId="2978" priority="3801">
      <formula>AND(BF$166="",BF$167="")</formula>
    </cfRule>
  </conditionalFormatting>
  <conditionalFormatting sqref="BF169">
    <cfRule type="expression" dxfId="2977" priority="3798">
      <formula>OR(BF$166&lt;&gt;"",BF$167&lt;&gt;"")</formula>
    </cfRule>
    <cfRule type="expression" dxfId="2976" priority="3799">
      <formula>AND(BF$166="",BF$167="")</formula>
    </cfRule>
  </conditionalFormatting>
  <conditionalFormatting sqref="BG168">
    <cfRule type="expression" dxfId="2975" priority="3792">
      <formula>OR(BG$166&lt;&gt;"",BG$167&lt;&gt;"")</formula>
    </cfRule>
    <cfRule type="expression" dxfId="2974" priority="3793">
      <formula>AND(BG$166="",BG$167="")</formula>
    </cfRule>
  </conditionalFormatting>
  <conditionalFormatting sqref="BG169">
    <cfRule type="expression" dxfId="2973" priority="3790">
      <formula>OR(BG$166&lt;&gt;"",BG$167&lt;&gt;"")</formula>
    </cfRule>
    <cfRule type="expression" dxfId="2972" priority="3791">
      <formula>AND(BG$166="",BG$167="")</formula>
    </cfRule>
  </conditionalFormatting>
  <conditionalFormatting sqref="BH168">
    <cfRule type="expression" dxfId="2971" priority="3784">
      <formula>OR(BH$166&lt;&gt;"",BH$167&lt;&gt;"")</formula>
    </cfRule>
    <cfRule type="expression" dxfId="2970" priority="3785">
      <formula>AND(BH$166="",BH$167="")</formula>
    </cfRule>
  </conditionalFormatting>
  <conditionalFormatting sqref="BH169">
    <cfRule type="expression" dxfId="2969" priority="3782">
      <formula>OR(BH$166&lt;&gt;"",BH$167&lt;&gt;"")</formula>
    </cfRule>
    <cfRule type="expression" dxfId="2968" priority="3783">
      <formula>AND(BH$166="",BH$167="")</formula>
    </cfRule>
  </conditionalFormatting>
  <conditionalFormatting sqref="BI168">
    <cfRule type="expression" dxfId="2967" priority="3776">
      <formula>OR(BI$166&lt;&gt;"",BI$167&lt;&gt;"")</formula>
    </cfRule>
    <cfRule type="expression" dxfId="2966" priority="3777">
      <formula>AND(BI$166="",BI$167="")</formula>
    </cfRule>
  </conditionalFormatting>
  <conditionalFormatting sqref="BI169">
    <cfRule type="expression" dxfId="2965" priority="3774">
      <formula>OR(BI$166&lt;&gt;"",BI$167&lt;&gt;"")</formula>
    </cfRule>
    <cfRule type="expression" dxfId="2964" priority="3775">
      <formula>AND(BI$166="",BI$167="")</formula>
    </cfRule>
  </conditionalFormatting>
  <conditionalFormatting sqref="BJ168">
    <cfRule type="expression" dxfId="2963" priority="3768">
      <formula>OR(BJ$166&lt;&gt;"",BJ$167&lt;&gt;"")</formula>
    </cfRule>
    <cfRule type="expression" dxfId="2962" priority="3769">
      <formula>AND(BJ$166="",BJ$167="")</formula>
    </cfRule>
  </conditionalFormatting>
  <conditionalFormatting sqref="BJ169">
    <cfRule type="expression" dxfId="2961" priority="3766">
      <formula>OR(BJ$166&lt;&gt;"",BJ$167&lt;&gt;"")</formula>
    </cfRule>
    <cfRule type="expression" dxfId="2960" priority="3767">
      <formula>AND(BJ$166="",BJ$167="")</formula>
    </cfRule>
  </conditionalFormatting>
  <conditionalFormatting sqref="BK168">
    <cfRule type="expression" dxfId="2959" priority="3760">
      <formula>OR(BK$166&lt;&gt;"",BK$167&lt;&gt;"")</formula>
    </cfRule>
    <cfRule type="expression" dxfId="2958" priority="3761">
      <formula>AND(BK$166="",BK$167="")</formula>
    </cfRule>
  </conditionalFormatting>
  <conditionalFormatting sqref="BK169">
    <cfRule type="expression" dxfId="2957" priority="3758">
      <formula>OR(BK$166&lt;&gt;"",BK$167&lt;&gt;"")</formula>
    </cfRule>
    <cfRule type="expression" dxfId="2956" priority="3759">
      <formula>AND(BK$166="",BK$167="")</formula>
    </cfRule>
  </conditionalFormatting>
  <conditionalFormatting sqref="BL168">
    <cfRule type="expression" dxfId="2955" priority="3752">
      <formula>OR(BL$166&lt;&gt;"",BL$167&lt;&gt;"")</formula>
    </cfRule>
    <cfRule type="expression" dxfId="2954" priority="3753">
      <formula>AND(BL$166="",BL$167="")</formula>
    </cfRule>
  </conditionalFormatting>
  <conditionalFormatting sqref="BL169">
    <cfRule type="expression" dxfId="2953" priority="3750">
      <formula>OR(BL$166&lt;&gt;"",BL$167&lt;&gt;"")</formula>
    </cfRule>
    <cfRule type="expression" dxfId="2952" priority="3751">
      <formula>AND(BL$166="",BL$167="")</formula>
    </cfRule>
  </conditionalFormatting>
  <conditionalFormatting sqref="BM168">
    <cfRule type="expression" dxfId="2951" priority="3744">
      <formula>OR(BM$166&lt;&gt;"",BM$167&lt;&gt;"")</formula>
    </cfRule>
    <cfRule type="expression" dxfId="2950" priority="3745">
      <formula>AND(BM$166="",BM$167="")</formula>
    </cfRule>
  </conditionalFormatting>
  <conditionalFormatting sqref="BM169">
    <cfRule type="expression" dxfId="2949" priority="3742">
      <formula>OR(BM$166&lt;&gt;"",BM$167&lt;&gt;"")</formula>
    </cfRule>
    <cfRule type="expression" dxfId="2948" priority="3743">
      <formula>AND(BM$166="",BM$167="")</formula>
    </cfRule>
  </conditionalFormatting>
  <conditionalFormatting sqref="BN168">
    <cfRule type="expression" dxfId="2947" priority="3736">
      <formula>OR(BN$166&lt;&gt;"",BN$167&lt;&gt;"")</formula>
    </cfRule>
    <cfRule type="expression" dxfId="2946" priority="3737">
      <formula>AND(BN$166="",BN$167="")</formula>
    </cfRule>
  </conditionalFormatting>
  <conditionalFormatting sqref="BN169">
    <cfRule type="expression" dxfId="2945" priority="3734">
      <formula>OR(BN$166&lt;&gt;"",BN$167&lt;&gt;"")</formula>
    </cfRule>
    <cfRule type="expression" dxfId="2944" priority="3735">
      <formula>AND(BN$166="",BN$167="")</formula>
    </cfRule>
  </conditionalFormatting>
  <conditionalFormatting sqref="BO168">
    <cfRule type="expression" dxfId="2943" priority="3728">
      <formula>OR(BO$166&lt;&gt;"",BO$167&lt;&gt;"")</formula>
    </cfRule>
    <cfRule type="expression" dxfId="2942" priority="3729">
      <formula>AND(BO$166="",BO$167="")</formula>
    </cfRule>
  </conditionalFormatting>
  <conditionalFormatting sqref="BO169">
    <cfRule type="expression" dxfId="2941" priority="3726">
      <formula>OR(BO$166&lt;&gt;"",BO$167&lt;&gt;"")</formula>
    </cfRule>
    <cfRule type="expression" dxfId="2940" priority="3727">
      <formula>AND(BO$166="",BO$167="")</formula>
    </cfRule>
  </conditionalFormatting>
  <conditionalFormatting sqref="BP168">
    <cfRule type="expression" dxfId="2939" priority="3720">
      <formula>OR(BP$166&lt;&gt;"",BP$167&lt;&gt;"")</formula>
    </cfRule>
    <cfRule type="expression" dxfId="2938" priority="3721">
      <formula>AND(BP$166="",BP$167="")</formula>
    </cfRule>
  </conditionalFormatting>
  <conditionalFormatting sqref="BP169">
    <cfRule type="expression" dxfId="2937" priority="3718">
      <formula>OR(BP$166&lt;&gt;"",BP$167&lt;&gt;"")</formula>
    </cfRule>
    <cfRule type="expression" dxfId="2936" priority="3719">
      <formula>AND(BP$166="",BP$167="")</formula>
    </cfRule>
  </conditionalFormatting>
  <conditionalFormatting sqref="BQ168">
    <cfRule type="expression" dxfId="2935" priority="3712">
      <formula>OR(BQ$166&lt;&gt;"",BQ$167&lt;&gt;"")</formula>
    </cfRule>
    <cfRule type="expression" dxfId="2934" priority="3713">
      <formula>AND(BQ$166="",BQ$167="")</formula>
    </cfRule>
  </conditionalFormatting>
  <conditionalFormatting sqref="BQ169">
    <cfRule type="expression" dxfId="2933" priority="3710">
      <formula>OR(BQ$166&lt;&gt;"",BQ$167&lt;&gt;"")</formula>
    </cfRule>
    <cfRule type="expression" dxfId="2932" priority="3711">
      <formula>AND(BQ$166="",BQ$167="")</formula>
    </cfRule>
  </conditionalFormatting>
  <conditionalFormatting sqref="BR168">
    <cfRule type="expression" dxfId="2931" priority="3704">
      <formula>OR(BR$166&lt;&gt;"",BR$167&lt;&gt;"")</formula>
    </cfRule>
    <cfRule type="expression" dxfId="2930" priority="3705">
      <formula>AND(BR$166="",BR$167="")</formula>
    </cfRule>
  </conditionalFormatting>
  <conditionalFormatting sqref="BR169">
    <cfRule type="expression" dxfId="2929" priority="3702">
      <formula>OR(BR$166&lt;&gt;"",BR$167&lt;&gt;"")</formula>
    </cfRule>
    <cfRule type="expression" dxfId="2928" priority="3703">
      <formula>AND(BR$166="",BR$167="")</formula>
    </cfRule>
  </conditionalFormatting>
  <conditionalFormatting sqref="BS168">
    <cfRule type="expression" dxfId="2927" priority="3696">
      <formula>OR(BS$166&lt;&gt;"",BS$167&lt;&gt;"")</formula>
    </cfRule>
    <cfRule type="expression" dxfId="2926" priority="3697">
      <formula>AND(BS$166="",BS$167="")</formula>
    </cfRule>
  </conditionalFormatting>
  <conditionalFormatting sqref="BS169">
    <cfRule type="expression" dxfId="2925" priority="3694">
      <formula>OR(BS$166&lt;&gt;"",BS$167&lt;&gt;"")</formula>
    </cfRule>
    <cfRule type="expression" dxfId="2924" priority="3695">
      <formula>AND(BS$166="",BS$167="")</formula>
    </cfRule>
  </conditionalFormatting>
  <conditionalFormatting sqref="M175:M176">
    <cfRule type="expression" dxfId="2923" priority="3692">
      <formula>OR(M$175&lt;&gt;"",M$176&lt;&gt;"")</formula>
    </cfRule>
    <cfRule type="expression" dxfId="2922" priority="3693">
      <formula>AND(M$175="",M$176="")</formula>
    </cfRule>
  </conditionalFormatting>
  <conditionalFormatting sqref="N175:N176">
    <cfRule type="expression" dxfId="2921" priority="3688">
      <formula>OR(N$175&lt;&gt;"",N$176&lt;&gt;"")</formula>
    </cfRule>
    <cfRule type="expression" dxfId="2920" priority="3689">
      <formula>AND(N$175="",N$176="")</formula>
    </cfRule>
  </conditionalFormatting>
  <conditionalFormatting sqref="M181">
    <cfRule type="expression" dxfId="2919" priority="3684">
      <formula>OR($M$175&lt;&gt;"",$M$176&lt;&gt;"")</formula>
    </cfRule>
    <cfRule type="expression" dxfId="2918" priority="3685">
      <formula>AND($M$175="",$M$176="")</formula>
    </cfRule>
  </conditionalFormatting>
  <conditionalFormatting sqref="N177:N179">
    <cfRule type="expression" dxfId="2917" priority="3682">
      <formula>OR(N$175&lt;&gt;"",N$176&lt;&gt;"")</formula>
    </cfRule>
    <cfRule type="expression" dxfId="2916" priority="3683">
      <formula>AND(N$175="",N$176="")</formula>
    </cfRule>
  </conditionalFormatting>
  <conditionalFormatting sqref="N180">
    <cfRule type="expression" dxfId="2915" priority="3680">
      <formula>OR(N$175&lt;&gt;"",N$176&lt;&gt;"")</formula>
    </cfRule>
    <cfRule type="expression" dxfId="2914" priority="3681">
      <formula>AND(N$175="",N$176="")</formula>
    </cfRule>
  </conditionalFormatting>
  <conditionalFormatting sqref="N181">
    <cfRule type="expression" dxfId="2913" priority="3678">
      <formula>OR(N$175&lt;&gt;"",N$176&lt;&gt;"")</formula>
    </cfRule>
    <cfRule type="expression" dxfId="2912" priority="3679">
      <formula>AND(N$175="",N$176="")</formula>
    </cfRule>
  </conditionalFormatting>
  <conditionalFormatting sqref="M180">
    <cfRule type="expression" dxfId="2911" priority="3676">
      <formula>OR($M$175&lt;&gt;"",$M$176&lt;&gt;"")</formula>
    </cfRule>
    <cfRule type="expression" dxfId="2910" priority="3677">
      <formula>AND($M$175="",$M$176="")</formula>
    </cfRule>
  </conditionalFormatting>
  <conditionalFormatting sqref="M177:M179">
    <cfRule type="expression" dxfId="2909" priority="3674">
      <formula>OR($M$175&lt;&gt;"",$M$176&lt;&gt;"")</formula>
    </cfRule>
    <cfRule type="expression" dxfId="2908" priority="3675">
      <formula>AND($M$175="",$M$176="")</formula>
    </cfRule>
  </conditionalFormatting>
  <conditionalFormatting sqref="O177:O179">
    <cfRule type="expression" dxfId="2907" priority="3668">
      <formula>OR(O$175&lt;&gt;"",O$176&lt;&gt;"")</formula>
    </cfRule>
    <cfRule type="expression" dxfId="2906" priority="3669">
      <formula>AND(O$175="",O$176="")</formula>
    </cfRule>
  </conditionalFormatting>
  <conditionalFormatting sqref="O180">
    <cfRule type="expression" dxfId="2905" priority="3666">
      <formula>OR(O$175&lt;&gt;"",O$176&lt;&gt;"")</formula>
    </cfRule>
    <cfRule type="expression" dxfId="2904" priority="3667">
      <formula>AND(O$175="",O$176="")</formula>
    </cfRule>
  </conditionalFormatting>
  <conditionalFormatting sqref="O181">
    <cfRule type="expression" dxfId="2903" priority="3664">
      <formula>OR(O$175&lt;&gt;"",O$176&lt;&gt;"")</formula>
    </cfRule>
    <cfRule type="expression" dxfId="2902" priority="3665">
      <formula>AND(O$175="",O$176="")</formula>
    </cfRule>
  </conditionalFormatting>
  <conditionalFormatting sqref="P177:P179">
    <cfRule type="expression" dxfId="2901" priority="3658">
      <formula>OR(P$175&lt;&gt;"",P$176&lt;&gt;"")</formula>
    </cfRule>
    <cfRule type="expression" dxfId="2900" priority="3659">
      <formula>AND(P$175="",P$176="")</formula>
    </cfRule>
  </conditionalFormatting>
  <conditionalFormatting sqref="P180">
    <cfRule type="expression" dxfId="2899" priority="3656">
      <formula>OR(P$175&lt;&gt;"",P$176&lt;&gt;"")</formula>
    </cfRule>
    <cfRule type="expression" dxfId="2898" priority="3657">
      <formula>AND(P$175="",P$176="")</formula>
    </cfRule>
  </conditionalFormatting>
  <conditionalFormatting sqref="P181">
    <cfRule type="expression" dxfId="2897" priority="3654">
      <formula>OR(P$175&lt;&gt;"",P$176&lt;&gt;"")</formula>
    </cfRule>
    <cfRule type="expression" dxfId="2896" priority="3655">
      <formula>AND(P$175="",P$176="")</formula>
    </cfRule>
  </conditionalFormatting>
  <conditionalFormatting sqref="Q177:Q179">
    <cfRule type="expression" dxfId="2895" priority="3648">
      <formula>OR(Q$175&lt;&gt;"",Q$176&lt;&gt;"")</formula>
    </cfRule>
    <cfRule type="expression" dxfId="2894" priority="3649">
      <formula>AND(Q$175="",Q$176="")</formula>
    </cfRule>
  </conditionalFormatting>
  <conditionalFormatting sqref="Q180">
    <cfRule type="expression" dxfId="2893" priority="3646">
      <formula>OR(Q$175&lt;&gt;"",Q$176&lt;&gt;"")</formula>
    </cfRule>
    <cfRule type="expression" dxfId="2892" priority="3647">
      <formula>AND(Q$175="",Q$176="")</formula>
    </cfRule>
  </conditionalFormatting>
  <conditionalFormatting sqref="Q181">
    <cfRule type="expression" dxfId="2891" priority="3644">
      <formula>OR(Q$175&lt;&gt;"",Q$176&lt;&gt;"")</formula>
    </cfRule>
    <cfRule type="expression" dxfId="2890" priority="3645">
      <formula>AND(Q$175="",Q$176="")</formula>
    </cfRule>
  </conditionalFormatting>
  <conditionalFormatting sqref="R177:R179">
    <cfRule type="expression" dxfId="2889" priority="3638">
      <formula>OR(R$175&lt;&gt;"",R$176&lt;&gt;"")</formula>
    </cfRule>
    <cfRule type="expression" dxfId="2888" priority="3639">
      <formula>AND(R$175="",R$176="")</formula>
    </cfRule>
  </conditionalFormatting>
  <conditionalFormatting sqref="R180">
    <cfRule type="expression" dxfId="2887" priority="3636">
      <formula>OR(R$175&lt;&gt;"",R$176&lt;&gt;"")</formula>
    </cfRule>
    <cfRule type="expression" dxfId="2886" priority="3637">
      <formula>AND(R$175="",R$176="")</formula>
    </cfRule>
  </conditionalFormatting>
  <conditionalFormatting sqref="R181">
    <cfRule type="expression" dxfId="2885" priority="3634">
      <formula>OR(R$175&lt;&gt;"",R$176&lt;&gt;"")</formula>
    </cfRule>
    <cfRule type="expression" dxfId="2884" priority="3635">
      <formula>AND(R$175="",R$176="")</formula>
    </cfRule>
  </conditionalFormatting>
  <conditionalFormatting sqref="S177:S179">
    <cfRule type="expression" dxfId="2883" priority="3628">
      <formula>OR(S$175&lt;&gt;"",S$176&lt;&gt;"")</formula>
    </cfRule>
    <cfRule type="expression" dxfId="2882" priority="3629">
      <formula>AND(S$175="",S$176="")</formula>
    </cfRule>
  </conditionalFormatting>
  <conditionalFormatting sqref="S180">
    <cfRule type="expression" dxfId="2881" priority="3626">
      <formula>OR(S$175&lt;&gt;"",S$176&lt;&gt;"")</formula>
    </cfRule>
    <cfRule type="expression" dxfId="2880" priority="3627">
      <formula>AND(S$175="",S$176="")</formula>
    </cfRule>
  </conditionalFormatting>
  <conditionalFormatting sqref="S181">
    <cfRule type="expression" dxfId="2879" priority="3624">
      <formula>OR(S$175&lt;&gt;"",S$176&lt;&gt;"")</formula>
    </cfRule>
    <cfRule type="expression" dxfId="2878" priority="3625">
      <formula>AND(S$175="",S$176="")</formula>
    </cfRule>
  </conditionalFormatting>
  <conditionalFormatting sqref="T177:T179">
    <cfRule type="expression" dxfId="2877" priority="3618">
      <formula>OR(T$175&lt;&gt;"",T$176&lt;&gt;"")</formula>
    </cfRule>
    <cfRule type="expression" dxfId="2876" priority="3619">
      <formula>AND(T$175="",T$176="")</formula>
    </cfRule>
  </conditionalFormatting>
  <conditionalFormatting sqref="T180">
    <cfRule type="expression" dxfId="2875" priority="3616">
      <formula>OR(T$175&lt;&gt;"",T$176&lt;&gt;"")</formula>
    </cfRule>
    <cfRule type="expression" dxfId="2874" priority="3617">
      <formula>AND(T$175="",T$176="")</formula>
    </cfRule>
  </conditionalFormatting>
  <conditionalFormatting sqref="T181">
    <cfRule type="expression" dxfId="2873" priority="3614">
      <formula>OR(T$175&lt;&gt;"",T$176&lt;&gt;"")</formula>
    </cfRule>
    <cfRule type="expression" dxfId="2872" priority="3615">
      <formula>AND(T$175="",T$176="")</formula>
    </cfRule>
  </conditionalFormatting>
  <conditionalFormatting sqref="U177:U179">
    <cfRule type="expression" dxfId="2871" priority="3608">
      <formula>OR(U$175&lt;&gt;"",U$176&lt;&gt;"")</formula>
    </cfRule>
    <cfRule type="expression" dxfId="2870" priority="3609">
      <formula>AND(U$175="",U$176="")</formula>
    </cfRule>
  </conditionalFormatting>
  <conditionalFormatting sqref="U180">
    <cfRule type="expression" dxfId="2869" priority="3606">
      <formula>OR(U$175&lt;&gt;"",U$176&lt;&gt;"")</formula>
    </cfRule>
    <cfRule type="expression" dxfId="2868" priority="3607">
      <formula>AND(U$175="",U$176="")</formula>
    </cfRule>
  </conditionalFormatting>
  <conditionalFormatting sqref="U181">
    <cfRule type="expression" dxfId="2867" priority="3604">
      <formula>OR(U$175&lt;&gt;"",U$176&lt;&gt;"")</formula>
    </cfRule>
    <cfRule type="expression" dxfId="2866" priority="3605">
      <formula>AND(U$175="",U$176="")</formula>
    </cfRule>
  </conditionalFormatting>
  <conditionalFormatting sqref="V177:V179">
    <cfRule type="expression" dxfId="2865" priority="3598">
      <formula>OR(V$175&lt;&gt;"",V$176&lt;&gt;"")</formula>
    </cfRule>
    <cfRule type="expression" dxfId="2864" priority="3599">
      <formula>AND(V$175="",V$176="")</formula>
    </cfRule>
  </conditionalFormatting>
  <conditionalFormatting sqref="V180">
    <cfRule type="expression" dxfId="2863" priority="3596">
      <formula>OR(V$175&lt;&gt;"",V$176&lt;&gt;"")</formula>
    </cfRule>
    <cfRule type="expression" dxfId="2862" priority="3597">
      <formula>AND(V$175="",V$176="")</formula>
    </cfRule>
  </conditionalFormatting>
  <conditionalFormatting sqref="V181">
    <cfRule type="expression" dxfId="2861" priority="3594">
      <formula>OR(V$175&lt;&gt;"",V$176&lt;&gt;"")</formula>
    </cfRule>
    <cfRule type="expression" dxfId="2860" priority="3595">
      <formula>AND(V$175="",V$176="")</formula>
    </cfRule>
  </conditionalFormatting>
  <conditionalFormatting sqref="W177:W179">
    <cfRule type="expression" dxfId="2859" priority="3588">
      <formula>OR(W$175&lt;&gt;"",W$176&lt;&gt;"")</formula>
    </cfRule>
    <cfRule type="expression" dxfId="2858" priority="3589">
      <formula>AND(W$175="",W$176="")</formula>
    </cfRule>
  </conditionalFormatting>
  <conditionalFormatting sqref="W180">
    <cfRule type="expression" dxfId="2857" priority="3586">
      <formula>OR(W$175&lt;&gt;"",W$176&lt;&gt;"")</formula>
    </cfRule>
    <cfRule type="expression" dxfId="2856" priority="3587">
      <formula>AND(W$175="",W$176="")</formula>
    </cfRule>
  </conditionalFormatting>
  <conditionalFormatting sqref="W181">
    <cfRule type="expression" dxfId="2855" priority="3584">
      <formula>OR(W$175&lt;&gt;"",W$176&lt;&gt;"")</formula>
    </cfRule>
    <cfRule type="expression" dxfId="2854" priority="3585">
      <formula>AND(W$175="",W$176="")</formula>
    </cfRule>
  </conditionalFormatting>
  <conditionalFormatting sqref="X177:X179">
    <cfRule type="expression" dxfId="2853" priority="3578">
      <formula>OR(X$175&lt;&gt;"",X$176&lt;&gt;"")</formula>
    </cfRule>
    <cfRule type="expression" dxfId="2852" priority="3579">
      <formula>AND(X$175="",X$176="")</formula>
    </cfRule>
  </conditionalFormatting>
  <conditionalFormatting sqref="X180">
    <cfRule type="expression" dxfId="2851" priority="3576">
      <formula>OR(X$175&lt;&gt;"",X$176&lt;&gt;"")</formula>
    </cfRule>
    <cfRule type="expression" dxfId="2850" priority="3577">
      <formula>AND(X$175="",X$176="")</formula>
    </cfRule>
  </conditionalFormatting>
  <conditionalFormatting sqref="X181">
    <cfRule type="expression" dxfId="2849" priority="3574">
      <formula>OR(X$175&lt;&gt;"",X$176&lt;&gt;"")</formula>
    </cfRule>
    <cfRule type="expression" dxfId="2848" priority="3575">
      <formula>AND(X$175="",X$176="")</formula>
    </cfRule>
  </conditionalFormatting>
  <conditionalFormatting sqref="Y177:Y179">
    <cfRule type="expression" dxfId="2847" priority="3568">
      <formula>OR(Y$175&lt;&gt;"",Y$176&lt;&gt;"")</formula>
    </cfRule>
    <cfRule type="expression" dxfId="2846" priority="3569">
      <formula>AND(Y$175="",Y$176="")</formula>
    </cfRule>
  </conditionalFormatting>
  <conditionalFormatting sqref="Y180">
    <cfRule type="expression" dxfId="2845" priority="3566">
      <formula>OR(Y$175&lt;&gt;"",Y$176&lt;&gt;"")</formula>
    </cfRule>
    <cfRule type="expression" dxfId="2844" priority="3567">
      <formula>AND(Y$175="",Y$176="")</formula>
    </cfRule>
  </conditionalFormatting>
  <conditionalFormatting sqref="Y181">
    <cfRule type="expression" dxfId="2843" priority="3564">
      <formula>OR(Y$175&lt;&gt;"",Y$176&lt;&gt;"")</formula>
    </cfRule>
    <cfRule type="expression" dxfId="2842" priority="3565">
      <formula>AND(Y$175="",Y$176="")</formula>
    </cfRule>
  </conditionalFormatting>
  <conditionalFormatting sqref="Z177:Z179">
    <cfRule type="expression" dxfId="2841" priority="3558">
      <formula>OR(Z$175&lt;&gt;"",Z$176&lt;&gt;"")</formula>
    </cfRule>
    <cfRule type="expression" dxfId="2840" priority="3559">
      <formula>AND(Z$175="",Z$176="")</formula>
    </cfRule>
  </conditionalFormatting>
  <conditionalFormatting sqref="Z180">
    <cfRule type="expression" dxfId="2839" priority="3556">
      <formula>OR(Z$175&lt;&gt;"",Z$176&lt;&gt;"")</formula>
    </cfRule>
    <cfRule type="expression" dxfId="2838" priority="3557">
      <formula>AND(Z$175="",Z$176="")</formula>
    </cfRule>
  </conditionalFormatting>
  <conditionalFormatting sqref="Z181">
    <cfRule type="expression" dxfId="2837" priority="3554">
      <formula>OR(Z$175&lt;&gt;"",Z$176&lt;&gt;"")</formula>
    </cfRule>
    <cfRule type="expression" dxfId="2836" priority="3555">
      <formula>AND(Z$175="",Z$176="")</formula>
    </cfRule>
  </conditionalFormatting>
  <conditionalFormatting sqref="AA177:AA179">
    <cfRule type="expression" dxfId="2835" priority="3548">
      <formula>OR(AA$175&lt;&gt;"",AA$176&lt;&gt;"")</formula>
    </cfRule>
    <cfRule type="expression" dxfId="2834" priority="3549">
      <formula>AND(AA$175="",AA$176="")</formula>
    </cfRule>
  </conditionalFormatting>
  <conditionalFormatting sqref="AA180">
    <cfRule type="expression" dxfId="2833" priority="3546">
      <formula>OR(AA$175&lt;&gt;"",AA$176&lt;&gt;"")</formula>
    </cfRule>
    <cfRule type="expression" dxfId="2832" priority="3547">
      <formula>AND(AA$175="",AA$176="")</formula>
    </cfRule>
  </conditionalFormatting>
  <conditionalFormatting sqref="AA181">
    <cfRule type="expression" dxfId="2831" priority="3544">
      <formula>OR(AA$175&lt;&gt;"",AA$176&lt;&gt;"")</formula>
    </cfRule>
    <cfRule type="expression" dxfId="2830" priority="3545">
      <formula>AND(AA$175="",AA$176="")</formula>
    </cfRule>
  </conditionalFormatting>
  <conditionalFormatting sqref="AB177:AB179">
    <cfRule type="expression" dxfId="2829" priority="3538">
      <formula>OR(AB$175&lt;&gt;"",AB$176&lt;&gt;"")</formula>
    </cfRule>
    <cfRule type="expression" dxfId="2828" priority="3539">
      <formula>AND(AB$175="",AB$176="")</formula>
    </cfRule>
  </conditionalFormatting>
  <conditionalFormatting sqref="AB180">
    <cfRule type="expression" dxfId="2827" priority="3536">
      <formula>OR(AB$175&lt;&gt;"",AB$176&lt;&gt;"")</formula>
    </cfRule>
    <cfRule type="expression" dxfId="2826" priority="3537">
      <formula>AND(AB$175="",AB$176="")</formula>
    </cfRule>
  </conditionalFormatting>
  <conditionalFormatting sqref="AB181">
    <cfRule type="expression" dxfId="2825" priority="3534">
      <formula>OR(AB$175&lt;&gt;"",AB$176&lt;&gt;"")</formula>
    </cfRule>
    <cfRule type="expression" dxfId="2824" priority="3535">
      <formula>AND(AB$175="",AB$176="")</formula>
    </cfRule>
  </conditionalFormatting>
  <conditionalFormatting sqref="AC177:AC179">
    <cfRule type="expression" dxfId="2823" priority="3528">
      <formula>OR(AC$175&lt;&gt;"",AC$176&lt;&gt;"")</formula>
    </cfRule>
    <cfRule type="expression" dxfId="2822" priority="3529">
      <formula>AND(AC$175="",AC$176="")</formula>
    </cfRule>
  </conditionalFormatting>
  <conditionalFormatting sqref="AC180">
    <cfRule type="expression" dxfId="2821" priority="3526">
      <formula>OR(AC$175&lt;&gt;"",AC$176&lt;&gt;"")</formula>
    </cfRule>
    <cfRule type="expression" dxfId="2820" priority="3527">
      <formula>AND(AC$175="",AC$176="")</formula>
    </cfRule>
  </conditionalFormatting>
  <conditionalFormatting sqref="AC181">
    <cfRule type="expression" dxfId="2819" priority="3524">
      <formula>OR(AC$175&lt;&gt;"",AC$176&lt;&gt;"")</formula>
    </cfRule>
    <cfRule type="expression" dxfId="2818" priority="3525">
      <formula>AND(AC$175="",AC$176="")</formula>
    </cfRule>
  </conditionalFormatting>
  <conditionalFormatting sqref="AD177:AD179">
    <cfRule type="expression" dxfId="2817" priority="3518">
      <formula>OR(AD$175&lt;&gt;"",AD$176&lt;&gt;"")</formula>
    </cfRule>
    <cfRule type="expression" dxfId="2816" priority="3519">
      <formula>AND(AD$175="",AD$176="")</formula>
    </cfRule>
  </conditionalFormatting>
  <conditionalFormatting sqref="AD180">
    <cfRule type="expression" dxfId="2815" priority="3516">
      <formula>OR(AD$175&lt;&gt;"",AD$176&lt;&gt;"")</formula>
    </cfRule>
    <cfRule type="expression" dxfId="2814" priority="3517">
      <formula>AND(AD$175="",AD$176="")</formula>
    </cfRule>
  </conditionalFormatting>
  <conditionalFormatting sqref="AD181">
    <cfRule type="expression" dxfId="2813" priority="3514">
      <formula>OR(AD$175&lt;&gt;"",AD$176&lt;&gt;"")</formula>
    </cfRule>
    <cfRule type="expression" dxfId="2812" priority="3515">
      <formula>AND(AD$175="",AD$176="")</formula>
    </cfRule>
  </conditionalFormatting>
  <conditionalFormatting sqref="AE177:AE179">
    <cfRule type="expression" dxfId="2811" priority="3508">
      <formula>OR(AE$175&lt;&gt;"",AE$176&lt;&gt;"")</formula>
    </cfRule>
    <cfRule type="expression" dxfId="2810" priority="3509">
      <formula>AND(AE$175="",AE$176="")</formula>
    </cfRule>
  </conditionalFormatting>
  <conditionalFormatting sqref="AE180">
    <cfRule type="expression" dxfId="2809" priority="3506">
      <formula>OR(AE$175&lt;&gt;"",AE$176&lt;&gt;"")</formula>
    </cfRule>
    <cfRule type="expression" dxfId="2808" priority="3507">
      <formula>AND(AE$175="",AE$176="")</formula>
    </cfRule>
  </conditionalFormatting>
  <conditionalFormatting sqref="AE181">
    <cfRule type="expression" dxfId="2807" priority="3504">
      <formula>OR(AE$175&lt;&gt;"",AE$176&lt;&gt;"")</formula>
    </cfRule>
    <cfRule type="expression" dxfId="2806" priority="3505">
      <formula>AND(AE$175="",AE$176="")</formula>
    </cfRule>
  </conditionalFormatting>
  <conditionalFormatting sqref="AF177:AF179">
    <cfRule type="expression" dxfId="2805" priority="3498">
      <formula>OR(AF$175&lt;&gt;"",AF$176&lt;&gt;"")</formula>
    </cfRule>
    <cfRule type="expression" dxfId="2804" priority="3499">
      <formula>AND(AF$175="",AF$176="")</formula>
    </cfRule>
  </conditionalFormatting>
  <conditionalFormatting sqref="AF180">
    <cfRule type="expression" dxfId="2803" priority="3496">
      <formula>OR(AF$175&lt;&gt;"",AF$176&lt;&gt;"")</formula>
    </cfRule>
    <cfRule type="expression" dxfId="2802" priority="3497">
      <formula>AND(AF$175="",AF$176="")</formula>
    </cfRule>
  </conditionalFormatting>
  <conditionalFormatting sqref="AF181">
    <cfRule type="expression" dxfId="2801" priority="3494">
      <formula>OR(AF$175&lt;&gt;"",AF$176&lt;&gt;"")</formula>
    </cfRule>
    <cfRule type="expression" dxfId="2800" priority="3495">
      <formula>AND(AF$175="",AF$176="")</formula>
    </cfRule>
  </conditionalFormatting>
  <conditionalFormatting sqref="AG177:AG179">
    <cfRule type="expression" dxfId="2799" priority="3488">
      <formula>OR(AG$175&lt;&gt;"",AG$176&lt;&gt;"")</formula>
    </cfRule>
    <cfRule type="expression" dxfId="2798" priority="3489">
      <formula>AND(AG$175="",AG$176="")</formula>
    </cfRule>
  </conditionalFormatting>
  <conditionalFormatting sqref="AG180">
    <cfRule type="expression" dxfId="2797" priority="3486">
      <formula>OR(AG$175&lt;&gt;"",AG$176&lt;&gt;"")</formula>
    </cfRule>
    <cfRule type="expression" dxfId="2796" priority="3487">
      <formula>AND(AG$175="",AG$176="")</formula>
    </cfRule>
  </conditionalFormatting>
  <conditionalFormatting sqref="AG181">
    <cfRule type="expression" dxfId="2795" priority="3484">
      <formula>OR(AG$175&lt;&gt;"",AG$176&lt;&gt;"")</formula>
    </cfRule>
    <cfRule type="expression" dxfId="2794" priority="3485">
      <formula>AND(AG$175="",AG$176="")</formula>
    </cfRule>
  </conditionalFormatting>
  <conditionalFormatting sqref="AH177:AH179">
    <cfRule type="expression" dxfId="2793" priority="3478">
      <formula>OR(AH$175&lt;&gt;"",AH$176&lt;&gt;"")</formula>
    </cfRule>
    <cfRule type="expression" dxfId="2792" priority="3479">
      <formula>AND(AH$175="",AH$176="")</formula>
    </cfRule>
  </conditionalFormatting>
  <conditionalFormatting sqref="AH180">
    <cfRule type="expression" dxfId="2791" priority="3476">
      <formula>OR(AH$175&lt;&gt;"",AH$176&lt;&gt;"")</formula>
    </cfRule>
    <cfRule type="expression" dxfId="2790" priority="3477">
      <formula>AND(AH$175="",AH$176="")</formula>
    </cfRule>
  </conditionalFormatting>
  <conditionalFormatting sqref="AH181">
    <cfRule type="expression" dxfId="2789" priority="3474">
      <formula>OR(AH$175&lt;&gt;"",AH$176&lt;&gt;"")</formula>
    </cfRule>
    <cfRule type="expression" dxfId="2788" priority="3475">
      <formula>AND(AH$175="",AH$176="")</formula>
    </cfRule>
  </conditionalFormatting>
  <conditionalFormatting sqref="AI177:AI179">
    <cfRule type="expression" dxfId="2787" priority="3468">
      <formula>OR(AI$175&lt;&gt;"",AI$176&lt;&gt;"")</formula>
    </cfRule>
    <cfRule type="expression" dxfId="2786" priority="3469">
      <formula>AND(AI$175="",AI$176="")</formula>
    </cfRule>
  </conditionalFormatting>
  <conditionalFormatting sqref="AI180">
    <cfRule type="expression" dxfId="2785" priority="3466">
      <formula>OR(AI$175&lt;&gt;"",AI$176&lt;&gt;"")</formula>
    </cfRule>
    <cfRule type="expression" dxfId="2784" priority="3467">
      <formula>AND(AI$175="",AI$176="")</formula>
    </cfRule>
  </conditionalFormatting>
  <conditionalFormatting sqref="AI181">
    <cfRule type="expression" dxfId="2783" priority="3464">
      <formula>OR(AI$175&lt;&gt;"",AI$176&lt;&gt;"")</formula>
    </cfRule>
    <cfRule type="expression" dxfId="2782" priority="3465">
      <formula>AND(AI$175="",AI$176="")</formula>
    </cfRule>
  </conditionalFormatting>
  <conditionalFormatting sqref="AJ177:AJ179">
    <cfRule type="expression" dxfId="2781" priority="3458">
      <formula>OR(AJ$175&lt;&gt;"",AJ$176&lt;&gt;"")</formula>
    </cfRule>
    <cfRule type="expression" dxfId="2780" priority="3459">
      <formula>AND(AJ$175="",AJ$176="")</formula>
    </cfRule>
  </conditionalFormatting>
  <conditionalFormatting sqref="AJ180">
    <cfRule type="expression" dxfId="2779" priority="3456">
      <formula>OR(AJ$175&lt;&gt;"",AJ$176&lt;&gt;"")</formula>
    </cfRule>
    <cfRule type="expression" dxfId="2778" priority="3457">
      <formula>AND(AJ$175="",AJ$176="")</formula>
    </cfRule>
  </conditionalFormatting>
  <conditionalFormatting sqref="AJ181">
    <cfRule type="expression" dxfId="2777" priority="3454">
      <formula>OR(AJ$175&lt;&gt;"",AJ$176&lt;&gt;"")</formula>
    </cfRule>
    <cfRule type="expression" dxfId="2776" priority="3455">
      <formula>AND(AJ$175="",AJ$176="")</formula>
    </cfRule>
  </conditionalFormatting>
  <conditionalFormatting sqref="AK177:AK179">
    <cfRule type="expression" dxfId="2775" priority="3448">
      <formula>OR(AK$175&lt;&gt;"",AK$176&lt;&gt;"")</formula>
    </cfRule>
    <cfRule type="expression" dxfId="2774" priority="3449">
      <formula>AND(AK$175="",AK$176="")</formula>
    </cfRule>
  </conditionalFormatting>
  <conditionalFormatting sqref="AK180">
    <cfRule type="expression" dxfId="2773" priority="3446">
      <formula>OR(AK$175&lt;&gt;"",AK$176&lt;&gt;"")</formula>
    </cfRule>
    <cfRule type="expression" dxfId="2772" priority="3447">
      <formula>AND(AK$175="",AK$176="")</formula>
    </cfRule>
  </conditionalFormatting>
  <conditionalFormatting sqref="AK181">
    <cfRule type="expression" dxfId="2771" priority="3444">
      <formula>OR(AK$175&lt;&gt;"",AK$176&lt;&gt;"")</formula>
    </cfRule>
    <cfRule type="expression" dxfId="2770" priority="3445">
      <formula>AND(AK$175="",AK$176="")</formula>
    </cfRule>
  </conditionalFormatting>
  <conditionalFormatting sqref="AL177:AL179">
    <cfRule type="expression" dxfId="2769" priority="3438">
      <formula>OR(AL$175&lt;&gt;"",AL$176&lt;&gt;"")</formula>
    </cfRule>
    <cfRule type="expression" dxfId="2768" priority="3439">
      <formula>AND(AL$175="",AL$176="")</formula>
    </cfRule>
  </conditionalFormatting>
  <conditionalFormatting sqref="AL180">
    <cfRule type="expression" dxfId="2767" priority="3436">
      <formula>OR(AL$175&lt;&gt;"",AL$176&lt;&gt;"")</formula>
    </cfRule>
    <cfRule type="expression" dxfId="2766" priority="3437">
      <formula>AND(AL$175="",AL$176="")</formula>
    </cfRule>
  </conditionalFormatting>
  <conditionalFormatting sqref="AL181">
    <cfRule type="expression" dxfId="2765" priority="3434">
      <formula>OR(AL$175&lt;&gt;"",AL$176&lt;&gt;"")</formula>
    </cfRule>
    <cfRule type="expression" dxfId="2764" priority="3435">
      <formula>AND(AL$175="",AL$176="")</formula>
    </cfRule>
  </conditionalFormatting>
  <conditionalFormatting sqref="AM177:AM179">
    <cfRule type="expression" dxfId="2763" priority="3428">
      <formula>OR(AM$175&lt;&gt;"",AM$176&lt;&gt;"")</formula>
    </cfRule>
    <cfRule type="expression" dxfId="2762" priority="3429">
      <formula>AND(AM$175="",AM$176="")</formula>
    </cfRule>
  </conditionalFormatting>
  <conditionalFormatting sqref="AM180">
    <cfRule type="expression" dxfId="2761" priority="3426">
      <formula>OR(AM$175&lt;&gt;"",AM$176&lt;&gt;"")</formula>
    </cfRule>
    <cfRule type="expression" dxfId="2760" priority="3427">
      <formula>AND(AM$175="",AM$176="")</formula>
    </cfRule>
  </conditionalFormatting>
  <conditionalFormatting sqref="AM181">
    <cfRule type="expression" dxfId="2759" priority="3424">
      <formula>OR(AM$175&lt;&gt;"",AM$176&lt;&gt;"")</formula>
    </cfRule>
    <cfRule type="expression" dxfId="2758" priority="3425">
      <formula>AND(AM$175="",AM$176="")</formula>
    </cfRule>
  </conditionalFormatting>
  <conditionalFormatting sqref="AN177:AN179">
    <cfRule type="expression" dxfId="2757" priority="3418">
      <formula>OR(AN$175&lt;&gt;"",AN$176&lt;&gt;"")</formula>
    </cfRule>
    <cfRule type="expression" dxfId="2756" priority="3419">
      <formula>AND(AN$175="",AN$176="")</formula>
    </cfRule>
  </conditionalFormatting>
  <conditionalFormatting sqref="AN180">
    <cfRule type="expression" dxfId="2755" priority="3416">
      <formula>OR(AN$175&lt;&gt;"",AN$176&lt;&gt;"")</formula>
    </cfRule>
    <cfRule type="expression" dxfId="2754" priority="3417">
      <formula>AND(AN$175="",AN$176="")</formula>
    </cfRule>
  </conditionalFormatting>
  <conditionalFormatting sqref="AN181">
    <cfRule type="expression" dxfId="2753" priority="3414">
      <formula>OR(AN$175&lt;&gt;"",AN$176&lt;&gt;"")</formula>
    </cfRule>
    <cfRule type="expression" dxfId="2752" priority="3415">
      <formula>AND(AN$175="",AN$176="")</formula>
    </cfRule>
  </conditionalFormatting>
  <conditionalFormatting sqref="AO177:AO179">
    <cfRule type="expression" dxfId="2751" priority="3408">
      <formula>OR(AO$175&lt;&gt;"",AO$176&lt;&gt;"")</formula>
    </cfRule>
    <cfRule type="expression" dxfId="2750" priority="3409">
      <formula>AND(AO$175="",AO$176="")</formula>
    </cfRule>
  </conditionalFormatting>
  <conditionalFormatting sqref="AO180">
    <cfRule type="expression" dxfId="2749" priority="3406">
      <formula>OR(AO$175&lt;&gt;"",AO$176&lt;&gt;"")</formula>
    </cfRule>
    <cfRule type="expression" dxfId="2748" priority="3407">
      <formula>AND(AO$175="",AO$176="")</formula>
    </cfRule>
  </conditionalFormatting>
  <conditionalFormatting sqref="AO181">
    <cfRule type="expression" dxfId="2747" priority="3404">
      <formula>OR(AO$175&lt;&gt;"",AO$176&lt;&gt;"")</formula>
    </cfRule>
    <cfRule type="expression" dxfId="2746" priority="3405">
      <formula>AND(AO$175="",AO$176="")</formula>
    </cfRule>
  </conditionalFormatting>
  <conditionalFormatting sqref="AP177:AP179">
    <cfRule type="expression" dxfId="2745" priority="3398">
      <formula>OR(AP$175&lt;&gt;"",AP$176&lt;&gt;"")</formula>
    </cfRule>
    <cfRule type="expression" dxfId="2744" priority="3399">
      <formula>AND(AP$175="",AP$176="")</formula>
    </cfRule>
  </conditionalFormatting>
  <conditionalFormatting sqref="AP180">
    <cfRule type="expression" dxfId="2743" priority="3396">
      <formula>OR(AP$175&lt;&gt;"",AP$176&lt;&gt;"")</formula>
    </cfRule>
    <cfRule type="expression" dxfId="2742" priority="3397">
      <formula>AND(AP$175="",AP$176="")</formula>
    </cfRule>
  </conditionalFormatting>
  <conditionalFormatting sqref="AP181">
    <cfRule type="expression" dxfId="2741" priority="3394">
      <formula>OR(AP$175&lt;&gt;"",AP$176&lt;&gt;"")</formula>
    </cfRule>
    <cfRule type="expression" dxfId="2740" priority="3395">
      <formula>AND(AP$175="",AP$176="")</formula>
    </cfRule>
  </conditionalFormatting>
  <conditionalFormatting sqref="AQ177:AQ179">
    <cfRule type="expression" dxfId="2739" priority="3388">
      <formula>OR(AQ$175&lt;&gt;"",AQ$176&lt;&gt;"")</formula>
    </cfRule>
    <cfRule type="expression" dxfId="2738" priority="3389">
      <formula>AND(AQ$175="",AQ$176="")</formula>
    </cfRule>
  </conditionalFormatting>
  <conditionalFormatting sqref="AQ180">
    <cfRule type="expression" dxfId="2737" priority="3386">
      <formula>OR(AQ$175&lt;&gt;"",AQ$176&lt;&gt;"")</formula>
    </cfRule>
    <cfRule type="expression" dxfId="2736" priority="3387">
      <formula>AND(AQ$175="",AQ$176="")</formula>
    </cfRule>
  </conditionalFormatting>
  <conditionalFormatting sqref="AQ181">
    <cfRule type="expression" dxfId="2735" priority="3384">
      <formula>OR(AQ$175&lt;&gt;"",AQ$176&lt;&gt;"")</formula>
    </cfRule>
    <cfRule type="expression" dxfId="2734" priority="3385">
      <formula>AND(AQ$175="",AQ$176="")</formula>
    </cfRule>
  </conditionalFormatting>
  <conditionalFormatting sqref="AR177:AR179">
    <cfRule type="expression" dxfId="2733" priority="3378">
      <formula>OR(AR$175&lt;&gt;"",AR$176&lt;&gt;"")</formula>
    </cfRule>
    <cfRule type="expression" dxfId="2732" priority="3379">
      <formula>AND(AR$175="",AR$176="")</formula>
    </cfRule>
  </conditionalFormatting>
  <conditionalFormatting sqref="AR180">
    <cfRule type="expression" dxfId="2731" priority="3376">
      <formula>OR(AR$175&lt;&gt;"",AR$176&lt;&gt;"")</formula>
    </cfRule>
    <cfRule type="expression" dxfId="2730" priority="3377">
      <formula>AND(AR$175="",AR$176="")</formula>
    </cfRule>
  </conditionalFormatting>
  <conditionalFormatting sqref="AR181">
    <cfRule type="expression" dxfId="2729" priority="3374">
      <formula>OR(AR$175&lt;&gt;"",AR$176&lt;&gt;"")</formula>
    </cfRule>
    <cfRule type="expression" dxfId="2728" priority="3375">
      <formula>AND(AR$175="",AR$176="")</formula>
    </cfRule>
  </conditionalFormatting>
  <conditionalFormatting sqref="AS177:AS179">
    <cfRule type="expression" dxfId="2727" priority="3368">
      <formula>OR(AS$175&lt;&gt;"",AS$176&lt;&gt;"")</formula>
    </cfRule>
    <cfRule type="expression" dxfId="2726" priority="3369">
      <formula>AND(AS$175="",AS$176="")</formula>
    </cfRule>
  </conditionalFormatting>
  <conditionalFormatting sqref="AS180">
    <cfRule type="expression" dxfId="2725" priority="3366">
      <formula>OR(AS$175&lt;&gt;"",AS$176&lt;&gt;"")</formula>
    </cfRule>
    <cfRule type="expression" dxfId="2724" priority="3367">
      <formula>AND(AS$175="",AS$176="")</formula>
    </cfRule>
  </conditionalFormatting>
  <conditionalFormatting sqref="AS181">
    <cfRule type="expression" dxfId="2723" priority="3364">
      <formula>OR(AS$175&lt;&gt;"",AS$176&lt;&gt;"")</formula>
    </cfRule>
    <cfRule type="expression" dxfId="2722" priority="3365">
      <formula>AND(AS$175="",AS$176="")</formula>
    </cfRule>
  </conditionalFormatting>
  <conditionalFormatting sqref="AT177:AT179">
    <cfRule type="expression" dxfId="2721" priority="3358">
      <formula>OR(AT$175&lt;&gt;"",AT$176&lt;&gt;"")</formula>
    </cfRule>
    <cfRule type="expression" dxfId="2720" priority="3359">
      <formula>AND(AT$175="",AT$176="")</formula>
    </cfRule>
  </conditionalFormatting>
  <conditionalFormatting sqref="AT180">
    <cfRule type="expression" dxfId="2719" priority="3356">
      <formula>OR(AT$175&lt;&gt;"",AT$176&lt;&gt;"")</formula>
    </cfRule>
    <cfRule type="expression" dxfId="2718" priority="3357">
      <formula>AND(AT$175="",AT$176="")</formula>
    </cfRule>
  </conditionalFormatting>
  <conditionalFormatting sqref="AT181">
    <cfRule type="expression" dxfId="2717" priority="3354">
      <formula>OR(AT$175&lt;&gt;"",AT$176&lt;&gt;"")</formula>
    </cfRule>
    <cfRule type="expression" dxfId="2716" priority="3355">
      <formula>AND(AT$175="",AT$176="")</formula>
    </cfRule>
  </conditionalFormatting>
  <conditionalFormatting sqref="AU177:AU179">
    <cfRule type="expression" dxfId="2715" priority="3348">
      <formula>OR(AU$175&lt;&gt;"",AU$176&lt;&gt;"")</formula>
    </cfRule>
    <cfRule type="expression" dxfId="2714" priority="3349">
      <formula>AND(AU$175="",AU$176="")</formula>
    </cfRule>
  </conditionalFormatting>
  <conditionalFormatting sqref="AU180">
    <cfRule type="expression" dxfId="2713" priority="3346">
      <formula>OR(AU$175&lt;&gt;"",AU$176&lt;&gt;"")</formula>
    </cfRule>
    <cfRule type="expression" dxfId="2712" priority="3347">
      <formula>AND(AU$175="",AU$176="")</formula>
    </cfRule>
  </conditionalFormatting>
  <conditionalFormatting sqref="AU181">
    <cfRule type="expression" dxfId="2711" priority="3344">
      <formula>OR(AU$175&lt;&gt;"",AU$176&lt;&gt;"")</formula>
    </cfRule>
    <cfRule type="expression" dxfId="2710" priority="3345">
      <formula>AND(AU$175="",AU$176="")</formula>
    </cfRule>
  </conditionalFormatting>
  <conditionalFormatting sqref="AV177:AV179">
    <cfRule type="expression" dxfId="2709" priority="3338">
      <formula>OR(AV$175&lt;&gt;"",AV$176&lt;&gt;"")</formula>
    </cfRule>
    <cfRule type="expression" dxfId="2708" priority="3339">
      <formula>AND(AV$175="",AV$176="")</formula>
    </cfRule>
  </conditionalFormatting>
  <conditionalFormatting sqref="AV180">
    <cfRule type="expression" dxfId="2707" priority="3336">
      <formula>OR(AV$175&lt;&gt;"",AV$176&lt;&gt;"")</formula>
    </cfRule>
    <cfRule type="expression" dxfId="2706" priority="3337">
      <formula>AND(AV$175="",AV$176="")</formula>
    </cfRule>
  </conditionalFormatting>
  <conditionalFormatting sqref="AV181">
    <cfRule type="expression" dxfId="2705" priority="3334">
      <formula>OR(AV$175&lt;&gt;"",AV$176&lt;&gt;"")</formula>
    </cfRule>
    <cfRule type="expression" dxfId="2704" priority="3335">
      <formula>AND(AV$175="",AV$176="")</formula>
    </cfRule>
  </conditionalFormatting>
  <conditionalFormatting sqref="AW177:AW179">
    <cfRule type="expression" dxfId="2703" priority="3328">
      <formula>OR(AW$175&lt;&gt;"",AW$176&lt;&gt;"")</formula>
    </cfRule>
    <cfRule type="expression" dxfId="2702" priority="3329">
      <formula>AND(AW$175="",AW$176="")</formula>
    </cfRule>
  </conditionalFormatting>
  <conditionalFormatting sqref="AW180">
    <cfRule type="expression" dxfId="2701" priority="3326">
      <formula>OR(AW$175&lt;&gt;"",AW$176&lt;&gt;"")</formula>
    </cfRule>
    <cfRule type="expression" dxfId="2700" priority="3327">
      <formula>AND(AW$175="",AW$176="")</formula>
    </cfRule>
  </conditionalFormatting>
  <conditionalFormatting sqref="AW181">
    <cfRule type="expression" dxfId="2699" priority="3324">
      <formula>OR(AW$175&lt;&gt;"",AW$176&lt;&gt;"")</formula>
    </cfRule>
    <cfRule type="expression" dxfId="2698" priority="3325">
      <formula>AND(AW$175="",AW$176="")</formula>
    </cfRule>
  </conditionalFormatting>
  <conditionalFormatting sqref="AX177:AX179">
    <cfRule type="expression" dxfId="2697" priority="3318">
      <formula>OR(AX$175&lt;&gt;"",AX$176&lt;&gt;"")</formula>
    </cfRule>
    <cfRule type="expression" dxfId="2696" priority="3319">
      <formula>AND(AX$175="",AX$176="")</formula>
    </cfRule>
  </conditionalFormatting>
  <conditionalFormatting sqref="AX180">
    <cfRule type="expression" dxfId="2695" priority="3316">
      <formula>OR(AX$175&lt;&gt;"",AX$176&lt;&gt;"")</formula>
    </cfRule>
    <cfRule type="expression" dxfId="2694" priority="3317">
      <formula>AND(AX$175="",AX$176="")</formula>
    </cfRule>
  </conditionalFormatting>
  <conditionalFormatting sqref="AX181">
    <cfRule type="expression" dxfId="2693" priority="3314">
      <formula>OR(AX$175&lt;&gt;"",AX$176&lt;&gt;"")</formula>
    </cfRule>
    <cfRule type="expression" dxfId="2692" priority="3315">
      <formula>AND(AX$175="",AX$176="")</formula>
    </cfRule>
  </conditionalFormatting>
  <conditionalFormatting sqref="AY177:AY179">
    <cfRule type="expression" dxfId="2691" priority="3308">
      <formula>OR(AY$175&lt;&gt;"",AY$176&lt;&gt;"")</formula>
    </cfRule>
    <cfRule type="expression" dxfId="2690" priority="3309">
      <formula>AND(AY$175="",AY$176="")</formula>
    </cfRule>
  </conditionalFormatting>
  <conditionalFormatting sqref="AY180">
    <cfRule type="expression" dxfId="2689" priority="3306">
      <formula>OR(AY$175&lt;&gt;"",AY$176&lt;&gt;"")</formula>
    </cfRule>
    <cfRule type="expression" dxfId="2688" priority="3307">
      <formula>AND(AY$175="",AY$176="")</formula>
    </cfRule>
  </conditionalFormatting>
  <conditionalFormatting sqref="AY181">
    <cfRule type="expression" dxfId="2687" priority="3304">
      <formula>OR(AY$175&lt;&gt;"",AY$176&lt;&gt;"")</formula>
    </cfRule>
    <cfRule type="expression" dxfId="2686" priority="3305">
      <formula>AND(AY$175="",AY$176="")</formula>
    </cfRule>
  </conditionalFormatting>
  <conditionalFormatting sqref="AZ177:AZ179">
    <cfRule type="expression" dxfId="2685" priority="3298">
      <formula>OR(AZ$175&lt;&gt;"",AZ$176&lt;&gt;"")</formula>
    </cfRule>
    <cfRule type="expression" dxfId="2684" priority="3299">
      <formula>AND(AZ$175="",AZ$176="")</formula>
    </cfRule>
  </conditionalFormatting>
  <conditionalFormatting sqref="AZ180">
    <cfRule type="expression" dxfId="2683" priority="3296">
      <formula>OR(AZ$175&lt;&gt;"",AZ$176&lt;&gt;"")</formula>
    </cfRule>
    <cfRule type="expression" dxfId="2682" priority="3297">
      <formula>AND(AZ$175="",AZ$176="")</formula>
    </cfRule>
  </conditionalFormatting>
  <conditionalFormatting sqref="AZ181">
    <cfRule type="expression" dxfId="2681" priority="3294">
      <formula>OR(AZ$175&lt;&gt;"",AZ$176&lt;&gt;"")</formula>
    </cfRule>
    <cfRule type="expression" dxfId="2680" priority="3295">
      <formula>AND(AZ$175="",AZ$176="")</formula>
    </cfRule>
  </conditionalFormatting>
  <conditionalFormatting sqref="BA177:BA179">
    <cfRule type="expression" dxfId="2679" priority="3288">
      <formula>OR(BA$175&lt;&gt;"",BA$176&lt;&gt;"")</formula>
    </cfRule>
    <cfRule type="expression" dxfId="2678" priority="3289">
      <formula>AND(BA$175="",BA$176="")</formula>
    </cfRule>
  </conditionalFormatting>
  <conditionalFormatting sqref="BA180">
    <cfRule type="expression" dxfId="2677" priority="3286">
      <formula>OR(BA$175&lt;&gt;"",BA$176&lt;&gt;"")</formula>
    </cfRule>
    <cfRule type="expression" dxfId="2676" priority="3287">
      <formula>AND(BA$175="",BA$176="")</formula>
    </cfRule>
  </conditionalFormatting>
  <conditionalFormatting sqref="BA181">
    <cfRule type="expression" dxfId="2675" priority="3284">
      <formula>OR(BA$175&lt;&gt;"",BA$176&lt;&gt;"")</formula>
    </cfRule>
    <cfRule type="expression" dxfId="2674" priority="3285">
      <formula>AND(BA$175="",BA$176="")</formula>
    </cfRule>
  </conditionalFormatting>
  <conditionalFormatting sqref="BB177:BB179">
    <cfRule type="expression" dxfId="2673" priority="3278">
      <formula>OR(BB$175&lt;&gt;"",BB$176&lt;&gt;"")</formula>
    </cfRule>
    <cfRule type="expression" dxfId="2672" priority="3279">
      <formula>AND(BB$175="",BB$176="")</formula>
    </cfRule>
  </conditionalFormatting>
  <conditionalFormatting sqref="BB180">
    <cfRule type="expression" dxfId="2671" priority="3276">
      <formula>OR(BB$175&lt;&gt;"",BB$176&lt;&gt;"")</formula>
    </cfRule>
    <cfRule type="expression" dxfId="2670" priority="3277">
      <formula>AND(BB$175="",BB$176="")</formula>
    </cfRule>
  </conditionalFormatting>
  <conditionalFormatting sqref="BB181">
    <cfRule type="expression" dxfId="2669" priority="3274">
      <formula>OR(BB$175&lt;&gt;"",BB$176&lt;&gt;"")</formula>
    </cfRule>
    <cfRule type="expression" dxfId="2668" priority="3275">
      <formula>AND(BB$175="",BB$176="")</formula>
    </cfRule>
  </conditionalFormatting>
  <conditionalFormatting sqref="BC177:BC179">
    <cfRule type="expression" dxfId="2667" priority="3268">
      <formula>OR(BC$175&lt;&gt;"",BC$176&lt;&gt;"")</formula>
    </cfRule>
    <cfRule type="expression" dxfId="2666" priority="3269">
      <formula>AND(BC$175="",BC$176="")</formula>
    </cfRule>
  </conditionalFormatting>
  <conditionalFormatting sqref="BC180">
    <cfRule type="expression" dxfId="2665" priority="3266">
      <formula>OR(BC$175&lt;&gt;"",BC$176&lt;&gt;"")</formula>
    </cfRule>
    <cfRule type="expression" dxfId="2664" priority="3267">
      <formula>AND(BC$175="",BC$176="")</formula>
    </cfRule>
  </conditionalFormatting>
  <conditionalFormatting sqref="BC181">
    <cfRule type="expression" dxfId="2663" priority="3264">
      <formula>OR(BC$175&lt;&gt;"",BC$176&lt;&gt;"")</formula>
    </cfRule>
    <cfRule type="expression" dxfId="2662" priority="3265">
      <formula>AND(BC$175="",BC$176="")</formula>
    </cfRule>
  </conditionalFormatting>
  <conditionalFormatting sqref="BD177:BD179">
    <cfRule type="expression" dxfId="2661" priority="3258">
      <formula>OR(BD$175&lt;&gt;"",BD$176&lt;&gt;"")</formula>
    </cfRule>
    <cfRule type="expression" dxfId="2660" priority="3259">
      <formula>AND(BD$175="",BD$176="")</formula>
    </cfRule>
  </conditionalFormatting>
  <conditionalFormatting sqref="BD180">
    <cfRule type="expression" dxfId="2659" priority="3256">
      <formula>OR(BD$175&lt;&gt;"",BD$176&lt;&gt;"")</formula>
    </cfRule>
    <cfRule type="expression" dxfId="2658" priority="3257">
      <formula>AND(BD$175="",BD$176="")</formula>
    </cfRule>
  </conditionalFormatting>
  <conditionalFormatting sqref="BD181">
    <cfRule type="expression" dxfId="2657" priority="3254">
      <formula>OR(BD$175&lt;&gt;"",BD$176&lt;&gt;"")</formula>
    </cfRule>
    <cfRule type="expression" dxfId="2656" priority="3255">
      <formula>AND(BD$175="",BD$176="")</formula>
    </cfRule>
  </conditionalFormatting>
  <conditionalFormatting sqref="BE177:BE179">
    <cfRule type="expression" dxfId="2655" priority="3248">
      <formula>OR(BE$175&lt;&gt;"",BE$176&lt;&gt;"")</formula>
    </cfRule>
    <cfRule type="expression" dxfId="2654" priority="3249">
      <formula>AND(BE$175="",BE$176="")</formula>
    </cfRule>
  </conditionalFormatting>
  <conditionalFormatting sqref="BE180">
    <cfRule type="expression" dxfId="2653" priority="3246">
      <formula>OR(BE$175&lt;&gt;"",BE$176&lt;&gt;"")</formula>
    </cfRule>
    <cfRule type="expression" dxfId="2652" priority="3247">
      <formula>AND(BE$175="",BE$176="")</formula>
    </cfRule>
  </conditionalFormatting>
  <conditionalFormatting sqref="BE181">
    <cfRule type="expression" dxfId="2651" priority="3244">
      <formula>OR(BE$175&lt;&gt;"",BE$176&lt;&gt;"")</formula>
    </cfRule>
    <cfRule type="expression" dxfId="2650" priority="3245">
      <formula>AND(BE$175="",BE$176="")</formula>
    </cfRule>
  </conditionalFormatting>
  <conditionalFormatting sqref="BF177:BF179">
    <cfRule type="expression" dxfId="2649" priority="3238">
      <formula>OR(BF$175&lt;&gt;"",BF$176&lt;&gt;"")</formula>
    </cfRule>
    <cfRule type="expression" dxfId="2648" priority="3239">
      <formula>AND(BF$175="",BF$176="")</formula>
    </cfRule>
  </conditionalFormatting>
  <conditionalFormatting sqref="BF180">
    <cfRule type="expression" dxfId="2647" priority="3236">
      <formula>OR(BF$175&lt;&gt;"",BF$176&lt;&gt;"")</formula>
    </cfRule>
    <cfRule type="expression" dxfId="2646" priority="3237">
      <formula>AND(BF$175="",BF$176="")</formula>
    </cfRule>
  </conditionalFormatting>
  <conditionalFormatting sqref="BF181">
    <cfRule type="expression" dxfId="2645" priority="3234">
      <formula>OR(BF$175&lt;&gt;"",BF$176&lt;&gt;"")</formula>
    </cfRule>
    <cfRule type="expression" dxfId="2644" priority="3235">
      <formula>AND(BF$175="",BF$176="")</formula>
    </cfRule>
  </conditionalFormatting>
  <conditionalFormatting sqref="BG177:BG179">
    <cfRule type="expression" dxfId="2643" priority="3228">
      <formula>OR(BG$175&lt;&gt;"",BG$176&lt;&gt;"")</formula>
    </cfRule>
    <cfRule type="expression" dxfId="2642" priority="3229">
      <formula>AND(BG$175="",BG$176="")</formula>
    </cfRule>
  </conditionalFormatting>
  <conditionalFormatting sqref="BG180">
    <cfRule type="expression" dxfId="2641" priority="3226">
      <formula>OR(BG$175&lt;&gt;"",BG$176&lt;&gt;"")</formula>
    </cfRule>
    <cfRule type="expression" dxfId="2640" priority="3227">
      <formula>AND(BG$175="",BG$176="")</formula>
    </cfRule>
  </conditionalFormatting>
  <conditionalFormatting sqref="BG181">
    <cfRule type="expression" dxfId="2639" priority="3224">
      <formula>OR(BG$175&lt;&gt;"",BG$176&lt;&gt;"")</formula>
    </cfRule>
    <cfRule type="expression" dxfId="2638" priority="3225">
      <formula>AND(BG$175="",BG$176="")</formula>
    </cfRule>
  </conditionalFormatting>
  <conditionalFormatting sqref="BH177:BH179">
    <cfRule type="expression" dxfId="2637" priority="3218">
      <formula>OR(BH$175&lt;&gt;"",BH$176&lt;&gt;"")</formula>
    </cfRule>
    <cfRule type="expression" dxfId="2636" priority="3219">
      <formula>AND(BH$175="",BH$176="")</formula>
    </cfRule>
  </conditionalFormatting>
  <conditionalFormatting sqref="BH180">
    <cfRule type="expression" dxfId="2635" priority="3216">
      <formula>OR(BH$175&lt;&gt;"",BH$176&lt;&gt;"")</formula>
    </cfRule>
    <cfRule type="expression" dxfId="2634" priority="3217">
      <formula>AND(BH$175="",BH$176="")</formula>
    </cfRule>
  </conditionalFormatting>
  <conditionalFormatting sqref="BH181">
    <cfRule type="expression" dxfId="2633" priority="3214">
      <formula>OR(BH$175&lt;&gt;"",BH$176&lt;&gt;"")</formula>
    </cfRule>
    <cfRule type="expression" dxfId="2632" priority="3215">
      <formula>AND(BH$175="",BH$176="")</formula>
    </cfRule>
  </conditionalFormatting>
  <conditionalFormatting sqref="BI177:BI179">
    <cfRule type="expression" dxfId="2631" priority="3208">
      <formula>OR(BI$175&lt;&gt;"",BI$176&lt;&gt;"")</formula>
    </cfRule>
    <cfRule type="expression" dxfId="2630" priority="3209">
      <formula>AND(BI$175="",BI$176="")</formula>
    </cfRule>
  </conditionalFormatting>
  <conditionalFormatting sqref="BI180">
    <cfRule type="expression" dxfId="2629" priority="3206">
      <formula>OR(BI$175&lt;&gt;"",BI$176&lt;&gt;"")</formula>
    </cfRule>
    <cfRule type="expression" dxfId="2628" priority="3207">
      <formula>AND(BI$175="",BI$176="")</formula>
    </cfRule>
  </conditionalFormatting>
  <conditionalFormatting sqref="BI181">
    <cfRule type="expression" dxfId="2627" priority="3204">
      <formula>OR(BI$175&lt;&gt;"",BI$176&lt;&gt;"")</formula>
    </cfRule>
    <cfRule type="expression" dxfId="2626" priority="3205">
      <formula>AND(BI$175="",BI$176="")</formula>
    </cfRule>
  </conditionalFormatting>
  <conditionalFormatting sqref="BJ177:BJ179">
    <cfRule type="expression" dxfId="2625" priority="3198">
      <formula>OR(BJ$175&lt;&gt;"",BJ$176&lt;&gt;"")</formula>
    </cfRule>
    <cfRule type="expression" dxfId="2624" priority="3199">
      <formula>AND(BJ$175="",BJ$176="")</formula>
    </cfRule>
  </conditionalFormatting>
  <conditionalFormatting sqref="BJ180">
    <cfRule type="expression" dxfId="2623" priority="3196">
      <formula>OR(BJ$175&lt;&gt;"",BJ$176&lt;&gt;"")</formula>
    </cfRule>
    <cfRule type="expression" dxfId="2622" priority="3197">
      <formula>AND(BJ$175="",BJ$176="")</formula>
    </cfRule>
  </conditionalFormatting>
  <conditionalFormatting sqref="BJ181">
    <cfRule type="expression" dxfId="2621" priority="3194">
      <formula>OR(BJ$175&lt;&gt;"",BJ$176&lt;&gt;"")</formula>
    </cfRule>
    <cfRule type="expression" dxfId="2620" priority="3195">
      <formula>AND(BJ$175="",BJ$176="")</formula>
    </cfRule>
  </conditionalFormatting>
  <conditionalFormatting sqref="BK177:BK179">
    <cfRule type="expression" dxfId="2619" priority="3188">
      <formula>OR(BK$175&lt;&gt;"",BK$176&lt;&gt;"")</formula>
    </cfRule>
    <cfRule type="expression" dxfId="2618" priority="3189">
      <formula>AND(BK$175="",BK$176="")</formula>
    </cfRule>
  </conditionalFormatting>
  <conditionalFormatting sqref="BK180">
    <cfRule type="expression" dxfId="2617" priority="3186">
      <formula>OR(BK$175&lt;&gt;"",BK$176&lt;&gt;"")</formula>
    </cfRule>
    <cfRule type="expression" dxfId="2616" priority="3187">
      <formula>AND(BK$175="",BK$176="")</formula>
    </cfRule>
  </conditionalFormatting>
  <conditionalFormatting sqref="BK181">
    <cfRule type="expression" dxfId="2615" priority="3184">
      <formula>OR(BK$175&lt;&gt;"",BK$176&lt;&gt;"")</formula>
    </cfRule>
    <cfRule type="expression" dxfId="2614" priority="3185">
      <formula>AND(BK$175="",BK$176="")</formula>
    </cfRule>
  </conditionalFormatting>
  <conditionalFormatting sqref="BL177:BL179">
    <cfRule type="expression" dxfId="2613" priority="3178">
      <formula>OR(BL$175&lt;&gt;"",BL$176&lt;&gt;"")</formula>
    </cfRule>
    <cfRule type="expression" dxfId="2612" priority="3179">
      <formula>AND(BL$175="",BL$176="")</formula>
    </cfRule>
  </conditionalFormatting>
  <conditionalFormatting sqref="BL180">
    <cfRule type="expression" dxfId="2611" priority="3176">
      <formula>OR(BL$175&lt;&gt;"",BL$176&lt;&gt;"")</formula>
    </cfRule>
    <cfRule type="expression" dxfId="2610" priority="3177">
      <formula>AND(BL$175="",BL$176="")</formula>
    </cfRule>
  </conditionalFormatting>
  <conditionalFormatting sqref="BL181">
    <cfRule type="expression" dxfId="2609" priority="3174">
      <formula>OR(BL$175&lt;&gt;"",BL$176&lt;&gt;"")</formula>
    </cfRule>
    <cfRule type="expression" dxfId="2608" priority="3175">
      <formula>AND(BL$175="",BL$176="")</formula>
    </cfRule>
  </conditionalFormatting>
  <conditionalFormatting sqref="BM177:BM179">
    <cfRule type="expression" dxfId="2607" priority="3168">
      <formula>OR(BM$175&lt;&gt;"",BM$176&lt;&gt;"")</formula>
    </cfRule>
    <cfRule type="expression" dxfId="2606" priority="3169">
      <formula>AND(BM$175="",BM$176="")</formula>
    </cfRule>
  </conditionalFormatting>
  <conditionalFormatting sqref="BM180">
    <cfRule type="expression" dxfId="2605" priority="3166">
      <formula>OR(BM$175&lt;&gt;"",BM$176&lt;&gt;"")</formula>
    </cfRule>
    <cfRule type="expression" dxfId="2604" priority="3167">
      <formula>AND(BM$175="",BM$176="")</formula>
    </cfRule>
  </conditionalFormatting>
  <conditionalFormatting sqref="BM181">
    <cfRule type="expression" dxfId="2603" priority="3164">
      <formula>OR(BM$175&lt;&gt;"",BM$176&lt;&gt;"")</formula>
    </cfRule>
    <cfRule type="expression" dxfId="2602" priority="3165">
      <formula>AND(BM$175="",BM$176="")</formula>
    </cfRule>
  </conditionalFormatting>
  <conditionalFormatting sqref="BN177:BN179">
    <cfRule type="expression" dxfId="2601" priority="3158">
      <formula>OR(BN$175&lt;&gt;"",BN$176&lt;&gt;"")</formula>
    </cfRule>
    <cfRule type="expression" dxfId="2600" priority="3159">
      <formula>AND(BN$175="",BN$176="")</formula>
    </cfRule>
  </conditionalFormatting>
  <conditionalFormatting sqref="BN180">
    <cfRule type="expression" dxfId="2599" priority="3156">
      <formula>OR(BN$175&lt;&gt;"",BN$176&lt;&gt;"")</formula>
    </cfRule>
    <cfRule type="expression" dxfId="2598" priority="3157">
      <formula>AND(BN$175="",BN$176="")</formula>
    </cfRule>
  </conditionalFormatting>
  <conditionalFormatting sqref="BN181">
    <cfRule type="expression" dxfId="2597" priority="3154">
      <formula>OR(BN$175&lt;&gt;"",BN$176&lt;&gt;"")</formula>
    </cfRule>
    <cfRule type="expression" dxfId="2596" priority="3155">
      <formula>AND(BN$175="",BN$176="")</formula>
    </cfRule>
  </conditionalFormatting>
  <conditionalFormatting sqref="BO177:BO179">
    <cfRule type="expression" dxfId="2595" priority="3148">
      <formula>OR(BO$175&lt;&gt;"",BO$176&lt;&gt;"")</formula>
    </cfRule>
    <cfRule type="expression" dxfId="2594" priority="3149">
      <formula>AND(BO$175="",BO$176="")</formula>
    </cfRule>
  </conditionalFormatting>
  <conditionalFormatting sqref="BO180">
    <cfRule type="expression" dxfId="2593" priority="3146">
      <formula>OR(BO$175&lt;&gt;"",BO$176&lt;&gt;"")</formula>
    </cfRule>
    <cfRule type="expression" dxfId="2592" priority="3147">
      <formula>AND(BO$175="",BO$176="")</formula>
    </cfRule>
  </conditionalFormatting>
  <conditionalFormatting sqref="BO181">
    <cfRule type="expression" dxfId="2591" priority="3144">
      <formula>OR(BO$175&lt;&gt;"",BO$176&lt;&gt;"")</formula>
    </cfRule>
    <cfRule type="expression" dxfId="2590" priority="3145">
      <formula>AND(BO$175="",BO$176="")</formula>
    </cfRule>
  </conditionalFormatting>
  <conditionalFormatting sqref="BP177:BP179">
    <cfRule type="expression" dxfId="2589" priority="3138">
      <formula>OR(BP$175&lt;&gt;"",BP$176&lt;&gt;"")</formula>
    </cfRule>
    <cfRule type="expression" dxfId="2588" priority="3139">
      <formula>AND(BP$175="",BP$176="")</formula>
    </cfRule>
  </conditionalFormatting>
  <conditionalFormatting sqref="BP180">
    <cfRule type="expression" dxfId="2587" priority="3136">
      <formula>OR(BP$175&lt;&gt;"",BP$176&lt;&gt;"")</formula>
    </cfRule>
    <cfRule type="expression" dxfId="2586" priority="3137">
      <formula>AND(BP$175="",BP$176="")</formula>
    </cfRule>
  </conditionalFormatting>
  <conditionalFormatting sqref="BP181">
    <cfRule type="expression" dxfId="2585" priority="3134">
      <formula>OR(BP$175&lt;&gt;"",BP$176&lt;&gt;"")</formula>
    </cfRule>
    <cfRule type="expression" dxfId="2584" priority="3135">
      <formula>AND(BP$175="",BP$176="")</formula>
    </cfRule>
  </conditionalFormatting>
  <conditionalFormatting sqref="BQ177:BQ179">
    <cfRule type="expression" dxfId="2583" priority="3128">
      <formula>OR(BQ$175&lt;&gt;"",BQ$176&lt;&gt;"")</formula>
    </cfRule>
    <cfRule type="expression" dxfId="2582" priority="3129">
      <formula>AND(BQ$175="",BQ$176="")</formula>
    </cfRule>
  </conditionalFormatting>
  <conditionalFormatting sqref="BQ180">
    <cfRule type="expression" dxfId="2581" priority="3126">
      <formula>OR(BQ$175&lt;&gt;"",BQ$176&lt;&gt;"")</formula>
    </cfRule>
    <cfRule type="expression" dxfId="2580" priority="3127">
      <formula>AND(BQ$175="",BQ$176="")</formula>
    </cfRule>
  </conditionalFormatting>
  <conditionalFormatting sqref="BQ181">
    <cfRule type="expression" dxfId="2579" priority="3124">
      <formula>OR(BQ$175&lt;&gt;"",BQ$176&lt;&gt;"")</formula>
    </cfRule>
    <cfRule type="expression" dxfId="2578" priority="3125">
      <formula>AND(BQ$175="",BQ$176="")</formula>
    </cfRule>
  </conditionalFormatting>
  <conditionalFormatting sqref="BR177:BR179">
    <cfRule type="expression" dxfId="2577" priority="3118">
      <formula>OR(BR$175&lt;&gt;"",BR$176&lt;&gt;"")</formula>
    </cfRule>
    <cfRule type="expression" dxfId="2576" priority="3119">
      <formula>AND(BR$175="",BR$176="")</formula>
    </cfRule>
  </conditionalFormatting>
  <conditionalFormatting sqref="BR180">
    <cfRule type="expression" dxfId="2575" priority="3116">
      <formula>OR(BR$175&lt;&gt;"",BR$176&lt;&gt;"")</formula>
    </cfRule>
    <cfRule type="expression" dxfId="2574" priority="3117">
      <formula>AND(BR$175="",BR$176="")</formula>
    </cfRule>
  </conditionalFormatting>
  <conditionalFormatting sqref="BR181">
    <cfRule type="expression" dxfId="2573" priority="3114">
      <formula>OR(BR$175&lt;&gt;"",BR$176&lt;&gt;"")</formula>
    </cfRule>
    <cfRule type="expression" dxfId="2572" priority="3115">
      <formula>AND(BR$175="",BR$176="")</formula>
    </cfRule>
  </conditionalFormatting>
  <conditionalFormatting sqref="BS177:BS179">
    <cfRule type="expression" dxfId="2571" priority="3108">
      <formula>OR(BS$175&lt;&gt;"",BS$176&lt;&gt;"")</formula>
    </cfRule>
    <cfRule type="expression" dxfId="2570" priority="3109">
      <formula>AND(BS$175="",BS$176="")</formula>
    </cfRule>
  </conditionalFormatting>
  <conditionalFormatting sqref="BS180">
    <cfRule type="expression" dxfId="2569" priority="3106">
      <formula>OR(BS$175&lt;&gt;"",BS$176&lt;&gt;"")</formula>
    </cfRule>
    <cfRule type="expression" dxfId="2568" priority="3107">
      <formula>AND(BS$175="",BS$176="")</formula>
    </cfRule>
  </conditionalFormatting>
  <conditionalFormatting sqref="BS181">
    <cfRule type="expression" dxfId="2567" priority="3104">
      <formula>OR(BS$175&lt;&gt;"",BS$176&lt;&gt;"")</formula>
    </cfRule>
    <cfRule type="expression" dxfId="2566" priority="3105">
      <formula>AND(BS$175="",BS$176="")</formula>
    </cfRule>
  </conditionalFormatting>
  <conditionalFormatting sqref="M246:M247">
    <cfRule type="expression" dxfId="2565" priority="3102">
      <formula>OR(M$246&lt;&gt;"",M$247&lt;&gt;"")</formula>
    </cfRule>
    <cfRule type="expression" dxfId="2564" priority="3103">
      <formula>AND(M$246="",M$247="")</formula>
    </cfRule>
  </conditionalFormatting>
  <conditionalFormatting sqref="N246:N247">
    <cfRule type="expression" dxfId="2563" priority="3096">
      <formula>OR(N$246&lt;&gt;"",N$247&lt;&gt;"")</formula>
    </cfRule>
    <cfRule type="expression" dxfId="2562" priority="3097">
      <formula>AND(N$246="",N$247="")</formula>
    </cfRule>
    <cfRule type="expression" dxfId="2561" priority="3098">
      <formula>OR(N$246&lt;&gt;"",N$247&lt;&gt;"")</formula>
    </cfRule>
    <cfRule type="expression" dxfId="2560" priority="3099">
      <formula>AND(N$246="",N$247="")</formula>
    </cfRule>
  </conditionalFormatting>
  <conditionalFormatting sqref="N248">
    <cfRule type="expression" dxfId="2559" priority="3094">
      <formula>OR(N$246&lt;&gt;"",N$247&lt;&gt;"")</formula>
    </cfRule>
    <cfRule type="expression" dxfId="2558" priority="3095">
      <formula>AND(N$246="",N$247="")</formula>
    </cfRule>
  </conditionalFormatting>
  <conditionalFormatting sqref="M248">
    <cfRule type="expression" dxfId="2557" priority="3092">
      <formula>OR($M$246&lt;&gt;"",$M$247&lt;&gt;"")</formula>
    </cfRule>
    <cfRule type="expression" dxfId="2556" priority="3093">
      <formula>AND($M$246="",$M$247="")</formula>
    </cfRule>
  </conditionalFormatting>
  <conditionalFormatting sqref="N260">
    <cfRule type="expression" dxfId="2555" priority="3089">
      <formula>AND(N$246="",N$247="")</formula>
    </cfRule>
  </conditionalFormatting>
  <conditionalFormatting sqref="N260">
    <cfRule type="expression" dxfId="2554" priority="3088">
      <formula>OR(N$246&lt;&gt;"",N$247&lt;&gt;"")</formula>
    </cfRule>
  </conditionalFormatting>
  <conditionalFormatting sqref="M249:M259">
    <cfRule type="expression" dxfId="2553" priority="3090">
      <formula>OR($M$246&lt;&gt;"",$M$247&lt;&gt;"")</formula>
    </cfRule>
    <cfRule type="expression" dxfId="2552" priority="3091">
      <formula>AND($M$246="",$M$247="")</formula>
    </cfRule>
  </conditionalFormatting>
  <conditionalFormatting sqref="M260">
    <cfRule type="expression" dxfId="2551" priority="3086">
      <formula>OR($M$246&lt;&gt;"",$M$247&lt;&gt;"")</formula>
    </cfRule>
    <cfRule type="expression" dxfId="2550" priority="3087">
      <formula>AND($M$246="",$M$247="")</formula>
    </cfRule>
  </conditionalFormatting>
  <conditionalFormatting sqref="N249:N259">
    <cfRule type="expression" dxfId="2549" priority="3084">
      <formula>OR(N$246&lt;&gt;"",N$247&lt;&gt;"")</formula>
    </cfRule>
    <cfRule type="expression" dxfId="2548" priority="3085">
      <formula>AND(N$246="",N$247="")</formula>
    </cfRule>
  </conditionalFormatting>
  <conditionalFormatting sqref="O248">
    <cfRule type="expression" dxfId="2547" priority="3078">
      <formula>OR(O$246&lt;&gt;"",O$247&lt;&gt;"")</formula>
    </cfRule>
    <cfRule type="expression" dxfId="2546" priority="3079">
      <formula>AND(O$246="",O$247="")</formula>
    </cfRule>
  </conditionalFormatting>
  <conditionalFormatting sqref="O260">
    <cfRule type="expression" dxfId="2545" priority="3077">
      <formula>AND(O$246="",O$247="")</formula>
    </cfRule>
  </conditionalFormatting>
  <conditionalFormatting sqref="O260">
    <cfRule type="expression" dxfId="2544" priority="3076">
      <formula>OR(O$246&lt;&gt;"",O$247&lt;&gt;"")</formula>
    </cfRule>
  </conditionalFormatting>
  <conditionalFormatting sqref="O249:O259">
    <cfRule type="expression" dxfId="2543" priority="3074">
      <formula>OR(O$246&lt;&gt;"",O$247&lt;&gt;"")</formula>
    </cfRule>
    <cfRule type="expression" dxfId="2542" priority="3075">
      <formula>AND(O$246="",O$247="")</formula>
    </cfRule>
  </conditionalFormatting>
  <conditionalFormatting sqref="P248">
    <cfRule type="expression" dxfId="2541" priority="3068">
      <formula>OR(P$246&lt;&gt;"",P$247&lt;&gt;"")</formula>
    </cfRule>
    <cfRule type="expression" dxfId="2540" priority="3069">
      <formula>AND(P$246="",P$247="")</formula>
    </cfRule>
  </conditionalFormatting>
  <conditionalFormatting sqref="P260">
    <cfRule type="expression" dxfId="2539" priority="3067">
      <formula>AND(P$246="",P$247="")</formula>
    </cfRule>
  </conditionalFormatting>
  <conditionalFormatting sqref="P260">
    <cfRule type="expression" dxfId="2538" priority="3066">
      <formula>OR(P$246&lt;&gt;"",P$247&lt;&gt;"")</formula>
    </cfRule>
  </conditionalFormatting>
  <conditionalFormatting sqref="P249:P259">
    <cfRule type="expression" dxfId="2537" priority="3064">
      <formula>OR(P$246&lt;&gt;"",P$247&lt;&gt;"")</formula>
    </cfRule>
    <cfRule type="expression" dxfId="2536" priority="3065">
      <formula>AND(P$246="",P$247="")</formula>
    </cfRule>
  </conditionalFormatting>
  <conditionalFormatting sqref="Q248">
    <cfRule type="expression" dxfId="2535" priority="3058">
      <formula>OR(Q$246&lt;&gt;"",Q$247&lt;&gt;"")</formula>
    </cfRule>
    <cfRule type="expression" dxfId="2534" priority="3059">
      <formula>AND(Q$246="",Q$247="")</formula>
    </cfRule>
  </conditionalFormatting>
  <conditionalFormatting sqref="Q260">
    <cfRule type="expression" dxfId="2533" priority="3057">
      <formula>AND(Q$246="",Q$247="")</formula>
    </cfRule>
  </conditionalFormatting>
  <conditionalFormatting sqref="Q260">
    <cfRule type="expression" dxfId="2532" priority="3056">
      <formula>OR(Q$246&lt;&gt;"",Q$247&lt;&gt;"")</formula>
    </cfRule>
  </conditionalFormatting>
  <conditionalFormatting sqref="Q249:Q259">
    <cfRule type="expression" dxfId="2531" priority="3054">
      <formula>OR(Q$246&lt;&gt;"",Q$247&lt;&gt;"")</formula>
    </cfRule>
    <cfRule type="expression" dxfId="2530" priority="3055">
      <formula>AND(Q$246="",Q$247="")</formula>
    </cfRule>
  </conditionalFormatting>
  <conditionalFormatting sqref="R248">
    <cfRule type="expression" dxfId="2529" priority="3048">
      <formula>OR(R$246&lt;&gt;"",R$247&lt;&gt;"")</formula>
    </cfRule>
    <cfRule type="expression" dxfId="2528" priority="3049">
      <formula>AND(R$246="",R$247="")</formula>
    </cfRule>
  </conditionalFormatting>
  <conditionalFormatting sqref="R260">
    <cfRule type="expression" dxfId="2527" priority="3047">
      <formula>AND(R$246="",R$247="")</formula>
    </cfRule>
  </conditionalFormatting>
  <conditionalFormatting sqref="R260">
    <cfRule type="expression" dxfId="2526" priority="3046">
      <formula>OR(R$246&lt;&gt;"",R$247&lt;&gt;"")</formula>
    </cfRule>
  </conditionalFormatting>
  <conditionalFormatting sqref="R249:R259">
    <cfRule type="expression" dxfId="2525" priority="3044">
      <formula>OR(R$246&lt;&gt;"",R$247&lt;&gt;"")</formula>
    </cfRule>
    <cfRule type="expression" dxfId="2524" priority="3045">
      <formula>AND(R$246="",R$247="")</formula>
    </cfRule>
  </conditionalFormatting>
  <conditionalFormatting sqref="S248">
    <cfRule type="expression" dxfId="2523" priority="3038">
      <formula>OR(S$246&lt;&gt;"",S$247&lt;&gt;"")</formula>
    </cfRule>
    <cfRule type="expression" dxfId="2522" priority="3039">
      <formula>AND(S$246="",S$247="")</formula>
    </cfRule>
  </conditionalFormatting>
  <conditionalFormatting sqref="S260">
    <cfRule type="expression" dxfId="2521" priority="3037">
      <formula>AND(S$246="",S$247="")</formula>
    </cfRule>
  </conditionalFormatting>
  <conditionalFormatting sqref="S260">
    <cfRule type="expression" dxfId="2520" priority="3036">
      <formula>OR(S$246&lt;&gt;"",S$247&lt;&gt;"")</formula>
    </cfRule>
  </conditionalFormatting>
  <conditionalFormatting sqref="S249:S259">
    <cfRule type="expression" dxfId="2519" priority="3034">
      <formula>OR(S$246&lt;&gt;"",S$247&lt;&gt;"")</formula>
    </cfRule>
    <cfRule type="expression" dxfId="2518" priority="3035">
      <formula>AND(S$246="",S$247="")</formula>
    </cfRule>
  </conditionalFormatting>
  <conditionalFormatting sqref="T248">
    <cfRule type="expression" dxfId="2517" priority="3028">
      <formula>OR(T$246&lt;&gt;"",T$247&lt;&gt;"")</formula>
    </cfRule>
    <cfRule type="expression" dxfId="2516" priority="3029">
      <formula>AND(T$246="",T$247="")</formula>
    </cfRule>
  </conditionalFormatting>
  <conditionalFormatting sqref="T260">
    <cfRule type="expression" dxfId="2515" priority="3027">
      <formula>AND(T$246="",T$247="")</formula>
    </cfRule>
  </conditionalFormatting>
  <conditionalFormatting sqref="T260">
    <cfRule type="expression" dxfId="2514" priority="3026">
      <formula>OR(T$246&lt;&gt;"",T$247&lt;&gt;"")</formula>
    </cfRule>
  </conditionalFormatting>
  <conditionalFormatting sqref="T249:T259">
    <cfRule type="expression" dxfId="2513" priority="3024">
      <formula>OR(T$246&lt;&gt;"",T$247&lt;&gt;"")</formula>
    </cfRule>
    <cfRule type="expression" dxfId="2512" priority="3025">
      <formula>AND(T$246="",T$247="")</formula>
    </cfRule>
  </conditionalFormatting>
  <conditionalFormatting sqref="U248">
    <cfRule type="expression" dxfId="2511" priority="3018">
      <formula>OR(U$246&lt;&gt;"",U$247&lt;&gt;"")</formula>
    </cfRule>
    <cfRule type="expression" dxfId="2510" priority="3019">
      <formula>AND(U$246="",U$247="")</formula>
    </cfRule>
  </conditionalFormatting>
  <conditionalFormatting sqref="U260">
    <cfRule type="expression" dxfId="2509" priority="3017">
      <formula>AND(U$246="",U$247="")</formula>
    </cfRule>
  </conditionalFormatting>
  <conditionalFormatting sqref="U260">
    <cfRule type="expression" dxfId="2508" priority="3016">
      <formula>OR(U$246&lt;&gt;"",U$247&lt;&gt;"")</formula>
    </cfRule>
  </conditionalFormatting>
  <conditionalFormatting sqref="U249:U259">
    <cfRule type="expression" dxfId="2507" priority="3014">
      <formula>OR(U$246&lt;&gt;"",U$247&lt;&gt;"")</formula>
    </cfRule>
    <cfRule type="expression" dxfId="2506" priority="3015">
      <formula>AND(U$246="",U$247="")</formula>
    </cfRule>
  </conditionalFormatting>
  <conditionalFormatting sqref="V248">
    <cfRule type="expression" dxfId="2505" priority="3008">
      <formula>OR(V$246&lt;&gt;"",V$247&lt;&gt;"")</formula>
    </cfRule>
    <cfRule type="expression" dxfId="2504" priority="3009">
      <formula>AND(V$246="",V$247="")</formula>
    </cfRule>
  </conditionalFormatting>
  <conditionalFormatting sqref="V260">
    <cfRule type="expression" dxfId="2503" priority="3007">
      <formula>AND(V$246="",V$247="")</formula>
    </cfRule>
  </conditionalFormatting>
  <conditionalFormatting sqref="V260">
    <cfRule type="expression" dxfId="2502" priority="3006">
      <formula>OR(V$246&lt;&gt;"",V$247&lt;&gt;"")</formula>
    </cfRule>
  </conditionalFormatting>
  <conditionalFormatting sqref="V249:V259">
    <cfRule type="expression" dxfId="2501" priority="3004">
      <formula>OR(V$246&lt;&gt;"",V$247&lt;&gt;"")</formula>
    </cfRule>
    <cfRule type="expression" dxfId="2500" priority="3005">
      <formula>AND(V$246="",V$247="")</formula>
    </cfRule>
  </conditionalFormatting>
  <conditionalFormatting sqref="W248">
    <cfRule type="expression" dxfId="2499" priority="2998">
      <formula>OR(W$246&lt;&gt;"",W$247&lt;&gt;"")</formula>
    </cfRule>
    <cfRule type="expression" dxfId="2498" priority="2999">
      <formula>AND(W$246="",W$247="")</formula>
    </cfRule>
  </conditionalFormatting>
  <conditionalFormatting sqref="W260">
    <cfRule type="expression" dxfId="2497" priority="2997">
      <formula>AND(W$246="",W$247="")</formula>
    </cfRule>
  </conditionalFormatting>
  <conditionalFormatting sqref="W260">
    <cfRule type="expression" dxfId="2496" priority="2996">
      <formula>OR(W$246&lt;&gt;"",W$247&lt;&gt;"")</formula>
    </cfRule>
  </conditionalFormatting>
  <conditionalFormatting sqref="W249:W259">
    <cfRule type="expression" dxfId="2495" priority="2994">
      <formula>OR(W$246&lt;&gt;"",W$247&lt;&gt;"")</formula>
    </cfRule>
    <cfRule type="expression" dxfId="2494" priority="2995">
      <formula>AND(W$246="",W$247="")</formula>
    </cfRule>
  </conditionalFormatting>
  <conditionalFormatting sqref="X248">
    <cfRule type="expression" dxfId="2493" priority="2988">
      <formula>OR(X$246&lt;&gt;"",X$247&lt;&gt;"")</formula>
    </cfRule>
    <cfRule type="expression" dxfId="2492" priority="2989">
      <formula>AND(X$246="",X$247="")</formula>
    </cfRule>
  </conditionalFormatting>
  <conditionalFormatting sqref="X260">
    <cfRule type="expression" dxfId="2491" priority="2987">
      <formula>AND(X$246="",X$247="")</formula>
    </cfRule>
  </conditionalFormatting>
  <conditionalFormatting sqref="X260">
    <cfRule type="expression" dxfId="2490" priority="2986">
      <formula>OR(X$246&lt;&gt;"",X$247&lt;&gt;"")</formula>
    </cfRule>
  </conditionalFormatting>
  <conditionalFormatting sqref="X249:X259">
    <cfRule type="expression" dxfId="2489" priority="2984">
      <formula>OR(X$246&lt;&gt;"",X$247&lt;&gt;"")</formula>
    </cfRule>
    <cfRule type="expression" dxfId="2488" priority="2985">
      <formula>AND(X$246="",X$247="")</formula>
    </cfRule>
  </conditionalFormatting>
  <conditionalFormatting sqref="Y248">
    <cfRule type="expression" dxfId="2487" priority="2978">
      <formula>OR(Y$246&lt;&gt;"",Y$247&lt;&gt;"")</formula>
    </cfRule>
    <cfRule type="expression" dxfId="2486" priority="2979">
      <formula>AND(Y$246="",Y$247="")</formula>
    </cfRule>
  </conditionalFormatting>
  <conditionalFormatting sqref="Y260">
    <cfRule type="expression" dxfId="2485" priority="2977">
      <formula>AND(Y$246="",Y$247="")</formula>
    </cfRule>
  </conditionalFormatting>
  <conditionalFormatting sqref="Y260">
    <cfRule type="expression" dxfId="2484" priority="2976">
      <formula>OR(Y$246&lt;&gt;"",Y$247&lt;&gt;"")</formula>
    </cfRule>
  </conditionalFormatting>
  <conditionalFormatting sqref="Y249:Y259">
    <cfRule type="expression" dxfId="2483" priority="2974">
      <formula>OR(Y$246&lt;&gt;"",Y$247&lt;&gt;"")</formula>
    </cfRule>
    <cfRule type="expression" dxfId="2482" priority="2975">
      <formula>AND(Y$246="",Y$247="")</formula>
    </cfRule>
  </conditionalFormatting>
  <conditionalFormatting sqref="Z248">
    <cfRule type="expression" dxfId="2481" priority="2968">
      <formula>OR(Z$246&lt;&gt;"",Z$247&lt;&gt;"")</formula>
    </cfRule>
    <cfRule type="expression" dxfId="2480" priority="2969">
      <formula>AND(Z$246="",Z$247="")</formula>
    </cfRule>
  </conditionalFormatting>
  <conditionalFormatting sqref="Z260">
    <cfRule type="expression" dxfId="2479" priority="2967">
      <formula>AND(Z$246="",Z$247="")</formula>
    </cfRule>
  </conditionalFormatting>
  <conditionalFormatting sqref="Z260">
    <cfRule type="expression" dxfId="2478" priority="2966">
      <formula>OR(Z$246&lt;&gt;"",Z$247&lt;&gt;"")</formula>
    </cfRule>
  </conditionalFormatting>
  <conditionalFormatting sqref="Z249:Z259">
    <cfRule type="expression" dxfId="2477" priority="2964">
      <formula>OR(Z$246&lt;&gt;"",Z$247&lt;&gt;"")</formula>
    </cfRule>
    <cfRule type="expression" dxfId="2476" priority="2965">
      <formula>AND(Z$246="",Z$247="")</formula>
    </cfRule>
  </conditionalFormatting>
  <conditionalFormatting sqref="AA248">
    <cfRule type="expression" dxfId="2475" priority="2958">
      <formula>OR(AA$246&lt;&gt;"",AA$247&lt;&gt;"")</formula>
    </cfRule>
    <cfRule type="expression" dxfId="2474" priority="2959">
      <formula>AND(AA$246="",AA$247="")</formula>
    </cfRule>
  </conditionalFormatting>
  <conditionalFormatting sqref="AA260">
    <cfRule type="expression" dxfId="2473" priority="2957">
      <formula>AND(AA$246="",AA$247="")</formula>
    </cfRule>
  </conditionalFormatting>
  <conditionalFormatting sqref="AA260">
    <cfRule type="expression" dxfId="2472" priority="2956">
      <formula>OR(AA$246&lt;&gt;"",AA$247&lt;&gt;"")</formula>
    </cfRule>
  </conditionalFormatting>
  <conditionalFormatting sqref="AA249:AA259">
    <cfRule type="expression" dxfId="2471" priority="2954">
      <formula>OR(AA$246&lt;&gt;"",AA$247&lt;&gt;"")</formula>
    </cfRule>
    <cfRule type="expression" dxfId="2470" priority="2955">
      <formula>AND(AA$246="",AA$247="")</formula>
    </cfRule>
  </conditionalFormatting>
  <conditionalFormatting sqref="AB248">
    <cfRule type="expression" dxfId="2469" priority="2948">
      <formula>OR(AB$246&lt;&gt;"",AB$247&lt;&gt;"")</formula>
    </cfRule>
    <cfRule type="expression" dxfId="2468" priority="2949">
      <formula>AND(AB$246="",AB$247="")</formula>
    </cfRule>
  </conditionalFormatting>
  <conditionalFormatting sqref="AB260">
    <cfRule type="expression" dxfId="2467" priority="2947">
      <formula>AND(AB$246="",AB$247="")</formula>
    </cfRule>
  </conditionalFormatting>
  <conditionalFormatting sqref="AB260">
    <cfRule type="expression" dxfId="2466" priority="2946">
      <formula>OR(AB$246&lt;&gt;"",AB$247&lt;&gt;"")</formula>
    </cfRule>
  </conditionalFormatting>
  <conditionalFormatting sqref="AB249:AB259">
    <cfRule type="expression" dxfId="2465" priority="2944">
      <formula>OR(AB$246&lt;&gt;"",AB$247&lt;&gt;"")</formula>
    </cfRule>
    <cfRule type="expression" dxfId="2464" priority="2945">
      <formula>AND(AB$246="",AB$247="")</formula>
    </cfRule>
  </conditionalFormatting>
  <conditionalFormatting sqref="AC248">
    <cfRule type="expression" dxfId="2463" priority="2938">
      <formula>OR(AC$246&lt;&gt;"",AC$247&lt;&gt;"")</formula>
    </cfRule>
    <cfRule type="expression" dxfId="2462" priority="2939">
      <formula>AND(AC$246="",AC$247="")</formula>
    </cfRule>
  </conditionalFormatting>
  <conditionalFormatting sqref="AC260">
    <cfRule type="expression" dxfId="2461" priority="2937">
      <formula>AND(AC$246="",AC$247="")</formula>
    </cfRule>
  </conditionalFormatting>
  <conditionalFormatting sqref="AC260">
    <cfRule type="expression" dxfId="2460" priority="2936">
      <formula>OR(AC$246&lt;&gt;"",AC$247&lt;&gt;"")</formula>
    </cfRule>
  </conditionalFormatting>
  <conditionalFormatting sqref="AC249:AC259">
    <cfRule type="expression" dxfId="2459" priority="2934">
      <formula>OR(AC$246&lt;&gt;"",AC$247&lt;&gt;"")</formula>
    </cfRule>
    <cfRule type="expression" dxfId="2458" priority="2935">
      <formula>AND(AC$246="",AC$247="")</formula>
    </cfRule>
  </conditionalFormatting>
  <conditionalFormatting sqref="AD248">
    <cfRule type="expression" dxfId="2457" priority="2928">
      <formula>OR(AD$246&lt;&gt;"",AD$247&lt;&gt;"")</formula>
    </cfRule>
    <cfRule type="expression" dxfId="2456" priority="2929">
      <formula>AND(AD$246="",AD$247="")</formula>
    </cfRule>
  </conditionalFormatting>
  <conditionalFormatting sqref="AD260">
    <cfRule type="expression" dxfId="2455" priority="2927">
      <formula>AND(AD$246="",AD$247="")</formula>
    </cfRule>
  </conditionalFormatting>
  <conditionalFormatting sqref="AD260">
    <cfRule type="expression" dxfId="2454" priority="2926">
      <formula>OR(AD$246&lt;&gt;"",AD$247&lt;&gt;"")</formula>
    </cfRule>
  </conditionalFormatting>
  <conditionalFormatting sqref="AD249:AD259">
    <cfRule type="expression" dxfId="2453" priority="2924">
      <formula>OR(AD$246&lt;&gt;"",AD$247&lt;&gt;"")</formula>
    </cfRule>
    <cfRule type="expression" dxfId="2452" priority="2925">
      <formula>AND(AD$246="",AD$247="")</formula>
    </cfRule>
  </conditionalFormatting>
  <conditionalFormatting sqref="AE248">
    <cfRule type="expression" dxfId="2451" priority="2918">
      <formula>OR(AE$246&lt;&gt;"",AE$247&lt;&gt;"")</formula>
    </cfRule>
    <cfRule type="expression" dxfId="2450" priority="2919">
      <formula>AND(AE$246="",AE$247="")</formula>
    </cfRule>
  </conditionalFormatting>
  <conditionalFormatting sqref="AE260">
    <cfRule type="expression" dxfId="2449" priority="2917">
      <formula>AND(AE$246="",AE$247="")</formula>
    </cfRule>
  </conditionalFormatting>
  <conditionalFormatting sqref="AE260">
    <cfRule type="expression" dxfId="2448" priority="2916">
      <formula>OR(AE$246&lt;&gt;"",AE$247&lt;&gt;"")</formula>
    </cfRule>
  </conditionalFormatting>
  <conditionalFormatting sqref="AE249:AE259">
    <cfRule type="expression" dxfId="2447" priority="2914">
      <formula>OR(AE$246&lt;&gt;"",AE$247&lt;&gt;"")</formula>
    </cfRule>
    <cfRule type="expression" dxfId="2446" priority="2915">
      <formula>AND(AE$246="",AE$247="")</formula>
    </cfRule>
  </conditionalFormatting>
  <conditionalFormatting sqref="AF248">
    <cfRule type="expression" dxfId="2445" priority="2908">
      <formula>OR(AF$246&lt;&gt;"",AF$247&lt;&gt;"")</formula>
    </cfRule>
    <cfRule type="expression" dxfId="2444" priority="2909">
      <formula>AND(AF$246="",AF$247="")</formula>
    </cfRule>
  </conditionalFormatting>
  <conditionalFormatting sqref="AF260">
    <cfRule type="expression" dxfId="2443" priority="2907">
      <formula>AND(AF$246="",AF$247="")</formula>
    </cfRule>
  </conditionalFormatting>
  <conditionalFormatting sqref="AF260">
    <cfRule type="expression" dxfId="2442" priority="2906">
      <formula>OR(AF$246&lt;&gt;"",AF$247&lt;&gt;"")</formula>
    </cfRule>
  </conditionalFormatting>
  <conditionalFormatting sqref="AF249:AF259">
    <cfRule type="expression" dxfId="2441" priority="2904">
      <formula>OR(AF$246&lt;&gt;"",AF$247&lt;&gt;"")</formula>
    </cfRule>
    <cfRule type="expression" dxfId="2440" priority="2905">
      <formula>AND(AF$246="",AF$247="")</formula>
    </cfRule>
  </conditionalFormatting>
  <conditionalFormatting sqref="AG248">
    <cfRule type="expression" dxfId="2439" priority="2898">
      <formula>OR(AG$246&lt;&gt;"",AG$247&lt;&gt;"")</formula>
    </cfRule>
    <cfRule type="expression" dxfId="2438" priority="2899">
      <formula>AND(AG$246="",AG$247="")</formula>
    </cfRule>
  </conditionalFormatting>
  <conditionalFormatting sqref="AG260">
    <cfRule type="expression" dxfId="2437" priority="2897">
      <formula>AND(AG$246="",AG$247="")</formula>
    </cfRule>
  </conditionalFormatting>
  <conditionalFormatting sqref="AG260">
    <cfRule type="expression" dxfId="2436" priority="2896">
      <formula>OR(AG$246&lt;&gt;"",AG$247&lt;&gt;"")</formula>
    </cfRule>
  </conditionalFormatting>
  <conditionalFormatting sqref="AG249:AG259">
    <cfRule type="expression" dxfId="2435" priority="2894">
      <formula>OR(AG$246&lt;&gt;"",AG$247&lt;&gt;"")</formula>
    </cfRule>
    <cfRule type="expression" dxfId="2434" priority="2895">
      <formula>AND(AG$246="",AG$247="")</formula>
    </cfRule>
  </conditionalFormatting>
  <conditionalFormatting sqref="AH248">
    <cfRule type="expression" dxfId="2433" priority="2888">
      <formula>OR(AH$246&lt;&gt;"",AH$247&lt;&gt;"")</formula>
    </cfRule>
    <cfRule type="expression" dxfId="2432" priority="2889">
      <formula>AND(AH$246="",AH$247="")</formula>
    </cfRule>
  </conditionalFormatting>
  <conditionalFormatting sqref="AH260">
    <cfRule type="expression" dxfId="2431" priority="2887">
      <formula>AND(AH$246="",AH$247="")</formula>
    </cfRule>
  </conditionalFormatting>
  <conditionalFormatting sqref="AH260">
    <cfRule type="expression" dxfId="2430" priority="2886">
      <formula>OR(AH$246&lt;&gt;"",AH$247&lt;&gt;"")</formula>
    </cfRule>
  </conditionalFormatting>
  <conditionalFormatting sqref="AH249:AH259">
    <cfRule type="expression" dxfId="2429" priority="2884">
      <formula>OR(AH$246&lt;&gt;"",AH$247&lt;&gt;"")</formula>
    </cfRule>
    <cfRule type="expression" dxfId="2428" priority="2885">
      <formula>AND(AH$246="",AH$247="")</formula>
    </cfRule>
  </conditionalFormatting>
  <conditionalFormatting sqref="AI248">
    <cfRule type="expression" dxfId="2427" priority="2878">
      <formula>OR(AI$246&lt;&gt;"",AI$247&lt;&gt;"")</formula>
    </cfRule>
    <cfRule type="expression" dxfId="2426" priority="2879">
      <formula>AND(AI$246="",AI$247="")</formula>
    </cfRule>
  </conditionalFormatting>
  <conditionalFormatting sqref="AI260">
    <cfRule type="expression" dxfId="2425" priority="2877">
      <formula>AND(AI$246="",AI$247="")</formula>
    </cfRule>
  </conditionalFormatting>
  <conditionalFormatting sqref="AI260">
    <cfRule type="expression" dxfId="2424" priority="2876">
      <formula>OR(AI$246&lt;&gt;"",AI$247&lt;&gt;"")</formula>
    </cfRule>
  </conditionalFormatting>
  <conditionalFormatting sqref="AI249:AI259">
    <cfRule type="expression" dxfId="2423" priority="2874">
      <formula>OR(AI$246&lt;&gt;"",AI$247&lt;&gt;"")</formula>
    </cfRule>
    <cfRule type="expression" dxfId="2422" priority="2875">
      <formula>AND(AI$246="",AI$247="")</formula>
    </cfRule>
  </conditionalFormatting>
  <conditionalFormatting sqref="AJ248">
    <cfRule type="expression" dxfId="2421" priority="2868">
      <formula>OR(AJ$246&lt;&gt;"",AJ$247&lt;&gt;"")</formula>
    </cfRule>
    <cfRule type="expression" dxfId="2420" priority="2869">
      <formula>AND(AJ$246="",AJ$247="")</formula>
    </cfRule>
  </conditionalFormatting>
  <conditionalFormatting sqref="AJ260">
    <cfRule type="expression" dxfId="2419" priority="2867">
      <formula>AND(AJ$246="",AJ$247="")</formula>
    </cfRule>
  </conditionalFormatting>
  <conditionalFormatting sqref="AJ260">
    <cfRule type="expression" dxfId="2418" priority="2866">
      <formula>OR(AJ$246&lt;&gt;"",AJ$247&lt;&gt;"")</formula>
    </cfRule>
  </conditionalFormatting>
  <conditionalFormatting sqref="AJ249:AJ259">
    <cfRule type="expression" dxfId="2417" priority="2864">
      <formula>OR(AJ$246&lt;&gt;"",AJ$247&lt;&gt;"")</formula>
    </cfRule>
    <cfRule type="expression" dxfId="2416" priority="2865">
      <formula>AND(AJ$246="",AJ$247="")</formula>
    </cfRule>
  </conditionalFormatting>
  <conditionalFormatting sqref="AK248">
    <cfRule type="expression" dxfId="2415" priority="2858">
      <formula>OR(AK$246&lt;&gt;"",AK$247&lt;&gt;"")</formula>
    </cfRule>
    <cfRule type="expression" dxfId="2414" priority="2859">
      <formula>AND(AK$246="",AK$247="")</formula>
    </cfRule>
  </conditionalFormatting>
  <conditionalFormatting sqref="AK260">
    <cfRule type="expression" dxfId="2413" priority="2857">
      <formula>AND(AK$246="",AK$247="")</formula>
    </cfRule>
  </conditionalFormatting>
  <conditionalFormatting sqref="AK260">
    <cfRule type="expression" dxfId="2412" priority="2856">
      <formula>OR(AK$246&lt;&gt;"",AK$247&lt;&gt;"")</formula>
    </cfRule>
  </conditionalFormatting>
  <conditionalFormatting sqref="AK249:AK259">
    <cfRule type="expression" dxfId="2411" priority="2854">
      <formula>OR(AK$246&lt;&gt;"",AK$247&lt;&gt;"")</formula>
    </cfRule>
    <cfRule type="expression" dxfId="2410" priority="2855">
      <formula>AND(AK$246="",AK$247="")</formula>
    </cfRule>
  </conditionalFormatting>
  <conditionalFormatting sqref="AL248">
    <cfRule type="expression" dxfId="2409" priority="2848">
      <formula>OR(AL$246&lt;&gt;"",AL$247&lt;&gt;"")</formula>
    </cfRule>
    <cfRule type="expression" dxfId="2408" priority="2849">
      <formula>AND(AL$246="",AL$247="")</formula>
    </cfRule>
  </conditionalFormatting>
  <conditionalFormatting sqref="AL260">
    <cfRule type="expression" dxfId="2407" priority="2847">
      <formula>AND(AL$246="",AL$247="")</formula>
    </cfRule>
  </conditionalFormatting>
  <conditionalFormatting sqref="AL260">
    <cfRule type="expression" dxfId="2406" priority="2846">
      <formula>OR(AL$246&lt;&gt;"",AL$247&lt;&gt;"")</formula>
    </cfRule>
  </conditionalFormatting>
  <conditionalFormatting sqref="AL249:AL259">
    <cfRule type="expression" dxfId="2405" priority="2844">
      <formula>OR(AL$246&lt;&gt;"",AL$247&lt;&gt;"")</formula>
    </cfRule>
    <cfRule type="expression" dxfId="2404" priority="2845">
      <formula>AND(AL$246="",AL$247="")</formula>
    </cfRule>
  </conditionalFormatting>
  <conditionalFormatting sqref="AM248">
    <cfRule type="expression" dxfId="2403" priority="2838">
      <formula>OR(AM$246&lt;&gt;"",AM$247&lt;&gt;"")</formula>
    </cfRule>
    <cfRule type="expression" dxfId="2402" priority="2839">
      <formula>AND(AM$246="",AM$247="")</formula>
    </cfRule>
  </conditionalFormatting>
  <conditionalFormatting sqref="AM260">
    <cfRule type="expression" dxfId="2401" priority="2837">
      <formula>AND(AM$246="",AM$247="")</formula>
    </cfRule>
  </conditionalFormatting>
  <conditionalFormatting sqref="AM260">
    <cfRule type="expression" dxfId="2400" priority="2836">
      <formula>OR(AM$246&lt;&gt;"",AM$247&lt;&gt;"")</formula>
    </cfRule>
  </conditionalFormatting>
  <conditionalFormatting sqref="AM249:AM259">
    <cfRule type="expression" dxfId="2399" priority="2834">
      <formula>OR(AM$246&lt;&gt;"",AM$247&lt;&gt;"")</formula>
    </cfRule>
    <cfRule type="expression" dxfId="2398" priority="2835">
      <formula>AND(AM$246="",AM$247="")</formula>
    </cfRule>
  </conditionalFormatting>
  <conditionalFormatting sqref="AN248">
    <cfRule type="expression" dxfId="2397" priority="2828">
      <formula>OR(AN$246&lt;&gt;"",AN$247&lt;&gt;"")</formula>
    </cfRule>
    <cfRule type="expression" dxfId="2396" priority="2829">
      <formula>AND(AN$246="",AN$247="")</formula>
    </cfRule>
  </conditionalFormatting>
  <conditionalFormatting sqref="AN260">
    <cfRule type="expression" dxfId="2395" priority="2827">
      <formula>AND(AN$246="",AN$247="")</formula>
    </cfRule>
  </conditionalFormatting>
  <conditionalFormatting sqref="AN260">
    <cfRule type="expression" dxfId="2394" priority="2826">
      <formula>OR(AN$246&lt;&gt;"",AN$247&lt;&gt;"")</formula>
    </cfRule>
  </conditionalFormatting>
  <conditionalFormatting sqref="AN249:AN259">
    <cfRule type="expression" dxfId="2393" priority="2824">
      <formula>OR(AN$246&lt;&gt;"",AN$247&lt;&gt;"")</formula>
    </cfRule>
    <cfRule type="expression" dxfId="2392" priority="2825">
      <formula>AND(AN$246="",AN$247="")</formula>
    </cfRule>
  </conditionalFormatting>
  <conditionalFormatting sqref="AO248">
    <cfRule type="expression" dxfId="2391" priority="2818">
      <formula>OR(AO$246&lt;&gt;"",AO$247&lt;&gt;"")</formula>
    </cfRule>
    <cfRule type="expression" dxfId="2390" priority="2819">
      <formula>AND(AO$246="",AO$247="")</formula>
    </cfRule>
  </conditionalFormatting>
  <conditionalFormatting sqref="AO260">
    <cfRule type="expression" dxfId="2389" priority="2817">
      <formula>AND(AO$246="",AO$247="")</formula>
    </cfRule>
  </conditionalFormatting>
  <conditionalFormatting sqref="AO260">
    <cfRule type="expression" dxfId="2388" priority="2816">
      <formula>OR(AO$246&lt;&gt;"",AO$247&lt;&gt;"")</formula>
    </cfRule>
  </conditionalFormatting>
  <conditionalFormatting sqref="AO249:AO259">
    <cfRule type="expression" dxfId="2387" priority="2814">
      <formula>OR(AO$246&lt;&gt;"",AO$247&lt;&gt;"")</formula>
    </cfRule>
    <cfRule type="expression" dxfId="2386" priority="2815">
      <formula>AND(AO$246="",AO$247="")</formula>
    </cfRule>
  </conditionalFormatting>
  <conditionalFormatting sqref="AP248">
    <cfRule type="expression" dxfId="2385" priority="2808">
      <formula>OR(AP$246&lt;&gt;"",AP$247&lt;&gt;"")</formula>
    </cfRule>
    <cfRule type="expression" dxfId="2384" priority="2809">
      <formula>AND(AP$246="",AP$247="")</formula>
    </cfRule>
  </conditionalFormatting>
  <conditionalFormatting sqref="AP260">
    <cfRule type="expression" dxfId="2383" priority="2807">
      <formula>AND(AP$246="",AP$247="")</formula>
    </cfRule>
  </conditionalFormatting>
  <conditionalFormatting sqref="AP260">
    <cfRule type="expression" dxfId="2382" priority="2806">
      <formula>OR(AP$246&lt;&gt;"",AP$247&lt;&gt;"")</formula>
    </cfRule>
  </conditionalFormatting>
  <conditionalFormatting sqref="AP249:AP259">
    <cfRule type="expression" dxfId="2381" priority="2804">
      <formula>OR(AP$246&lt;&gt;"",AP$247&lt;&gt;"")</formula>
    </cfRule>
    <cfRule type="expression" dxfId="2380" priority="2805">
      <formula>AND(AP$246="",AP$247="")</formula>
    </cfRule>
  </conditionalFormatting>
  <conditionalFormatting sqref="AQ248">
    <cfRule type="expression" dxfId="2379" priority="2798">
      <formula>OR(AQ$246&lt;&gt;"",AQ$247&lt;&gt;"")</formula>
    </cfRule>
    <cfRule type="expression" dxfId="2378" priority="2799">
      <formula>AND(AQ$246="",AQ$247="")</formula>
    </cfRule>
  </conditionalFormatting>
  <conditionalFormatting sqref="AQ260">
    <cfRule type="expression" dxfId="2377" priority="2797">
      <formula>AND(AQ$246="",AQ$247="")</formula>
    </cfRule>
  </conditionalFormatting>
  <conditionalFormatting sqref="AQ260">
    <cfRule type="expression" dxfId="2376" priority="2796">
      <formula>OR(AQ$246&lt;&gt;"",AQ$247&lt;&gt;"")</formula>
    </cfRule>
  </conditionalFormatting>
  <conditionalFormatting sqref="AQ249:AQ259">
    <cfRule type="expression" dxfId="2375" priority="2794">
      <formula>OR(AQ$246&lt;&gt;"",AQ$247&lt;&gt;"")</formula>
    </cfRule>
    <cfRule type="expression" dxfId="2374" priority="2795">
      <formula>AND(AQ$246="",AQ$247="")</formula>
    </cfRule>
  </conditionalFormatting>
  <conditionalFormatting sqref="AR248">
    <cfRule type="expression" dxfId="2373" priority="2788">
      <formula>OR(AR$246&lt;&gt;"",AR$247&lt;&gt;"")</formula>
    </cfRule>
    <cfRule type="expression" dxfId="2372" priority="2789">
      <formula>AND(AR$246="",AR$247="")</formula>
    </cfRule>
  </conditionalFormatting>
  <conditionalFormatting sqref="AR260">
    <cfRule type="expression" dxfId="2371" priority="2787">
      <formula>AND(AR$246="",AR$247="")</formula>
    </cfRule>
  </conditionalFormatting>
  <conditionalFormatting sqref="AR260">
    <cfRule type="expression" dxfId="2370" priority="2786">
      <formula>OR(AR$246&lt;&gt;"",AR$247&lt;&gt;"")</formula>
    </cfRule>
  </conditionalFormatting>
  <conditionalFormatting sqref="AR249:AR259">
    <cfRule type="expression" dxfId="2369" priority="2784">
      <formula>OR(AR$246&lt;&gt;"",AR$247&lt;&gt;"")</formula>
    </cfRule>
    <cfRule type="expression" dxfId="2368" priority="2785">
      <formula>AND(AR$246="",AR$247="")</formula>
    </cfRule>
  </conditionalFormatting>
  <conditionalFormatting sqref="AS248">
    <cfRule type="expression" dxfId="2367" priority="2778">
      <formula>OR(AS$246&lt;&gt;"",AS$247&lt;&gt;"")</formula>
    </cfRule>
    <cfRule type="expression" dxfId="2366" priority="2779">
      <formula>AND(AS$246="",AS$247="")</formula>
    </cfRule>
  </conditionalFormatting>
  <conditionalFormatting sqref="AS260">
    <cfRule type="expression" dxfId="2365" priority="2777">
      <formula>AND(AS$246="",AS$247="")</formula>
    </cfRule>
  </conditionalFormatting>
  <conditionalFormatting sqref="AS260">
    <cfRule type="expression" dxfId="2364" priority="2776">
      <formula>OR(AS$246&lt;&gt;"",AS$247&lt;&gt;"")</formula>
    </cfRule>
  </conditionalFormatting>
  <conditionalFormatting sqref="AS249:AS259">
    <cfRule type="expression" dxfId="2363" priority="2774">
      <formula>OR(AS$246&lt;&gt;"",AS$247&lt;&gt;"")</formula>
    </cfRule>
    <cfRule type="expression" dxfId="2362" priority="2775">
      <formula>AND(AS$246="",AS$247="")</formula>
    </cfRule>
  </conditionalFormatting>
  <conditionalFormatting sqref="AT248">
    <cfRule type="expression" dxfId="2361" priority="2768">
      <formula>OR(AT$246&lt;&gt;"",AT$247&lt;&gt;"")</formula>
    </cfRule>
    <cfRule type="expression" dxfId="2360" priority="2769">
      <formula>AND(AT$246="",AT$247="")</formula>
    </cfRule>
  </conditionalFormatting>
  <conditionalFormatting sqref="AT260">
    <cfRule type="expression" dxfId="2359" priority="2767">
      <formula>AND(AT$246="",AT$247="")</formula>
    </cfRule>
  </conditionalFormatting>
  <conditionalFormatting sqref="AT260">
    <cfRule type="expression" dxfId="2358" priority="2766">
      <formula>OR(AT$246&lt;&gt;"",AT$247&lt;&gt;"")</formula>
    </cfRule>
  </conditionalFormatting>
  <conditionalFormatting sqref="AT249:AT259">
    <cfRule type="expression" dxfId="2357" priority="2764">
      <formula>OR(AT$246&lt;&gt;"",AT$247&lt;&gt;"")</formula>
    </cfRule>
    <cfRule type="expression" dxfId="2356" priority="2765">
      <formula>AND(AT$246="",AT$247="")</formula>
    </cfRule>
  </conditionalFormatting>
  <conditionalFormatting sqref="AU248">
    <cfRule type="expression" dxfId="2355" priority="2758">
      <formula>OR(AU$246&lt;&gt;"",AU$247&lt;&gt;"")</formula>
    </cfRule>
    <cfRule type="expression" dxfId="2354" priority="2759">
      <formula>AND(AU$246="",AU$247="")</formula>
    </cfRule>
  </conditionalFormatting>
  <conditionalFormatting sqref="AU260">
    <cfRule type="expression" dxfId="2353" priority="2757">
      <formula>AND(AU$246="",AU$247="")</formula>
    </cfRule>
  </conditionalFormatting>
  <conditionalFormatting sqref="AU260">
    <cfRule type="expression" dxfId="2352" priority="2756">
      <formula>OR(AU$246&lt;&gt;"",AU$247&lt;&gt;"")</formula>
    </cfRule>
  </conditionalFormatting>
  <conditionalFormatting sqref="AU249:AU259">
    <cfRule type="expression" dxfId="2351" priority="2754">
      <formula>OR(AU$246&lt;&gt;"",AU$247&lt;&gt;"")</formula>
    </cfRule>
    <cfRule type="expression" dxfId="2350" priority="2755">
      <formula>AND(AU$246="",AU$247="")</formula>
    </cfRule>
  </conditionalFormatting>
  <conditionalFormatting sqref="AV248">
    <cfRule type="expression" dxfId="2349" priority="2748">
      <formula>OR(AV$246&lt;&gt;"",AV$247&lt;&gt;"")</formula>
    </cfRule>
    <cfRule type="expression" dxfId="2348" priority="2749">
      <formula>AND(AV$246="",AV$247="")</formula>
    </cfRule>
  </conditionalFormatting>
  <conditionalFormatting sqref="AV260">
    <cfRule type="expression" dxfId="2347" priority="2747">
      <formula>AND(AV$246="",AV$247="")</formula>
    </cfRule>
  </conditionalFormatting>
  <conditionalFormatting sqref="AV260">
    <cfRule type="expression" dxfId="2346" priority="2746">
      <formula>OR(AV$246&lt;&gt;"",AV$247&lt;&gt;"")</formula>
    </cfRule>
  </conditionalFormatting>
  <conditionalFormatting sqref="AV249:AV259">
    <cfRule type="expression" dxfId="2345" priority="2744">
      <formula>OR(AV$246&lt;&gt;"",AV$247&lt;&gt;"")</formula>
    </cfRule>
    <cfRule type="expression" dxfId="2344" priority="2745">
      <formula>AND(AV$246="",AV$247="")</formula>
    </cfRule>
  </conditionalFormatting>
  <conditionalFormatting sqref="AW248">
    <cfRule type="expression" dxfId="2343" priority="2738">
      <formula>OR(AW$246&lt;&gt;"",AW$247&lt;&gt;"")</formula>
    </cfRule>
    <cfRule type="expression" dxfId="2342" priority="2739">
      <formula>AND(AW$246="",AW$247="")</formula>
    </cfRule>
  </conditionalFormatting>
  <conditionalFormatting sqref="AW260">
    <cfRule type="expression" dxfId="2341" priority="2737">
      <formula>AND(AW$246="",AW$247="")</formula>
    </cfRule>
  </conditionalFormatting>
  <conditionalFormatting sqref="AW260">
    <cfRule type="expression" dxfId="2340" priority="2736">
      <formula>OR(AW$246&lt;&gt;"",AW$247&lt;&gt;"")</formula>
    </cfRule>
  </conditionalFormatting>
  <conditionalFormatting sqref="AW249:AW259">
    <cfRule type="expression" dxfId="2339" priority="2734">
      <formula>OR(AW$246&lt;&gt;"",AW$247&lt;&gt;"")</formula>
    </cfRule>
    <cfRule type="expression" dxfId="2338" priority="2735">
      <formula>AND(AW$246="",AW$247="")</formula>
    </cfRule>
  </conditionalFormatting>
  <conditionalFormatting sqref="AX248">
    <cfRule type="expression" dxfId="2337" priority="2728">
      <formula>OR(AX$246&lt;&gt;"",AX$247&lt;&gt;"")</formula>
    </cfRule>
    <cfRule type="expression" dxfId="2336" priority="2729">
      <formula>AND(AX$246="",AX$247="")</formula>
    </cfRule>
  </conditionalFormatting>
  <conditionalFormatting sqref="AX260">
    <cfRule type="expression" dxfId="2335" priority="2727">
      <formula>AND(AX$246="",AX$247="")</formula>
    </cfRule>
  </conditionalFormatting>
  <conditionalFormatting sqref="AX260">
    <cfRule type="expression" dxfId="2334" priority="2726">
      <formula>OR(AX$246&lt;&gt;"",AX$247&lt;&gt;"")</formula>
    </cfRule>
  </conditionalFormatting>
  <conditionalFormatting sqref="AX249:AX259">
    <cfRule type="expression" dxfId="2333" priority="2724">
      <formula>OR(AX$246&lt;&gt;"",AX$247&lt;&gt;"")</formula>
    </cfRule>
    <cfRule type="expression" dxfId="2332" priority="2725">
      <formula>AND(AX$246="",AX$247="")</formula>
    </cfRule>
  </conditionalFormatting>
  <conditionalFormatting sqref="AY248">
    <cfRule type="expression" dxfId="2331" priority="2718">
      <formula>OR(AY$246&lt;&gt;"",AY$247&lt;&gt;"")</formula>
    </cfRule>
    <cfRule type="expression" dxfId="2330" priority="2719">
      <formula>AND(AY$246="",AY$247="")</formula>
    </cfRule>
  </conditionalFormatting>
  <conditionalFormatting sqref="AY260">
    <cfRule type="expression" dxfId="2329" priority="2717">
      <formula>AND(AY$246="",AY$247="")</formula>
    </cfRule>
  </conditionalFormatting>
  <conditionalFormatting sqref="AY260">
    <cfRule type="expression" dxfId="2328" priority="2716">
      <formula>OR(AY$246&lt;&gt;"",AY$247&lt;&gt;"")</formula>
    </cfRule>
  </conditionalFormatting>
  <conditionalFormatting sqref="AY249:AY259">
    <cfRule type="expression" dxfId="2327" priority="2714">
      <formula>OR(AY$246&lt;&gt;"",AY$247&lt;&gt;"")</formula>
    </cfRule>
    <cfRule type="expression" dxfId="2326" priority="2715">
      <formula>AND(AY$246="",AY$247="")</formula>
    </cfRule>
  </conditionalFormatting>
  <conditionalFormatting sqref="AZ248">
    <cfRule type="expression" dxfId="2325" priority="2708">
      <formula>OR(AZ$246&lt;&gt;"",AZ$247&lt;&gt;"")</formula>
    </cfRule>
    <cfRule type="expression" dxfId="2324" priority="2709">
      <formula>AND(AZ$246="",AZ$247="")</formula>
    </cfRule>
  </conditionalFormatting>
  <conditionalFormatting sqref="AZ260">
    <cfRule type="expression" dxfId="2323" priority="2707">
      <formula>AND(AZ$246="",AZ$247="")</formula>
    </cfRule>
  </conditionalFormatting>
  <conditionalFormatting sqref="AZ260">
    <cfRule type="expression" dxfId="2322" priority="2706">
      <formula>OR(AZ$246&lt;&gt;"",AZ$247&lt;&gt;"")</formula>
    </cfRule>
  </conditionalFormatting>
  <conditionalFormatting sqref="AZ249:AZ259">
    <cfRule type="expression" dxfId="2321" priority="2704">
      <formula>OR(AZ$246&lt;&gt;"",AZ$247&lt;&gt;"")</formula>
    </cfRule>
    <cfRule type="expression" dxfId="2320" priority="2705">
      <formula>AND(AZ$246="",AZ$247="")</formula>
    </cfRule>
  </conditionalFormatting>
  <conditionalFormatting sqref="BA248">
    <cfRule type="expression" dxfId="2319" priority="2698">
      <formula>OR(BA$246&lt;&gt;"",BA$247&lt;&gt;"")</formula>
    </cfRule>
    <cfRule type="expression" dxfId="2318" priority="2699">
      <formula>AND(BA$246="",BA$247="")</formula>
    </cfRule>
  </conditionalFormatting>
  <conditionalFormatting sqref="BA260">
    <cfRule type="expression" dxfId="2317" priority="2697">
      <formula>AND(BA$246="",BA$247="")</formula>
    </cfRule>
  </conditionalFormatting>
  <conditionalFormatting sqref="BA260">
    <cfRule type="expression" dxfId="2316" priority="2696">
      <formula>OR(BA$246&lt;&gt;"",BA$247&lt;&gt;"")</formula>
    </cfRule>
  </conditionalFormatting>
  <conditionalFormatting sqref="BA249:BA259">
    <cfRule type="expression" dxfId="2315" priority="2694">
      <formula>OR(BA$246&lt;&gt;"",BA$247&lt;&gt;"")</formula>
    </cfRule>
    <cfRule type="expression" dxfId="2314" priority="2695">
      <formula>AND(BA$246="",BA$247="")</formula>
    </cfRule>
  </conditionalFormatting>
  <conditionalFormatting sqref="BB248">
    <cfRule type="expression" dxfId="2313" priority="2688">
      <formula>OR(BB$246&lt;&gt;"",BB$247&lt;&gt;"")</formula>
    </cfRule>
    <cfRule type="expression" dxfId="2312" priority="2689">
      <formula>AND(BB$246="",BB$247="")</formula>
    </cfRule>
  </conditionalFormatting>
  <conditionalFormatting sqref="BB260">
    <cfRule type="expression" dxfId="2311" priority="2687">
      <formula>AND(BB$246="",BB$247="")</formula>
    </cfRule>
  </conditionalFormatting>
  <conditionalFormatting sqref="BB260">
    <cfRule type="expression" dxfId="2310" priority="2686">
      <formula>OR(BB$246&lt;&gt;"",BB$247&lt;&gt;"")</formula>
    </cfRule>
  </conditionalFormatting>
  <conditionalFormatting sqref="BB249:BB259">
    <cfRule type="expression" dxfId="2309" priority="2684">
      <formula>OR(BB$246&lt;&gt;"",BB$247&lt;&gt;"")</formula>
    </cfRule>
    <cfRule type="expression" dxfId="2308" priority="2685">
      <formula>AND(BB$246="",BB$247="")</formula>
    </cfRule>
  </conditionalFormatting>
  <conditionalFormatting sqref="BC248">
    <cfRule type="expression" dxfId="2307" priority="2678">
      <formula>OR(BC$246&lt;&gt;"",BC$247&lt;&gt;"")</formula>
    </cfRule>
    <cfRule type="expression" dxfId="2306" priority="2679">
      <formula>AND(BC$246="",BC$247="")</formula>
    </cfRule>
  </conditionalFormatting>
  <conditionalFormatting sqref="BC260">
    <cfRule type="expression" dxfId="2305" priority="2677">
      <formula>AND(BC$246="",BC$247="")</formula>
    </cfRule>
  </conditionalFormatting>
  <conditionalFormatting sqref="BC260">
    <cfRule type="expression" dxfId="2304" priority="2676">
      <formula>OR(BC$246&lt;&gt;"",BC$247&lt;&gt;"")</formula>
    </cfRule>
  </conditionalFormatting>
  <conditionalFormatting sqref="BC249:BC259">
    <cfRule type="expression" dxfId="2303" priority="2674">
      <formula>OR(BC$246&lt;&gt;"",BC$247&lt;&gt;"")</formula>
    </cfRule>
    <cfRule type="expression" dxfId="2302" priority="2675">
      <formula>AND(BC$246="",BC$247="")</formula>
    </cfRule>
  </conditionalFormatting>
  <conditionalFormatting sqref="BD248">
    <cfRule type="expression" dxfId="2301" priority="2668">
      <formula>OR(BD$246&lt;&gt;"",BD$247&lt;&gt;"")</formula>
    </cfRule>
    <cfRule type="expression" dxfId="2300" priority="2669">
      <formula>AND(BD$246="",BD$247="")</formula>
    </cfRule>
  </conditionalFormatting>
  <conditionalFormatting sqref="BD260">
    <cfRule type="expression" dxfId="2299" priority="2667">
      <formula>AND(BD$246="",BD$247="")</formula>
    </cfRule>
  </conditionalFormatting>
  <conditionalFormatting sqref="BD260">
    <cfRule type="expression" dxfId="2298" priority="2666">
      <formula>OR(BD$246&lt;&gt;"",BD$247&lt;&gt;"")</formula>
    </cfRule>
  </conditionalFormatting>
  <conditionalFormatting sqref="BD249:BD259">
    <cfRule type="expression" dxfId="2297" priority="2664">
      <formula>OR(BD$246&lt;&gt;"",BD$247&lt;&gt;"")</formula>
    </cfRule>
    <cfRule type="expression" dxfId="2296" priority="2665">
      <formula>AND(BD$246="",BD$247="")</formula>
    </cfRule>
  </conditionalFormatting>
  <conditionalFormatting sqref="BE248">
    <cfRule type="expression" dxfId="2295" priority="2658">
      <formula>OR(BE$246&lt;&gt;"",BE$247&lt;&gt;"")</formula>
    </cfRule>
    <cfRule type="expression" dxfId="2294" priority="2659">
      <formula>AND(BE$246="",BE$247="")</formula>
    </cfRule>
  </conditionalFormatting>
  <conditionalFormatting sqref="BE260">
    <cfRule type="expression" dxfId="2293" priority="2657">
      <formula>AND(BE$246="",BE$247="")</formula>
    </cfRule>
  </conditionalFormatting>
  <conditionalFormatting sqref="BE260">
    <cfRule type="expression" dxfId="2292" priority="2656">
      <formula>OR(BE$246&lt;&gt;"",BE$247&lt;&gt;"")</formula>
    </cfRule>
  </conditionalFormatting>
  <conditionalFormatting sqref="BE249:BE259">
    <cfRule type="expression" dxfId="2291" priority="2654">
      <formula>OR(BE$246&lt;&gt;"",BE$247&lt;&gt;"")</formula>
    </cfRule>
    <cfRule type="expression" dxfId="2290" priority="2655">
      <formula>AND(BE$246="",BE$247="")</formula>
    </cfRule>
  </conditionalFormatting>
  <conditionalFormatting sqref="BF248">
    <cfRule type="expression" dxfId="2289" priority="2648">
      <formula>OR(BF$246&lt;&gt;"",BF$247&lt;&gt;"")</formula>
    </cfRule>
    <cfRule type="expression" dxfId="2288" priority="2649">
      <formula>AND(BF$246="",BF$247="")</formula>
    </cfRule>
  </conditionalFormatting>
  <conditionalFormatting sqref="BF260">
    <cfRule type="expression" dxfId="2287" priority="2647">
      <formula>AND(BF$246="",BF$247="")</formula>
    </cfRule>
  </conditionalFormatting>
  <conditionalFormatting sqref="BF260">
    <cfRule type="expression" dxfId="2286" priority="2646">
      <formula>OR(BF$246&lt;&gt;"",BF$247&lt;&gt;"")</formula>
    </cfRule>
  </conditionalFormatting>
  <conditionalFormatting sqref="BF249:BF259">
    <cfRule type="expression" dxfId="2285" priority="2644">
      <formula>OR(BF$246&lt;&gt;"",BF$247&lt;&gt;"")</formula>
    </cfRule>
    <cfRule type="expression" dxfId="2284" priority="2645">
      <formula>AND(BF$246="",BF$247="")</formula>
    </cfRule>
  </conditionalFormatting>
  <conditionalFormatting sqref="BG248">
    <cfRule type="expression" dxfId="2283" priority="2638">
      <formula>OR(BG$246&lt;&gt;"",BG$247&lt;&gt;"")</formula>
    </cfRule>
    <cfRule type="expression" dxfId="2282" priority="2639">
      <formula>AND(BG$246="",BG$247="")</formula>
    </cfRule>
  </conditionalFormatting>
  <conditionalFormatting sqref="BG260">
    <cfRule type="expression" dxfId="2281" priority="2637">
      <formula>AND(BG$246="",BG$247="")</formula>
    </cfRule>
  </conditionalFormatting>
  <conditionalFormatting sqref="BG260">
    <cfRule type="expression" dxfId="2280" priority="2636">
      <formula>OR(BG$246&lt;&gt;"",BG$247&lt;&gt;"")</formula>
    </cfRule>
  </conditionalFormatting>
  <conditionalFormatting sqref="BG249:BG259">
    <cfRule type="expression" dxfId="2279" priority="2634">
      <formula>OR(BG$246&lt;&gt;"",BG$247&lt;&gt;"")</formula>
    </cfRule>
    <cfRule type="expression" dxfId="2278" priority="2635">
      <formula>AND(BG$246="",BG$247="")</formula>
    </cfRule>
  </conditionalFormatting>
  <conditionalFormatting sqref="BH248">
    <cfRule type="expression" dxfId="2277" priority="2628">
      <formula>OR(BH$246&lt;&gt;"",BH$247&lt;&gt;"")</formula>
    </cfRule>
    <cfRule type="expression" dxfId="2276" priority="2629">
      <formula>AND(BH$246="",BH$247="")</formula>
    </cfRule>
  </conditionalFormatting>
  <conditionalFormatting sqref="BH260">
    <cfRule type="expression" dxfId="2275" priority="2627">
      <formula>AND(BH$246="",BH$247="")</formula>
    </cfRule>
  </conditionalFormatting>
  <conditionalFormatting sqref="BH260">
    <cfRule type="expression" dxfId="2274" priority="2626">
      <formula>OR(BH$246&lt;&gt;"",BH$247&lt;&gt;"")</formula>
    </cfRule>
  </conditionalFormatting>
  <conditionalFormatting sqref="BH249:BH259">
    <cfRule type="expression" dxfId="2273" priority="2624">
      <formula>OR(BH$246&lt;&gt;"",BH$247&lt;&gt;"")</formula>
    </cfRule>
    <cfRule type="expression" dxfId="2272" priority="2625">
      <formula>AND(BH$246="",BH$247="")</formula>
    </cfRule>
  </conditionalFormatting>
  <conditionalFormatting sqref="BI248">
    <cfRule type="expression" dxfId="2271" priority="2618">
      <formula>OR(BI$246&lt;&gt;"",BI$247&lt;&gt;"")</formula>
    </cfRule>
    <cfRule type="expression" dxfId="2270" priority="2619">
      <formula>AND(BI$246="",BI$247="")</formula>
    </cfRule>
  </conditionalFormatting>
  <conditionalFormatting sqref="BI260">
    <cfRule type="expression" dxfId="2269" priority="2617">
      <formula>AND(BI$246="",BI$247="")</formula>
    </cfRule>
  </conditionalFormatting>
  <conditionalFormatting sqref="BI260">
    <cfRule type="expression" dxfId="2268" priority="2616">
      <formula>OR(BI$246&lt;&gt;"",BI$247&lt;&gt;"")</formula>
    </cfRule>
  </conditionalFormatting>
  <conditionalFormatting sqref="BI249:BI259">
    <cfRule type="expression" dxfId="2267" priority="2614">
      <formula>OR(BI$246&lt;&gt;"",BI$247&lt;&gt;"")</formula>
    </cfRule>
    <cfRule type="expression" dxfId="2266" priority="2615">
      <formula>AND(BI$246="",BI$247="")</formula>
    </cfRule>
  </conditionalFormatting>
  <conditionalFormatting sqref="BJ248">
    <cfRule type="expression" dxfId="2265" priority="2608">
      <formula>OR(BJ$246&lt;&gt;"",BJ$247&lt;&gt;"")</formula>
    </cfRule>
    <cfRule type="expression" dxfId="2264" priority="2609">
      <formula>AND(BJ$246="",BJ$247="")</formula>
    </cfRule>
  </conditionalFormatting>
  <conditionalFormatting sqref="BJ260">
    <cfRule type="expression" dxfId="2263" priority="2607">
      <formula>AND(BJ$246="",BJ$247="")</formula>
    </cfRule>
  </conditionalFormatting>
  <conditionalFormatting sqref="BJ260">
    <cfRule type="expression" dxfId="2262" priority="2606">
      <formula>OR(BJ$246&lt;&gt;"",BJ$247&lt;&gt;"")</formula>
    </cfRule>
  </conditionalFormatting>
  <conditionalFormatting sqref="BJ249:BJ259">
    <cfRule type="expression" dxfId="2261" priority="2604">
      <formula>OR(BJ$246&lt;&gt;"",BJ$247&lt;&gt;"")</formula>
    </cfRule>
    <cfRule type="expression" dxfId="2260" priority="2605">
      <formula>AND(BJ$246="",BJ$247="")</formula>
    </cfRule>
  </conditionalFormatting>
  <conditionalFormatting sqref="BK248">
    <cfRule type="expression" dxfId="2259" priority="2598">
      <formula>OR(BK$246&lt;&gt;"",BK$247&lt;&gt;"")</formula>
    </cfRule>
    <cfRule type="expression" dxfId="2258" priority="2599">
      <formula>AND(BK$246="",BK$247="")</formula>
    </cfRule>
  </conditionalFormatting>
  <conditionalFormatting sqref="BK260">
    <cfRule type="expression" dxfId="2257" priority="2597">
      <formula>AND(BK$246="",BK$247="")</formula>
    </cfRule>
  </conditionalFormatting>
  <conditionalFormatting sqref="BK260">
    <cfRule type="expression" dxfId="2256" priority="2596">
      <formula>OR(BK$246&lt;&gt;"",BK$247&lt;&gt;"")</formula>
    </cfRule>
  </conditionalFormatting>
  <conditionalFormatting sqref="BK249:BK259">
    <cfRule type="expression" dxfId="2255" priority="2594">
      <formula>OR(BK$246&lt;&gt;"",BK$247&lt;&gt;"")</formula>
    </cfRule>
    <cfRule type="expression" dxfId="2254" priority="2595">
      <formula>AND(BK$246="",BK$247="")</formula>
    </cfRule>
  </conditionalFormatting>
  <conditionalFormatting sqref="BL248">
    <cfRule type="expression" dxfId="2253" priority="2588">
      <formula>OR(BL$246&lt;&gt;"",BL$247&lt;&gt;"")</formula>
    </cfRule>
    <cfRule type="expression" dxfId="2252" priority="2589">
      <formula>AND(BL$246="",BL$247="")</formula>
    </cfRule>
  </conditionalFormatting>
  <conditionalFormatting sqref="BL260">
    <cfRule type="expression" dxfId="2251" priority="2587">
      <formula>AND(BL$246="",BL$247="")</formula>
    </cfRule>
  </conditionalFormatting>
  <conditionalFormatting sqref="BL260">
    <cfRule type="expression" dxfId="2250" priority="2586">
      <formula>OR(BL$246&lt;&gt;"",BL$247&lt;&gt;"")</formula>
    </cfRule>
  </conditionalFormatting>
  <conditionalFormatting sqref="BL249:BL259">
    <cfRule type="expression" dxfId="2249" priority="2584">
      <formula>OR(BL$246&lt;&gt;"",BL$247&lt;&gt;"")</formula>
    </cfRule>
    <cfRule type="expression" dxfId="2248" priority="2585">
      <formula>AND(BL$246="",BL$247="")</formula>
    </cfRule>
  </conditionalFormatting>
  <conditionalFormatting sqref="BM248">
    <cfRule type="expression" dxfId="2247" priority="2578">
      <formula>OR(BM$246&lt;&gt;"",BM$247&lt;&gt;"")</formula>
    </cfRule>
    <cfRule type="expression" dxfId="2246" priority="2579">
      <formula>AND(BM$246="",BM$247="")</formula>
    </cfRule>
  </conditionalFormatting>
  <conditionalFormatting sqref="BM260">
    <cfRule type="expression" dxfId="2245" priority="2577">
      <formula>AND(BM$246="",BM$247="")</formula>
    </cfRule>
  </conditionalFormatting>
  <conditionalFormatting sqref="BM260">
    <cfRule type="expression" dxfId="2244" priority="2576">
      <formula>OR(BM$246&lt;&gt;"",BM$247&lt;&gt;"")</formula>
    </cfRule>
  </conditionalFormatting>
  <conditionalFormatting sqref="BM249:BM259">
    <cfRule type="expression" dxfId="2243" priority="2574">
      <formula>OR(BM$246&lt;&gt;"",BM$247&lt;&gt;"")</formula>
    </cfRule>
    <cfRule type="expression" dxfId="2242" priority="2575">
      <formula>AND(BM$246="",BM$247="")</formula>
    </cfRule>
  </conditionalFormatting>
  <conditionalFormatting sqref="BN248">
    <cfRule type="expression" dxfId="2241" priority="2568">
      <formula>OR(BN$246&lt;&gt;"",BN$247&lt;&gt;"")</formula>
    </cfRule>
    <cfRule type="expression" dxfId="2240" priority="2569">
      <formula>AND(BN$246="",BN$247="")</formula>
    </cfRule>
  </conditionalFormatting>
  <conditionalFormatting sqref="BN260">
    <cfRule type="expression" dxfId="2239" priority="2567">
      <formula>AND(BN$246="",BN$247="")</formula>
    </cfRule>
  </conditionalFormatting>
  <conditionalFormatting sqref="BN260">
    <cfRule type="expression" dxfId="2238" priority="2566">
      <formula>OR(BN$246&lt;&gt;"",BN$247&lt;&gt;"")</formula>
    </cfRule>
  </conditionalFormatting>
  <conditionalFormatting sqref="BN249:BN259">
    <cfRule type="expression" dxfId="2237" priority="2564">
      <formula>OR(BN$246&lt;&gt;"",BN$247&lt;&gt;"")</formula>
    </cfRule>
    <cfRule type="expression" dxfId="2236" priority="2565">
      <formula>AND(BN$246="",BN$247="")</formula>
    </cfRule>
  </conditionalFormatting>
  <conditionalFormatting sqref="BO248">
    <cfRule type="expression" dxfId="2235" priority="2558">
      <formula>OR(BO$246&lt;&gt;"",BO$247&lt;&gt;"")</formula>
    </cfRule>
    <cfRule type="expression" dxfId="2234" priority="2559">
      <formula>AND(BO$246="",BO$247="")</formula>
    </cfRule>
  </conditionalFormatting>
  <conditionalFormatting sqref="BO260">
    <cfRule type="expression" dxfId="2233" priority="2557">
      <formula>AND(BO$246="",BO$247="")</formula>
    </cfRule>
  </conditionalFormatting>
  <conditionalFormatting sqref="BO260">
    <cfRule type="expression" dxfId="2232" priority="2556">
      <formula>OR(BO$246&lt;&gt;"",BO$247&lt;&gt;"")</formula>
    </cfRule>
  </conditionalFormatting>
  <conditionalFormatting sqref="BO249:BO259">
    <cfRule type="expression" dxfId="2231" priority="2554">
      <formula>OR(BO$246&lt;&gt;"",BO$247&lt;&gt;"")</formula>
    </cfRule>
    <cfRule type="expression" dxfId="2230" priority="2555">
      <formula>AND(BO$246="",BO$247="")</formula>
    </cfRule>
  </conditionalFormatting>
  <conditionalFormatting sqref="BP248">
    <cfRule type="expression" dxfId="2229" priority="2548">
      <formula>OR(BP$246&lt;&gt;"",BP$247&lt;&gt;"")</formula>
    </cfRule>
    <cfRule type="expression" dxfId="2228" priority="2549">
      <formula>AND(BP$246="",BP$247="")</formula>
    </cfRule>
  </conditionalFormatting>
  <conditionalFormatting sqref="BP260">
    <cfRule type="expression" dxfId="2227" priority="2547">
      <formula>AND(BP$246="",BP$247="")</formula>
    </cfRule>
  </conditionalFormatting>
  <conditionalFormatting sqref="BP260">
    <cfRule type="expression" dxfId="2226" priority="2546">
      <formula>OR(BP$246&lt;&gt;"",BP$247&lt;&gt;"")</formula>
    </cfRule>
  </conditionalFormatting>
  <conditionalFormatting sqref="BP249:BP259">
    <cfRule type="expression" dxfId="2225" priority="2544">
      <formula>OR(BP$246&lt;&gt;"",BP$247&lt;&gt;"")</formula>
    </cfRule>
    <cfRule type="expression" dxfId="2224" priority="2545">
      <formula>AND(BP$246="",BP$247="")</formula>
    </cfRule>
  </conditionalFormatting>
  <conditionalFormatting sqref="BQ248">
    <cfRule type="expression" dxfId="2223" priority="2538">
      <formula>OR(BQ$246&lt;&gt;"",BQ$247&lt;&gt;"")</formula>
    </cfRule>
    <cfRule type="expression" dxfId="2222" priority="2539">
      <formula>AND(BQ$246="",BQ$247="")</formula>
    </cfRule>
  </conditionalFormatting>
  <conditionalFormatting sqref="BQ260">
    <cfRule type="expression" dxfId="2221" priority="2537">
      <formula>AND(BQ$246="",BQ$247="")</formula>
    </cfRule>
  </conditionalFormatting>
  <conditionalFormatting sqref="BQ260">
    <cfRule type="expression" dxfId="2220" priority="2536">
      <formula>OR(BQ$246&lt;&gt;"",BQ$247&lt;&gt;"")</formula>
    </cfRule>
  </conditionalFormatting>
  <conditionalFormatting sqref="BQ249:BQ259">
    <cfRule type="expression" dxfId="2219" priority="2534">
      <formula>OR(BQ$246&lt;&gt;"",BQ$247&lt;&gt;"")</formula>
    </cfRule>
    <cfRule type="expression" dxfId="2218" priority="2535">
      <formula>AND(BQ$246="",BQ$247="")</formula>
    </cfRule>
  </conditionalFormatting>
  <conditionalFormatting sqref="BR248">
    <cfRule type="expression" dxfId="2217" priority="2528">
      <formula>OR(BR$246&lt;&gt;"",BR$247&lt;&gt;"")</formula>
    </cfRule>
    <cfRule type="expression" dxfId="2216" priority="2529">
      <formula>AND(BR$246="",BR$247="")</formula>
    </cfRule>
  </conditionalFormatting>
  <conditionalFormatting sqref="BR260">
    <cfRule type="expression" dxfId="2215" priority="2527">
      <formula>AND(BR$246="",BR$247="")</formula>
    </cfRule>
  </conditionalFormatting>
  <conditionalFormatting sqref="BR260">
    <cfRule type="expression" dxfId="2214" priority="2526">
      <formula>OR(BR$246&lt;&gt;"",BR$247&lt;&gt;"")</formula>
    </cfRule>
  </conditionalFormatting>
  <conditionalFormatting sqref="BR249:BR259">
    <cfRule type="expression" dxfId="2213" priority="2524">
      <formula>OR(BR$246&lt;&gt;"",BR$247&lt;&gt;"")</formula>
    </cfRule>
    <cfRule type="expression" dxfId="2212" priority="2525">
      <formula>AND(BR$246="",BR$247="")</formula>
    </cfRule>
  </conditionalFormatting>
  <conditionalFormatting sqref="BS248">
    <cfRule type="expression" dxfId="2211" priority="2518">
      <formula>OR(BS$246&lt;&gt;"",BS$247&lt;&gt;"")</formula>
    </cfRule>
    <cfRule type="expression" dxfId="2210" priority="2519">
      <formula>AND(BS$246="",BS$247="")</formula>
    </cfRule>
  </conditionalFormatting>
  <conditionalFormatting sqref="BS260">
    <cfRule type="expression" dxfId="2209" priority="2517">
      <formula>AND(BS$246="",BS$247="")</formula>
    </cfRule>
  </conditionalFormatting>
  <conditionalFormatting sqref="BS260">
    <cfRule type="expression" dxfId="2208" priority="2516">
      <formula>OR(BS$246&lt;&gt;"",BS$247&lt;&gt;"")</formula>
    </cfRule>
  </conditionalFormatting>
  <conditionalFormatting sqref="BS249:BS259">
    <cfRule type="expression" dxfId="2207" priority="2514">
      <formula>OR(BS$246&lt;&gt;"",BS$247&lt;&gt;"")</formula>
    </cfRule>
    <cfRule type="expression" dxfId="2206" priority="2515">
      <formula>AND(BS$246="",BS$247="")</formula>
    </cfRule>
  </conditionalFormatting>
  <conditionalFormatting sqref="M266:M267">
    <cfRule type="expression" dxfId="2205" priority="2510">
      <formula>OR(M$266&lt;&gt;"",M$267&lt;&gt;"")</formula>
    </cfRule>
    <cfRule type="expression" dxfId="2204" priority="2511">
      <formula>AND(M$266="",M$267="")</formula>
    </cfRule>
    <cfRule type="expression" dxfId="2203" priority="2512">
      <formula>OR(M$266&lt;&gt;"",M$267&lt;&gt;"")</formula>
    </cfRule>
    <cfRule type="expression" dxfId="2202" priority="2513">
      <formula>AND(M$266="",M$267="")</formula>
    </cfRule>
  </conditionalFormatting>
  <conditionalFormatting sqref="N266:N267">
    <cfRule type="expression" dxfId="2201" priority="2508">
      <formula>OR(N$266&lt;&gt;"",N$267&lt;&gt;"")</formula>
    </cfRule>
    <cfRule type="expression" dxfId="2200" priority="2509">
      <formula>AND(N$266="",N$267="")</formula>
    </cfRule>
  </conditionalFormatting>
  <conditionalFormatting sqref="O246:O247">
    <cfRule type="expression" dxfId="2199" priority="2502">
      <formula>OR(O$246&lt;&gt;"",O$247&lt;&gt;"")</formula>
    </cfRule>
    <cfRule type="expression" dxfId="2198" priority="2503">
      <formula>AND(O$246="",O$247="")</formula>
    </cfRule>
    <cfRule type="expression" dxfId="2197" priority="2504">
      <formula>OR(O$246&lt;&gt;"",O$247&lt;&gt;"")</formula>
    </cfRule>
    <cfRule type="expression" dxfId="2196" priority="2505">
      <formula>AND(O$246="",O$247="")</formula>
    </cfRule>
  </conditionalFormatting>
  <conditionalFormatting sqref="P246:P247">
    <cfRule type="expression" dxfId="2195" priority="2498">
      <formula>OR(P$246&lt;&gt;"",P$247&lt;&gt;"")</formula>
    </cfRule>
    <cfRule type="expression" dxfId="2194" priority="2499">
      <formula>AND(P$246="",P$247="")</formula>
    </cfRule>
    <cfRule type="expression" dxfId="2193" priority="2500">
      <formula>OR(P$246&lt;&gt;"",P$247&lt;&gt;"")</formula>
    </cfRule>
    <cfRule type="expression" dxfId="2192" priority="2501">
      <formula>AND(P$246="",P$247="")</formula>
    </cfRule>
  </conditionalFormatting>
  <conditionalFormatting sqref="Q246:Q247">
    <cfRule type="expression" dxfId="2191" priority="2494">
      <formula>OR(Q$246&lt;&gt;"",Q$247&lt;&gt;"")</formula>
    </cfRule>
    <cfRule type="expression" dxfId="2190" priority="2495">
      <formula>AND(Q$246="",Q$247="")</formula>
    </cfRule>
    <cfRule type="expression" dxfId="2189" priority="2496">
      <formula>OR(Q$246&lt;&gt;"",Q$247&lt;&gt;"")</formula>
    </cfRule>
    <cfRule type="expression" dxfId="2188" priority="2497">
      <formula>AND(Q$246="",Q$247="")</formula>
    </cfRule>
  </conditionalFormatting>
  <conditionalFormatting sqref="R246:R247">
    <cfRule type="expression" dxfId="2187" priority="2490">
      <formula>OR(R$246&lt;&gt;"",R$247&lt;&gt;"")</formula>
    </cfRule>
    <cfRule type="expression" dxfId="2186" priority="2491">
      <formula>AND(R$246="",R$247="")</formula>
    </cfRule>
    <cfRule type="expression" dxfId="2185" priority="2492">
      <formula>OR(R$246&lt;&gt;"",R$247&lt;&gt;"")</formula>
    </cfRule>
    <cfRule type="expression" dxfId="2184" priority="2493">
      <formula>AND(R$246="",R$247="")</formula>
    </cfRule>
  </conditionalFormatting>
  <conditionalFormatting sqref="S246:S247">
    <cfRule type="expression" dxfId="2183" priority="2486">
      <formula>OR(S$246&lt;&gt;"",S$247&lt;&gt;"")</formula>
    </cfRule>
    <cfRule type="expression" dxfId="2182" priority="2487">
      <formula>AND(S$246="",S$247="")</formula>
    </cfRule>
    <cfRule type="expression" dxfId="2181" priority="2488">
      <formula>OR(S$246&lt;&gt;"",S$247&lt;&gt;"")</formula>
    </cfRule>
    <cfRule type="expression" dxfId="2180" priority="2489">
      <formula>AND(S$246="",S$247="")</formula>
    </cfRule>
  </conditionalFormatting>
  <conditionalFormatting sqref="T246:T247">
    <cfRule type="expression" dxfId="2179" priority="2482">
      <formula>OR(T$246&lt;&gt;"",T$247&lt;&gt;"")</formula>
    </cfRule>
    <cfRule type="expression" dxfId="2178" priority="2483">
      <formula>AND(T$246="",T$247="")</formula>
    </cfRule>
    <cfRule type="expression" dxfId="2177" priority="2484">
      <formula>OR(T$246&lt;&gt;"",T$247&lt;&gt;"")</formula>
    </cfRule>
    <cfRule type="expression" dxfId="2176" priority="2485">
      <formula>AND(T$246="",T$247="")</formula>
    </cfRule>
  </conditionalFormatting>
  <conditionalFormatting sqref="U246:U247">
    <cfRule type="expression" dxfId="2175" priority="2478">
      <formula>OR(U$246&lt;&gt;"",U$247&lt;&gt;"")</formula>
    </cfRule>
    <cfRule type="expression" dxfId="2174" priority="2479">
      <formula>AND(U$246="",U$247="")</formula>
    </cfRule>
    <cfRule type="expression" dxfId="2173" priority="2480">
      <formula>OR(U$246&lt;&gt;"",U$247&lt;&gt;"")</formula>
    </cfRule>
    <cfRule type="expression" dxfId="2172" priority="2481">
      <formula>AND(U$246="",U$247="")</formula>
    </cfRule>
  </conditionalFormatting>
  <conditionalFormatting sqref="V246:V247">
    <cfRule type="expression" dxfId="2171" priority="2474">
      <formula>OR(V$246&lt;&gt;"",V$247&lt;&gt;"")</formula>
    </cfRule>
    <cfRule type="expression" dxfId="2170" priority="2475">
      <formula>AND(V$246="",V$247="")</formula>
    </cfRule>
    <cfRule type="expression" dxfId="2169" priority="2476">
      <formula>OR(V$246&lt;&gt;"",V$247&lt;&gt;"")</formula>
    </cfRule>
    <cfRule type="expression" dxfId="2168" priority="2477">
      <formula>AND(V$246="",V$247="")</formula>
    </cfRule>
  </conditionalFormatting>
  <conditionalFormatting sqref="W246:W247">
    <cfRule type="expression" dxfId="2167" priority="2470">
      <formula>OR(W$246&lt;&gt;"",W$247&lt;&gt;"")</formula>
    </cfRule>
    <cfRule type="expression" dxfId="2166" priority="2471">
      <formula>AND(W$246="",W$247="")</formula>
    </cfRule>
    <cfRule type="expression" dxfId="2165" priority="2472">
      <formula>OR(W$246&lt;&gt;"",W$247&lt;&gt;"")</formula>
    </cfRule>
    <cfRule type="expression" dxfId="2164" priority="2473">
      <formula>AND(W$246="",W$247="")</formula>
    </cfRule>
  </conditionalFormatting>
  <conditionalFormatting sqref="X246:X247">
    <cfRule type="expression" dxfId="2163" priority="2466">
      <formula>OR(X$246&lt;&gt;"",X$247&lt;&gt;"")</formula>
    </cfRule>
    <cfRule type="expression" dxfId="2162" priority="2467">
      <formula>AND(X$246="",X$247="")</formula>
    </cfRule>
    <cfRule type="expression" dxfId="2161" priority="2468">
      <formula>OR(X$246&lt;&gt;"",X$247&lt;&gt;"")</formula>
    </cfRule>
    <cfRule type="expression" dxfId="2160" priority="2469">
      <formula>AND(X$246="",X$247="")</formula>
    </cfRule>
  </conditionalFormatting>
  <conditionalFormatting sqref="Y246:Y247">
    <cfRule type="expression" dxfId="2159" priority="2462">
      <formula>OR(Y$246&lt;&gt;"",Y$247&lt;&gt;"")</formula>
    </cfRule>
    <cfRule type="expression" dxfId="2158" priority="2463">
      <formula>AND(Y$246="",Y$247="")</formula>
    </cfRule>
    <cfRule type="expression" dxfId="2157" priority="2464">
      <formula>OR(Y$246&lt;&gt;"",Y$247&lt;&gt;"")</formula>
    </cfRule>
    <cfRule type="expression" dxfId="2156" priority="2465">
      <formula>AND(Y$246="",Y$247="")</formula>
    </cfRule>
  </conditionalFormatting>
  <conditionalFormatting sqref="Z246:Z247">
    <cfRule type="expression" dxfId="2155" priority="2458">
      <formula>OR(Z$246&lt;&gt;"",Z$247&lt;&gt;"")</formula>
    </cfRule>
    <cfRule type="expression" dxfId="2154" priority="2459">
      <formula>AND(Z$246="",Z$247="")</formula>
    </cfRule>
    <cfRule type="expression" dxfId="2153" priority="2460">
      <formula>OR(Z$246&lt;&gt;"",Z$247&lt;&gt;"")</formula>
    </cfRule>
    <cfRule type="expression" dxfId="2152" priority="2461">
      <formula>AND(Z$246="",Z$247="")</formula>
    </cfRule>
  </conditionalFormatting>
  <conditionalFormatting sqref="AA246:AA247">
    <cfRule type="expression" dxfId="2151" priority="2454">
      <formula>OR(AA$246&lt;&gt;"",AA$247&lt;&gt;"")</formula>
    </cfRule>
    <cfRule type="expression" dxfId="2150" priority="2455">
      <formula>AND(AA$246="",AA$247="")</formula>
    </cfRule>
    <cfRule type="expression" dxfId="2149" priority="2456">
      <formula>OR(AA$246&lt;&gt;"",AA$247&lt;&gt;"")</formula>
    </cfRule>
    <cfRule type="expression" dxfId="2148" priority="2457">
      <formula>AND(AA$246="",AA$247="")</formula>
    </cfRule>
  </conditionalFormatting>
  <conditionalFormatting sqref="AB246:AB247">
    <cfRule type="expression" dxfId="2147" priority="2450">
      <formula>OR(AB$246&lt;&gt;"",AB$247&lt;&gt;"")</formula>
    </cfRule>
    <cfRule type="expression" dxfId="2146" priority="2451">
      <formula>AND(AB$246="",AB$247="")</formula>
    </cfRule>
    <cfRule type="expression" dxfId="2145" priority="2452">
      <formula>OR(AB$246&lt;&gt;"",AB$247&lt;&gt;"")</formula>
    </cfRule>
    <cfRule type="expression" dxfId="2144" priority="2453">
      <formula>AND(AB$246="",AB$247="")</formula>
    </cfRule>
  </conditionalFormatting>
  <conditionalFormatting sqref="AC246:AC247">
    <cfRule type="expression" dxfId="2143" priority="2446">
      <formula>OR(AC$246&lt;&gt;"",AC$247&lt;&gt;"")</formula>
    </cfRule>
    <cfRule type="expression" dxfId="2142" priority="2447">
      <formula>AND(AC$246="",AC$247="")</formula>
    </cfRule>
    <cfRule type="expression" dxfId="2141" priority="2448">
      <formula>OR(AC$246&lt;&gt;"",AC$247&lt;&gt;"")</formula>
    </cfRule>
    <cfRule type="expression" dxfId="2140" priority="2449">
      <formula>AND(AC$246="",AC$247="")</formula>
    </cfRule>
  </conditionalFormatting>
  <conditionalFormatting sqref="AD246:AD247">
    <cfRule type="expression" dxfId="2139" priority="2442">
      <formula>OR(AD$246&lt;&gt;"",AD$247&lt;&gt;"")</formula>
    </cfRule>
    <cfRule type="expression" dxfId="2138" priority="2443">
      <formula>AND(AD$246="",AD$247="")</formula>
    </cfRule>
    <cfRule type="expression" dxfId="2137" priority="2444">
      <formula>OR(AD$246&lt;&gt;"",AD$247&lt;&gt;"")</formula>
    </cfRule>
    <cfRule type="expression" dxfId="2136" priority="2445">
      <formula>AND(AD$246="",AD$247="")</formula>
    </cfRule>
  </conditionalFormatting>
  <conditionalFormatting sqref="AE246:AE247">
    <cfRule type="expression" dxfId="2135" priority="2438">
      <formula>OR(AE$246&lt;&gt;"",AE$247&lt;&gt;"")</formula>
    </cfRule>
    <cfRule type="expression" dxfId="2134" priority="2439">
      <formula>AND(AE$246="",AE$247="")</formula>
    </cfRule>
    <cfRule type="expression" dxfId="2133" priority="2440">
      <formula>OR(AE$246&lt;&gt;"",AE$247&lt;&gt;"")</formula>
    </cfRule>
    <cfRule type="expression" dxfId="2132" priority="2441">
      <formula>AND(AE$246="",AE$247="")</formula>
    </cfRule>
  </conditionalFormatting>
  <conditionalFormatting sqref="AF246:AF247">
    <cfRule type="expression" dxfId="2131" priority="2434">
      <formula>OR(AF$246&lt;&gt;"",AF$247&lt;&gt;"")</formula>
    </cfRule>
    <cfRule type="expression" dxfId="2130" priority="2435">
      <formula>AND(AF$246="",AF$247="")</formula>
    </cfRule>
    <cfRule type="expression" dxfId="2129" priority="2436">
      <formula>OR(AF$246&lt;&gt;"",AF$247&lt;&gt;"")</formula>
    </cfRule>
    <cfRule type="expression" dxfId="2128" priority="2437">
      <formula>AND(AF$246="",AF$247="")</formula>
    </cfRule>
  </conditionalFormatting>
  <conditionalFormatting sqref="AG246:AG247">
    <cfRule type="expression" dxfId="2127" priority="2430">
      <formula>OR(AG$246&lt;&gt;"",AG$247&lt;&gt;"")</formula>
    </cfRule>
    <cfRule type="expression" dxfId="2126" priority="2431">
      <formula>AND(AG$246="",AG$247="")</formula>
    </cfRule>
    <cfRule type="expression" dxfId="2125" priority="2432">
      <formula>OR(AG$246&lt;&gt;"",AG$247&lt;&gt;"")</formula>
    </cfRule>
    <cfRule type="expression" dxfId="2124" priority="2433">
      <formula>AND(AG$246="",AG$247="")</formula>
    </cfRule>
  </conditionalFormatting>
  <conditionalFormatting sqref="AH246:AH247">
    <cfRule type="expression" dxfId="2123" priority="2426">
      <formula>OR(AH$246&lt;&gt;"",AH$247&lt;&gt;"")</formula>
    </cfRule>
    <cfRule type="expression" dxfId="2122" priority="2427">
      <formula>AND(AH$246="",AH$247="")</formula>
    </cfRule>
    <cfRule type="expression" dxfId="2121" priority="2428">
      <formula>OR(AH$246&lt;&gt;"",AH$247&lt;&gt;"")</formula>
    </cfRule>
    <cfRule type="expression" dxfId="2120" priority="2429">
      <formula>AND(AH$246="",AH$247="")</formula>
    </cfRule>
  </conditionalFormatting>
  <conditionalFormatting sqref="AI246:AI247">
    <cfRule type="expression" dxfId="2119" priority="2422">
      <formula>OR(AI$246&lt;&gt;"",AI$247&lt;&gt;"")</formula>
    </cfRule>
    <cfRule type="expression" dxfId="2118" priority="2423">
      <formula>AND(AI$246="",AI$247="")</formula>
    </cfRule>
    <cfRule type="expression" dxfId="2117" priority="2424">
      <formula>OR(AI$246&lt;&gt;"",AI$247&lt;&gt;"")</formula>
    </cfRule>
    <cfRule type="expression" dxfId="2116" priority="2425">
      <formula>AND(AI$246="",AI$247="")</formula>
    </cfRule>
  </conditionalFormatting>
  <conditionalFormatting sqref="AJ246:AJ247">
    <cfRule type="expression" dxfId="2115" priority="2418">
      <formula>OR(AJ$246&lt;&gt;"",AJ$247&lt;&gt;"")</formula>
    </cfRule>
    <cfRule type="expression" dxfId="2114" priority="2419">
      <formula>AND(AJ$246="",AJ$247="")</formula>
    </cfRule>
    <cfRule type="expression" dxfId="2113" priority="2420">
      <formula>OR(AJ$246&lt;&gt;"",AJ$247&lt;&gt;"")</formula>
    </cfRule>
    <cfRule type="expression" dxfId="2112" priority="2421">
      <formula>AND(AJ$246="",AJ$247="")</formula>
    </cfRule>
  </conditionalFormatting>
  <conditionalFormatting sqref="AK246:AK247">
    <cfRule type="expression" dxfId="2111" priority="2414">
      <formula>OR(AK$246&lt;&gt;"",AK$247&lt;&gt;"")</formula>
    </cfRule>
    <cfRule type="expression" dxfId="2110" priority="2415">
      <formula>AND(AK$246="",AK$247="")</formula>
    </cfRule>
    <cfRule type="expression" dxfId="2109" priority="2416">
      <formula>OR(AK$246&lt;&gt;"",AK$247&lt;&gt;"")</formula>
    </cfRule>
    <cfRule type="expression" dxfId="2108" priority="2417">
      <formula>AND(AK$246="",AK$247="")</formula>
    </cfRule>
  </conditionalFormatting>
  <conditionalFormatting sqref="AL246:AL247">
    <cfRule type="expression" dxfId="2107" priority="2410">
      <formula>OR(AL$246&lt;&gt;"",AL$247&lt;&gt;"")</formula>
    </cfRule>
    <cfRule type="expression" dxfId="2106" priority="2411">
      <formula>AND(AL$246="",AL$247="")</formula>
    </cfRule>
    <cfRule type="expression" dxfId="2105" priority="2412">
      <formula>OR(AL$246&lt;&gt;"",AL$247&lt;&gt;"")</formula>
    </cfRule>
    <cfRule type="expression" dxfId="2104" priority="2413">
      <formula>AND(AL$246="",AL$247="")</formula>
    </cfRule>
  </conditionalFormatting>
  <conditionalFormatting sqref="AM246:AM247">
    <cfRule type="expression" dxfId="2103" priority="2406">
      <formula>OR(AM$246&lt;&gt;"",AM$247&lt;&gt;"")</formula>
    </cfRule>
    <cfRule type="expression" dxfId="2102" priority="2407">
      <formula>AND(AM$246="",AM$247="")</formula>
    </cfRule>
    <cfRule type="expression" dxfId="2101" priority="2408">
      <formula>OR(AM$246&lt;&gt;"",AM$247&lt;&gt;"")</formula>
    </cfRule>
    <cfRule type="expression" dxfId="2100" priority="2409">
      <formula>AND(AM$246="",AM$247="")</formula>
    </cfRule>
  </conditionalFormatting>
  <conditionalFormatting sqref="AN246:AN247">
    <cfRule type="expression" dxfId="2099" priority="2402">
      <formula>OR(AN$246&lt;&gt;"",AN$247&lt;&gt;"")</formula>
    </cfRule>
    <cfRule type="expression" dxfId="2098" priority="2403">
      <formula>AND(AN$246="",AN$247="")</formula>
    </cfRule>
    <cfRule type="expression" dxfId="2097" priority="2404">
      <formula>OR(AN$246&lt;&gt;"",AN$247&lt;&gt;"")</formula>
    </cfRule>
    <cfRule type="expression" dxfId="2096" priority="2405">
      <formula>AND(AN$246="",AN$247="")</formula>
    </cfRule>
  </conditionalFormatting>
  <conditionalFormatting sqref="AO246:AO247">
    <cfRule type="expression" dxfId="2095" priority="2398">
      <formula>OR(AO$246&lt;&gt;"",AO$247&lt;&gt;"")</formula>
    </cfRule>
    <cfRule type="expression" dxfId="2094" priority="2399">
      <formula>AND(AO$246="",AO$247="")</formula>
    </cfRule>
    <cfRule type="expression" dxfId="2093" priority="2400">
      <formula>OR(AO$246&lt;&gt;"",AO$247&lt;&gt;"")</formula>
    </cfRule>
    <cfRule type="expression" dxfId="2092" priority="2401">
      <formula>AND(AO$246="",AO$247="")</formula>
    </cfRule>
  </conditionalFormatting>
  <conditionalFormatting sqref="AP246:AP247">
    <cfRule type="expression" dxfId="2091" priority="2394">
      <formula>OR(AP$246&lt;&gt;"",AP$247&lt;&gt;"")</formula>
    </cfRule>
    <cfRule type="expression" dxfId="2090" priority="2395">
      <formula>AND(AP$246="",AP$247="")</formula>
    </cfRule>
    <cfRule type="expression" dxfId="2089" priority="2396">
      <formula>OR(AP$246&lt;&gt;"",AP$247&lt;&gt;"")</formula>
    </cfRule>
    <cfRule type="expression" dxfId="2088" priority="2397">
      <formula>AND(AP$246="",AP$247="")</formula>
    </cfRule>
  </conditionalFormatting>
  <conditionalFormatting sqref="AQ246:AQ247">
    <cfRule type="expression" dxfId="2087" priority="2390">
      <formula>OR(AQ$246&lt;&gt;"",AQ$247&lt;&gt;"")</formula>
    </cfRule>
    <cfRule type="expression" dxfId="2086" priority="2391">
      <formula>AND(AQ$246="",AQ$247="")</formula>
    </cfRule>
    <cfRule type="expression" dxfId="2085" priority="2392">
      <formula>OR(AQ$246&lt;&gt;"",AQ$247&lt;&gt;"")</formula>
    </cfRule>
    <cfRule type="expression" dxfId="2084" priority="2393">
      <formula>AND(AQ$246="",AQ$247="")</formula>
    </cfRule>
  </conditionalFormatting>
  <conditionalFormatting sqref="AR246:AR247">
    <cfRule type="expression" dxfId="2083" priority="2386">
      <formula>OR(AR$246&lt;&gt;"",AR$247&lt;&gt;"")</formula>
    </cfRule>
    <cfRule type="expression" dxfId="2082" priority="2387">
      <formula>AND(AR$246="",AR$247="")</formula>
    </cfRule>
    <cfRule type="expression" dxfId="2081" priority="2388">
      <formula>OR(AR$246&lt;&gt;"",AR$247&lt;&gt;"")</formula>
    </cfRule>
    <cfRule type="expression" dxfId="2080" priority="2389">
      <formula>AND(AR$246="",AR$247="")</formula>
    </cfRule>
  </conditionalFormatting>
  <conditionalFormatting sqref="AS246:AS247">
    <cfRule type="expression" dxfId="2079" priority="2382">
      <formula>OR(AS$246&lt;&gt;"",AS$247&lt;&gt;"")</formula>
    </cfRule>
    <cfRule type="expression" dxfId="2078" priority="2383">
      <formula>AND(AS$246="",AS$247="")</formula>
    </cfRule>
    <cfRule type="expression" dxfId="2077" priority="2384">
      <formula>OR(AS$246&lt;&gt;"",AS$247&lt;&gt;"")</formula>
    </cfRule>
    <cfRule type="expression" dxfId="2076" priority="2385">
      <formula>AND(AS$246="",AS$247="")</formula>
    </cfRule>
  </conditionalFormatting>
  <conditionalFormatting sqref="AT246:AT247">
    <cfRule type="expression" dxfId="2075" priority="2378">
      <formula>OR(AT$246&lt;&gt;"",AT$247&lt;&gt;"")</formula>
    </cfRule>
    <cfRule type="expression" dxfId="2074" priority="2379">
      <formula>AND(AT$246="",AT$247="")</formula>
    </cfRule>
    <cfRule type="expression" dxfId="2073" priority="2380">
      <formula>OR(AT$246&lt;&gt;"",AT$247&lt;&gt;"")</formula>
    </cfRule>
    <cfRule type="expression" dxfId="2072" priority="2381">
      <formula>AND(AT$246="",AT$247="")</formula>
    </cfRule>
  </conditionalFormatting>
  <conditionalFormatting sqref="AU246:AU247">
    <cfRule type="expression" dxfId="2071" priority="2374">
      <formula>OR(AU$246&lt;&gt;"",AU$247&lt;&gt;"")</formula>
    </cfRule>
    <cfRule type="expression" dxfId="2070" priority="2375">
      <formula>AND(AU$246="",AU$247="")</formula>
    </cfRule>
    <cfRule type="expression" dxfId="2069" priority="2376">
      <formula>OR(AU$246&lt;&gt;"",AU$247&lt;&gt;"")</formula>
    </cfRule>
    <cfRule type="expression" dxfId="2068" priority="2377">
      <formula>AND(AU$246="",AU$247="")</formula>
    </cfRule>
  </conditionalFormatting>
  <conditionalFormatting sqref="AV246:AV247">
    <cfRule type="expression" dxfId="2067" priority="2370">
      <formula>OR(AV$246&lt;&gt;"",AV$247&lt;&gt;"")</formula>
    </cfRule>
    <cfRule type="expression" dxfId="2066" priority="2371">
      <formula>AND(AV$246="",AV$247="")</formula>
    </cfRule>
    <cfRule type="expression" dxfId="2065" priority="2372">
      <formula>OR(AV$246&lt;&gt;"",AV$247&lt;&gt;"")</formula>
    </cfRule>
    <cfRule type="expression" dxfId="2064" priority="2373">
      <formula>AND(AV$246="",AV$247="")</formula>
    </cfRule>
  </conditionalFormatting>
  <conditionalFormatting sqref="AW246:AW247">
    <cfRule type="expression" dxfId="2063" priority="2366">
      <formula>OR(AW$246&lt;&gt;"",AW$247&lt;&gt;"")</formula>
    </cfRule>
    <cfRule type="expression" dxfId="2062" priority="2367">
      <formula>AND(AW$246="",AW$247="")</formula>
    </cfRule>
    <cfRule type="expression" dxfId="2061" priority="2368">
      <formula>OR(AW$246&lt;&gt;"",AW$247&lt;&gt;"")</formula>
    </cfRule>
    <cfRule type="expression" dxfId="2060" priority="2369">
      <formula>AND(AW$246="",AW$247="")</formula>
    </cfRule>
  </conditionalFormatting>
  <conditionalFormatting sqref="AX246:AX247">
    <cfRule type="expression" dxfId="2059" priority="2362">
      <formula>OR(AX$246&lt;&gt;"",AX$247&lt;&gt;"")</formula>
    </cfRule>
    <cfRule type="expression" dxfId="2058" priority="2363">
      <formula>AND(AX$246="",AX$247="")</formula>
    </cfRule>
    <cfRule type="expression" dxfId="2057" priority="2364">
      <formula>OR(AX$246&lt;&gt;"",AX$247&lt;&gt;"")</formula>
    </cfRule>
    <cfRule type="expression" dxfId="2056" priority="2365">
      <formula>AND(AX$246="",AX$247="")</formula>
    </cfRule>
  </conditionalFormatting>
  <conditionalFormatting sqref="AY246:AY247">
    <cfRule type="expression" dxfId="2055" priority="2358">
      <formula>OR(AY$246&lt;&gt;"",AY$247&lt;&gt;"")</formula>
    </cfRule>
    <cfRule type="expression" dxfId="2054" priority="2359">
      <formula>AND(AY$246="",AY$247="")</formula>
    </cfRule>
    <cfRule type="expression" dxfId="2053" priority="2360">
      <formula>OR(AY$246&lt;&gt;"",AY$247&lt;&gt;"")</formula>
    </cfRule>
    <cfRule type="expression" dxfId="2052" priority="2361">
      <formula>AND(AY$246="",AY$247="")</formula>
    </cfRule>
  </conditionalFormatting>
  <conditionalFormatting sqref="AZ246:AZ247">
    <cfRule type="expression" dxfId="2051" priority="2354">
      <formula>OR(AZ$246&lt;&gt;"",AZ$247&lt;&gt;"")</formula>
    </cfRule>
    <cfRule type="expression" dxfId="2050" priority="2355">
      <formula>AND(AZ$246="",AZ$247="")</formula>
    </cfRule>
    <cfRule type="expression" dxfId="2049" priority="2356">
      <formula>OR(AZ$246&lt;&gt;"",AZ$247&lt;&gt;"")</formula>
    </cfRule>
    <cfRule type="expression" dxfId="2048" priority="2357">
      <formula>AND(AZ$246="",AZ$247="")</formula>
    </cfRule>
  </conditionalFormatting>
  <conditionalFormatting sqref="BA246:BA247">
    <cfRule type="expression" dxfId="2047" priority="2350">
      <formula>OR(BA$246&lt;&gt;"",BA$247&lt;&gt;"")</formula>
    </cfRule>
    <cfRule type="expression" dxfId="2046" priority="2351">
      <formula>AND(BA$246="",BA$247="")</formula>
    </cfRule>
    <cfRule type="expression" dxfId="2045" priority="2352">
      <formula>OR(BA$246&lt;&gt;"",BA$247&lt;&gt;"")</formula>
    </cfRule>
    <cfRule type="expression" dxfId="2044" priority="2353">
      <formula>AND(BA$246="",BA$247="")</formula>
    </cfRule>
  </conditionalFormatting>
  <conditionalFormatting sqref="BB246:BB247">
    <cfRule type="expression" dxfId="2043" priority="2346">
      <formula>OR(BB$246&lt;&gt;"",BB$247&lt;&gt;"")</formula>
    </cfRule>
    <cfRule type="expression" dxfId="2042" priority="2347">
      <formula>AND(BB$246="",BB$247="")</formula>
    </cfRule>
    <cfRule type="expression" dxfId="2041" priority="2348">
      <formula>OR(BB$246&lt;&gt;"",BB$247&lt;&gt;"")</formula>
    </cfRule>
    <cfRule type="expression" dxfId="2040" priority="2349">
      <formula>AND(BB$246="",BB$247="")</formula>
    </cfRule>
  </conditionalFormatting>
  <conditionalFormatting sqref="BC246:BC247">
    <cfRule type="expression" dxfId="2039" priority="2342">
      <formula>OR(BC$246&lt;&gt;"",BC$247&lt;&gt;"")</formula>
    </cfRule>
    <cfRule type="expression" dxfId="2038" priority="2343">
      <formula>AND(BC$246="",BC$247="")</formula>
    </cfRule>
    <cfRule type="expression" dxfId="2037" priority="2344">
      <formula>OR(BC$246&lt;&gt;"",BC$247&lt;&gt;"")</formula>
    </cfRule>
    <cfRule type="expression" dxfId="2036" priority="2345">
      <formula>AND(BC$246="",BC$247="")</formula>
    </cfRule>
  </conditionalFormatting>
  <conditionalFormatting sqref="BD246:BD247">
    <cfRule type="expression" dxfId="2035" priority="2338">
      <formula>OR(BD$246&lt;&gt;"",BD$247&lt;&gt;"")</formula>
    </cfRule>
    <cfRule type="expression" dxfId="2034" priority="2339">
      <formula>AND(BD$246="",BD$247="")</formula>
    </cfRule>
    <cfRule type="expression" dxfId="2033" priority="2340">
      <formula>OR(BD$246&lt;&gt;"",BD$247&lt;&gt;"")</formula>
    </cfRule>
    <cfRule type="expression" dxfId="2032" priority="2341">
      <formula>AND(BD$246="",BD$247="")</formula>
    </cfRule>
  </conditionalFormatting>
  <conditionalFormatting sqref="BE246:BE247">
    <cfRule type="expression" dxfId="2031" priority="2334">
      <formula>OR(BE$246&lt;&gt;"",BE$247&lt;&gt;"")</formula>
    </cfRule>
    <cfRule type="expression" dxfId="2030" priority="2335">
      <formula>AND(BE$246="",BE$247="")</formula>
    </cfRule>
    <cfRule type="expression" dxfId="2029" priority="2336">
      <formula>OR(BE$246&lt;&gt;"",BE$247&lt;&gt;"")</formula>
    </cfRule>
    <cfRule type="expression" dxfId="2028" priority="2337">
      <formula>AND(BE$246="",BE$247="")</formula>
    </cfRule>
  </conditionalFormatting>
  <conditionalFormatting sqref="BF246:BF247">
    <cfRule type="expression" dxfId="2027" priority="2330">
      <formula>OR(BF$246&lt;&gt;"",BF$247&lt;&gt;"")</formula>
    </cfRule>
    <cfRule type="expression" dxfId="2026" priority="2331">
      <formula>AND(BF$246="",BF$247="")</formula>
    </cfRule>
    <cfRule type="expression" dxfId="2025" priority="2332">
      <formula>OR(BF$246&lt;&gt;"",BF$247&lt;&gt;"")</formula>
    </cfRule>
    <cfRule type="expression" dxfId="2024" priority="2333">
      <formula>AND(BF$246="",BF$247="")</formula>
    </cfRule>
  </conditionalFormatting>
  <conditionalFormatting sqref="BG246:BG247">
    <cfRule type="expression" dxfId="2023" priority="2326">
      <formula>OR(BG$246&lt;&gt;"",BG$247&lt;&gt;"")</formula>
    </cfRule>
    <cfRule type="expression" dxfId="2022" priority="2327">
      <formula>AND(BG$246="",BG$247="")</formula>
    </cfRule>
    <cfRule type="expression" dxfId="2021" priority="2328">
      <formula>OR(BG$246&lt;&gt;"",BG$247&lt;&gt;"")</formula>
    </cfRule>
    <cfRule type="expression" dxfId="2020" priority="2329">
      <formula>AND(BG$246="",BG$247="")</formula>
    </cfRule>
  </conditionalFormatting>
  <conditionalFormatting sqref="BH246:BH247">
    <cfRule type="expression" dxfId="2019" priority="2322">
      <formula>OR(BH$246&lt;&gt;"",BH$247&lt;&gt;"")</formula>
    </cfRule>
    <cfRule type="expression" dxfId="2018" priority="2323">
      <formula>AND(BH$246="",BH$247="")</formula>
    </cfRule>
    <cfRule type="expression" dxfId="2017" priority="2324">
      <formula>OR(BH$246&lt;&gt;"",BH$247&lt;&gt;"")</formula>
    </cfRule>
    <cfRule type="expression" dxfId="2016" priority="2325">
      <formula>AND(BH$246="",BH$247="")</formula>
    </cfRule>
  </conditionalFormatting>
  <conditionalFormatting sqref="BI246:BI247">
    <cfRule type="expression" dxfId="2015" priority="2318">
      <formula>OR(BI$246&lt;&gt;"",BI$247&lt;&gt;"")</formula>
    </cfRule>
    <cfRule type="expression" dxfId="2014" priority="2319">
      <formula>AND(BI$246="",BI$247="")</formula>
    </cfRule>
    <cfRule type="expression" dxfId="2013" priority="2320">
      <formula>OR(BI$246&lt;&gt;"",BI$247&lt;&gt;"")</formula>
    </cfRule>
    <cfRule type="expression" dxfId="2012" priority="2321">
      <formula>AND(BI$246="",BI$247="")</formula>
    </cfRule>
  </conditionalFormatting>
  <conditionalFormatting sqref="BJ246:BJ247">
    <cfRule type="expression" dxfId="2011" priority="2314">
      <formula>OR(BJ$246&lt;&gt;"",BJ$247&lt;&gt;"")</formula>
    </cfRule>
    <cfRule type="expression" dxfId="2010" priority="2315">
      <formula>AND(BJ$246="",BJ$247="")</formula>
    </cfRule>
    <cfRule type="expression" dxfId="2009" priority="2316">
      <formula>OR(BJ$246&lt;&gt;"",BJ$247&lt;&gt;"")</formula>
    </cfRule>
    <cfRule type="expression" dxfId="2008" priority="2317">
      <formula>AND(BJ$246="",BJ$247="")</formula>
    </cfRule>
  </conditionalFormatting>
  <conditionalFormatting sqref="BK246:BK247">
    <cfRule type="expression" dxfId="2007" priority="2310">
      <formula>OR(BK$246&lt;&gt;"",BK$247&lt;&gt;"")</formula>
    </cfRule>
    <cfRule type="expression" dxfId="2006" priority="2311">
      <formula>AND(BK$246="",BK$247="")</formula>
    </cfRule>
    <cfRule type="expression" dxfId="2005" priority="2312">
      <formula>OR(BK$246&lt;&gt;"",BK$247&lt;&gt;"")</formula>
    </cfRule>
    <cfRule type="expression" dxfId="2004" priority="2313">
      <formula>AND(BK$246="",BK$247="")</formula>
    </cfRule>
  </conditionalFormatting>
  <conditionalFormatting sqref="BL246:BL247">
    <cfRule type="expression" dxfId="2003" priority="2306">
      <formula>OR(BL$246&lt;&gt;"",BL$247&lt;&gt;"")</formula>
    </cfRule>
    <cfRule type="expression" dxfId="2002" priority="2307">
      <formula>AND(BL$246="",BL$247="")</formula>
    </cfRule>
    <cfRule type="expression" dxfId="2001" priority="2308">
      <formula>OR(BL$246&lt;&gt;"",BL$247&lt;&gt;"")</formula>
    </cfRule>
    <cfRule type="expression" dxfId="2000" priority="2309">
      <formula>AND(BL$246="",BL$247="")</formula>
    </cfRule>
  </conditionalFormatting>
  <conditionalFormatting sqref="BM246:BM247">
    <cfRule type="expression" dxfId="1999" priority="2302">
      <formula>OR(BM$246&lt;&gt;"",BM$247&lt;&gt;"")</formula>
    </cfRule>
    <cfRule type="expression" dxfId="1998" priority="2303">
      <formula>AND(BM$246="",BM$247="")</formula>
    </cfRule>
    <cfRule type="expression" dxfId="1997" priority="2304">
      <formula>OR(BM$246&lt;&gt;"",BM$247&lt;&gt;"")</formula>
    </cfRule>
    <cfRule type="expression" dxfId="1996" priority="2305">
      <formula>AND(BM$246="",BM$247="")</formula>
    </cfRule>
  </conditionalFormatting>
  <conditionalFormatting sqref="BN246:BN247">
    <cfRule type="expression" dxfId="1995" priority="2298">
      <formula>OR(BN$246&lt;&gt;"",BN$247&lt;&gt;"")</formula>
    </cfRule>
    <cfRule type="expression" dxfId="1994" priority="2299">
      <formula>AND(BN$246="",BN$247="")</formula>
    </cfRule>
    <cfRule type="expression" dxfId="1993" priority="2300">
      <formula>OR(BN$246&lt;&gt;"",BN$247&lt;&gt;"")</formula>
    </cfRule>
    <cfRule type="expression" dxfId="1992" priority="2301">
      <formula>AND(BN$246="",BN$247="")</formula>
    </cfRule>
  </conditionalFormatting>
  <conditionalFormatting sqref="BO246:BO247">
    <cfRule type="expression" dxfId="1991" priority="2294">
      <formula>OR(BO$246&lt;&gt;"",BO$247&lt;&gt;"")</formula>
    </cfRule>
    <cfRule type="expression" dxfId="1990" priority="2295">
      <formula>AND(BO$246="",BO$247="")</formula>
    </cfRule>
    <cfRule type="expression" dxfId="1989" priority="2296">
      <formula>OR(BO$246&lt;&gt;"",BO$247&lt;&gt;"")</formula>
    </cfRule>
    <cfRule type="expression" dxfId="1988" priority="2297">
      <formula>AND(BO$246="",BO$247="")</formula>
    </cfRule>
  </conditionalFormatting>
  <conditionalFormatting sqref="BP246:BP247">
    <cfRule type="expression" dxfId="1987" priority="2290">
      <formula>OR(BP$246&lt;&gt;"",BP$247&lt;&gt;"")</formula>
    </cfRule>
    <cfRule type="expression" dxfId="1986" priority="2291">
      <formula>AND(BP$246="",BP$247="")</formula>
    </cfRule>
    <cfRule type="expression" dxfId="1985" priority="2292">
      <formula>OR(BP$246&lt;&gt;"",BP$247&lt;&gt;"")</formula>
    </cfRule>
    <cfRule type="expression" dxfId="1984" priority="2293">
      <formula>AND(BP$246="",BP$247="")</formula>
    </cfRule>
  </conditionalFormatting>
  <conditionalFormatting sqref="BQ246:BQ247">
    <cfRule type="expression" dxfId="1983" priority="2286">
      <formula>OR(BQ$246&lt;&gt;"",BQ$247&lt;&gt;"")</formula>
    </cfRule>
    <cfRule type="expression" dxfId="1982" priority="2287">
      <formula>AND(BQ$246="",BQ$247="")</formula>
    </cfRule>
    <cfRule type="expression" dxfId="1981" priority="2288">
      <formula>OR(BQ$246&lt;&gt;"",BQ$247&lt;&gt;"")</formula>
    </cfRule>
    <cfRule type="expression" dxfId="1980" priority="2289">
      <formula>AND(BQ$246="",BQ$247="")</formula>
    </cfRule>
  </conditionalFormatting>
  <conditionalFormatting sqref="BR246:BR247">
    <cfRule type="expression" dxfId="1979" priority="2282">
      <formula>OR(BR$246&lt;&gt;"",BR$247&lt;&gt;"")</formula>
    </cfRule>
    <cfRule type="expression" dxfId="1978" priority="2283">
      <formula>AND(BR$246="",BR$247="")</formula>
    </cfRule>
    <cfRule type="expression" dxfId="1977" priority="2284">
      <formula>OR(BR$246&lt;&gt;"",BR$247&lt;&gt;"")</formula>
    </cfRule>
    <cfRule type="expression" dxfId="1976" priority="2285">
      <formula>AND(BR$246="",BR$247="")</formula>
    </cfRule>
  </conditionalFormatting>
  <conditionalFormatting sqref="BS246:BS247">
    <cfRule type="expression" dxfId="1975" priority="2278">
      <formula>OR(BS$246&lt;&gt;"",BS$247&lt;&gt;"")</formula>
    </cfRule>
    <cfRule type="expression" dxfId="1974" priority="2279">
      <formula>AND(BS$246="",BS$247="")</formula>
    </cfRule>
    <cfRule type="expression" dxfId="1973" priority="2280">
      <formula>OR(BS$246&lt;&gt;"",BS$247&lt;&gt;"")</formula>
    </cfRule>
    <cfRule type="expression" dxfId="1972" priority="2281">
      <formula>AND(BS$246="",BS$247="")</formula>
    </cfRule>
  </conditionalFormatting>
  <conditionalFormatting sqref="O175:O176">
    <cfRule type="expression" dxfId="1971" priority="2276">
      <formula>OR(O$175&lt;&gt;"",O$176&lt;&gt;"")</formula>
    </cfRule>
    <cfRule type="expression" dxfId="1970" priority="2277">
      <formula>AND(O$175="",O$176="")</formula>
    </cfRule>
  </conditionalFormatting>
  <conditionalFormatting sqref="P175:P176">
    <cfRule type="expression" dxfId="1969" priority="2274">
      <formula>OR(P$175&lt;&gt;"",P$176&lt;&gt;"")</formula>
    </cfRule>
    <cfRule type="expression" dxfId="1968" priority="2275">
      <formula>AND(P$175="",P$176="")</formula>
    </cfRule>
  </conditionalFormatting>
  <conditionalFormatting sqref="Q175:Q176">
    <cfRule type="expression" dxfId="1967" priority="2272">
      <formula>OR(Q$175&lt;&gt;"",Q$176&lt;&gt;"")</formula>
    </cfRule>
    <cfRule type="expression" dxfId="1966" priority="2273">
      <formula>AND(Q$175="",Q$176="")</formula>
    </cfRule>
  </conditionalFormatting>
  <conditionalFormatting sqref="R175:R176">
    <cfRule type="expression" dxfId="1965" priority="2270">
      <formula>OR(R$175&lt;&gt;"",R$176&lt;&gt;"")</formula>
    </cfRule>
    <cfRule type="expression" dxfId="1964" priority="2271">
      <formula>AND(R$175="",R$176="")</formula>
    </cfRule>
  </conditionalFormatting>
  <conditionalFormatting sqref="S175:S176">
    <cfRule type="expression" dxfId="1963" priority="2268">
      <formula>OR(S$175&lt;&gt;"",S$176&lt;&gt;"")</formula>
    </cfRule>
    <cfRule type="expression" dxfId="1962" priority="2269">
      <formula>AND(S$175="",S$176="")</formula>
    </cfRule>
  </conditionalFormatting>
  <conditionalFormatting sqref="T175:T176">
    <cfRule type="expression" dxfId="1961" priority="2266">
      <formula>OR(T$175&lt;&gt;"",T$176&lt;&gt;"")</formula>
    </cfRule>
    <cfRule type="expression" dxfId="1960" priority="2267">
      <formula>AND(T$175="",T$176="")</formula>
    </cfRule>
  </conditionalFormatting>
  <conditionalFormatting sqref="U175:U176">
    <cfRule type="expression" dxfId="1959" priority="2264">
      <formula>OR(U$175&lt;&gt;"",U$176&lt;&gt;"")</formula>
    </cfRule>
    <cfRule type="expression" dxfId="1958" priority="2265">
      <formula>AND(U$175="",U$176="")</formula>
    </cfRule>
  </conditionalFormatting>
  <conditionalFormatting sqref="V175:V176">
    <cfRule type="expression" dxfId="1957" priority="2262">
      <formula>OR(V$175&lt;&gt;"",V$176&lt;&gt;"")</formula>
    </cfRule>
    <cfRule type="expression" dxfId="1956" priority="2263">
      <formula>AND(V$175="",V$176="")</formula>
    </cfRule>
  </conditionalFormatting>
  <conditionalFormatting sqref="W175:W176">
    <cfRule type="expression" dxfId="1955" priority="2260">
      <formula>OR(W$175&lt;&gt;"",W$176&lt;&gt;"")</formula>
    </cfRule>
    <cfRule type="expression" dxfId="1954" priority="2261">
      <formula>AND(W$175="",W$176="")</formula>
    </cfRule>
  </conditionalFormatting>
  <conditionalFormatting sqref="X175:X176">
    <cfRule type="expression" dxfId="1953" priority="2258">
      <formula>OR(X$175&lt;&gt;"",X$176&lt;&gt;"")</formula>
    </cfRule>
    <cfRule type="expression" dxfId="1952" priority="2259">
      <formula>AND(X$175="",X$176="")</formula>
    </cfRule>
  </conditionalFormatting>
  <conditionalFormatting sqref="Y175:Y176">
    <cfRule type="expression" dxfId="1951" priority="2256">
      <formula>OR(Y$175&lt;&gt;"",Y$176&lt;&gt;"")</formula>
    </cfRule>
    <cfRule type="expression" dxfId="1950" priority="2257">
      <formula>AND(Y$175="",Y$176="")</formula>
    </cfRule>
  </conditionalFormatting>
  <conditionalFormatting sqref="Z175:Z176">
    <cfRule type="expression" dxfId="1949" priority="2254">
      <formula>OR(Z$175&lt;&gt;"",Z$176&lt;&gt;"")</formula>
    </cfRule>
    <cfRule type="expression" dxfId="1948" priority="2255">
      <formula>AND(Z$175="",Z$176="")</formula>
    </cfRule>
  </conditionalFormatting>
  <conditionalFormatting sqref="AA175:AA176">
    <cfRule type="expression" dxfId="1947" priority="2252">
      <formula>OR(AA$175&lt;&gt;"",AA$176&lt;&gt;"")</formula>
    </cfRule>
    <cfRule type="expression" dxfId="1946" priority="2253">
      <formula>AND(AA$175="",AA$176="")</formula>
    </cfRule>
  </conditionalFormatting>
  <conditionalFormatting sqref="AB175:AB176">
    <cfRule type="expression" dxfId="1945" priority="2250">
      <formula>OR(AB$175&lt;&gt;"",AB$176&lt;&gt;"")</formula>
    </cfRule>
    <cfRule type="expression" dxfId="1944" priority="2251">
      <formula>AND(AB$175="",AB$176="")</formula>
    </cfRule>
  </conditionalFormatting>
  <conditionalFormatting sqref="AC175:AC176">
    <cfRule type="expression" dxfId="1943" priority="2248">
      <formula>OR(AC$175&lt;&gt;"",AC$176&lt;&gt;"")</formula>
    </cfRule>
    <cfRule type="expression" dxfId="1942" priority="2249">
      <formula>AND(AC$175="",AC$176="")</formula>
    </cfRule>
  </conditionalFormatting>
  <conditionalFormatting sqref="AD175:AD176">
    <cfRule type="expression" dxfId="1941" priority="2246">
      <formula>OR(AD$175&lt;&gt;"",AD$176&lt;&gt;"")</formula>
    </cfRule>
    <cfRule type="expression" dxfId="1940" priority="2247">
      <formula>AND(AD$175="",AD$176="")</formula>
    </cfRule>
  </conditionalFormatting>
  <conditionalFormatting sqref="AE175:AE176">
    <cfRule type="expression" dxfId="1939" priority="2244">
      <formula>OR(AE$175&lt;&gt;"",AE$176&lt;&gt;"")</formula>
    </cfRule>
    <cfRule type="expression" dxfId="1938" priority="2245">
      <formula>AND(AE$175="",AE$176="")</formula>
    </cfRule>
  </conditionalFormatting>
  <conditionalFormatting sqref="AF175:AF176">
    <cfRule type="expression" dxfId="1937" priority="2242">
      <formula>OR(AF$175&lt;&gt;"",AF$176&lt;&gt;"")</formula>
    </cfRule>
    <cfRule type="expression" dxfId="1936" priority="2243">
      <formula>AND(AF$175="",AF$176="")</formula>
    </cfRule>
  </conditionalFormatting>
  <conditionalFormatting sqref="AG175:AG176">
    <cfRule type="expression" dxfId="1935" priority="2240">
      <formula>OR(AG$175&lt;&gt;"",AG$176&lt;&gt;"")</formula>
    </cfRule>
    <cfRule type="expression" dxfId="1934" priority="2241">
      <formula>AND(AG$175="",AG$176="")</formula>
    </cfRule>
  </conditionalFormatting>
  <conditionalFormatting sqref="AH175:AH176">
    <cfRule type="expression" dxfId="1933" priority="2238">
      <formula>OR(AH$175&lt;&gt;"",AH$176&lt;&gt;"")</formula>
    </cfRule>
    <cfRule type="expression" dxfId="1932" priority="2239">
      <formula>AND(AH$175="",AH$176="")</formula>
    </cfRule>
  </conditionalFormatting>
  <conditionalFormatting sqref="AI175:AI176">
    <cfRule type="expression" dxfId="1931" priority="2236">
      <formula>OR(AI$175&lt;&gt;"",AI$176&lt;&gt;"")</formula>
    </cfRule>
    <cfRule type="expression" dxfId="1930" priority="2237">
      <formula>AND(AI$175="",AI$176="")</formula>
    </cfRule>
  </conditionalFormatting>
  <conditionalFormatting sqref="AJ175:AJ176">
    <cfRule type="expression" dxfId="1929" priority="2234">
      <formula>OR(AJ$175&lt;&gt;"",AJ$176&lt;&gt;"")</formula>
    </cfRule>
    <cfRule type="expression" dxfId="1928" priority="2235">
      <formula>AND(AJ$175="",AJ$176="")</formula>
    </cfRule>
  </conditionalFormatting>
  <conditionalFormatting sqref="AK175:AK176">
    <cfRule type="expression" dxfId="1927" priority="2232">
      <formula>OR(AK$175&lt;&gt;"",AK$176&lt;&gt;"")</formula>
    </cfRule>
    <cfRule type="expression" dxfId="1926" priority="2233">
      <formula>AND(AK$175="",AK$176="")</formula>
    </cfRule>
  </conditionalFormatting>
  <conditionalFormatting sqref="AL175:AL176">
    <cfRule type="expression" dxfId="1925" priority="2230">
      <formula>OR(AL$175&lt;&gt;"",AL$176&lt;&gt;"")</formula>
    </cfRule>
    <cfRule type="expression" dxfId="1924" priority="2231">
      <formula>AND(AL$175="",AL$176="")</formula>
    </cfRule>
  </conditionalFormatting>
  <conditionalFormatting sqref="AM175:AM176">
    <cfRule type="expression" dxfId="1923" priority="2228">
      <formula>OR(AM$175&lt;&gt;"",AM$176&lt;&gt;"")</formula>
    </cfRule>
    <cfRule type="expression" dxfId="1922" priority="2229">
      <formula>AND(AM$175="",AM$176="")</formula>
    </cfRule>
  </conditionalFormatting>
  <conditionalFormatting sqref="AN175:AN176">
    <cfRule type="expression" dxfId="1921" priority="2226">
      <formula>OR(AN$175&lt;&gt;"",AN$176&lt;&gt;"")</formula>
    </cfRule>
    <cfRule type="expression" dxfId="1920" priority="2227">
      <formula>AND(AN$175="",AN$176="")</formula>
    </cfRule>
  </conditionalFormatting>
  <conditionalFormatting sqref="AO175:AO176">
    <cfRule type="expression" dxfId="1919" priority="2224">
      <formula>OR(AO$175&lt;&gt;"",AO$176&lt;&gt;"")</formula>
    </cfRule>
    <cfRule type="expression" dxfId="1918" priority="2225">
      <formula>AND(AO$175="",AO$176="")</formula>
    </cfRule>
  </conditionalFormatting>
  <conditionalFormatting sqref="AP175:AP176">
    <cfRule type="expression" dxfId="1917" priority="2222">
      <formula>OR(AP$175&lt;&gt;"",AP$176&lt;&gt;"")</formula>
    </cfRule>
    <cfRule type="expression" dxfId="1916" priority="2223">
      <formula>AND(AP$175="",AP$176="")</formula>
    </cfRule>
  </conditionalFormatting>
  <conditionalFormatting sqref="AQ175:AQ176">
    <cfRule type="expression" dxfId="1915" priority="2220">
      <formula>OR(AQ$175&lt;&gt;"",AQ$176&lt;&gt;"")</formula>
    </cfRule>
    <cfRule type="expression" dxfId="1914" priority="2221">
      <formula>AND(AQ$175="",AQ$176="")</formula>
    </cfRule>
  </conditionalFormatting>
  <conditionalFormatting sqref="AR175:AR176">
    <cfRule type="expression" dxfId="1913" priority="2218">
      <formula>OR(AR$175&lt;&gt;"",AR$176&lt;&gt;"")</formula>
    </cfRule>
    <cfRule type="expression" dxfId="1912" priority="2219">
      <formula>AND(AR$175="",AR$176="")</formula>
    </cfRule>
  </conditionalFormatting>
  <conditionalFormatting sqref="AS175:AS176">
    <cfRule type="expression" dxfId="1911" priority="2216">
      <formula>OR(AS$175&lt;&gt;"",AS$176&lt;&gt;"")</formula>
    </cfRule>
    <cfRule type="expression" dxfId="1910" priority="2217">
      <formula>AND(AS$175="",AS$176="")</formula>
    </cfRule>
  </conditionalFormatting>
  <conditionalFormatting sqref="AT175:AT176">
    <cfRule type="expression" dxfId="1909" priority="2214">
      <formula>OR(AT$175&lt;&gt;"",AT$176&lt;&gt;"")</formula>
    </cfRule>
    <cfRule type="expression" dxfId="1908" priority="2215">
      <formula>AND(AT$175="",AT$176="")</formula>
    </cfRule>
  </conditionalFormatting>
  <conditionalFormatting sqref="AU175:AU176">
    <cfRule type="expression" dxfId="1907" priority="2212">
      <formula>OR(AU$175&lt;&gt;"",AU$176&lt;&gt;"")</formula>
    </cfRule>
    <cfRule type="expression" dxfId="1906" priority="2213">
      <formula>AND(AU$175="",AU$176="")</formula>
    </cfRule>
  </conditionalFormatting>
  <conditionalFormatting sqref="AV175:AV176">
    <cfRule type="expression" dxfId="1905" priority="2210">
      <formula>OR(AV$175&lt;&gt;"",AV$176&lt;&gt;"")</formula>
    </cfRule>
    <cfRule type="expression" dxfId="1904" priority="2211">
      <formula>AND(AV$175="",AV$176="")</formula>
    </cfRule>
  </conditionalFormatting>
  <conditionalFormatting sqref="AW175:AW176">
    <cfRule type="expression" dxfId="1903" priority="2208">
      <formula>OR(AW$175&lt;&gt;"",AW$176&lt;&gt;"")</formula>
    </cfRule>
    <cfRule type="expression" dxfId="1902" priority="2209">
      <formula>AND(AW$175="",AW$176="")</formula>
    </cfRule>
  </conditionalFormatting>
  <conditionalFormatting sqref="AX175:AX176">
    <cfRule type="expression" dxfId="1901" priority="2206">
      <formula>OR(AX$175&lt;&gt;"",AX$176&lt;&gt;"")</formula>
    </cfRule>
    <cfRule type="expression" dxfId="1900" priority="2207">
      <formula>AND(AX$175="",AX$176="")</formula>
    </cfRule>
  </conditionalFormatting>
  <conditionalFormatting sqref="AY175:AY176">
    <cfRule type="expression" dxfId="1899" priority="2204">
      <formula>OR(AY$175&lt;&gt;"",AY$176&lt;&gt;"")</formula>
    </cfRule>
    <cfRule type="expression" dxfId="1898" priority="2205">
      <formula>AND(AY$175="",AY$176="")</formula>
    </cfRule>
  </conditionalFormatting>
  <conditionalFormatting sqref="AZ175:AZ176">
    <cfRule type="expression" dxfId="1897" priority="2202">
      <formula>OR(AZ$175&lt;&gt;"",AZ$176&lt;&gt;"")</formula>
    </cfRule>
    <cfRule type="expression" dxfId="1896" priority="2203">
      <formula>AND(AZ$175="",AZ$176="")</formula>
    </cfRule>
  </conditionalFormatting>
  <conditionalFormatting sqref="BA175:BA176">
    <cfRule type="expression" dxfId="1895" priority="2200">
      <formula>OR(BA$175&lt;&gt;"",BA$176&lt;&gt;"")</formula>
    </cfRule>
    <cfRule type="expression" dxfId="1894" priority="2201">
      <formula>AND(BA$175="",BA$176="")</formula>
    </cfRule>
  </conditionalFormatting>
  <conditionalFormatting sqref="BB175:BB176">
    <cfRule type="expression" dxfId="1893" priority="2198">
      <formula>OR(BB$175&lt;&gt;"",BB$176&lt;&gt;"")</formula>
    </cfRule>
    <cfRule type="expression" dxfId="1892" priority="2199">
      <formula>AND(BB$175="",BB$176="")</formula>
    </cfRule>
  </conditionalFormatting>
  <conditionalFormatting sqref="BC175:BC176">
    <cfRule type="expression" dxfId="1891" priority="2196">
      <formula>OR(BC$175&lt;&gt;"",BC$176&lt;&gt;"")</formula>
    </cfRule>
    <cfRule type="expression" dxfId="1890" priority="2197">
      <formula>AND(BC$175="",BC$176="")</formula>
    </cfRule>
  </conditionalFormatting>
  <conditionalFormatting sqref="BD175:BD176">
    <cfRule type="expression" dxfId="1889" priority="2194">
      <formula>OR(BD$175&lt;&gt;"",BD$176&lt;&gt;"")</formula>
    </cfRule>
    <cfRule type="expression" dxfId="1888" priority="2195">
      <formula>AND(BD$175="",BD$176="")</formula>
    </cfRule>
  </conditionalFormatting>
  <conditionalFormatting sqref="BE175:BE176">
    <cfRule type="expression" dxfId="1887" priority="2192">
      <formula>OR(BE$175&lt;&gt;"",BE$176&lt;&gt;"")</formula>
    </cfRule>
    <cfRule type="expression" dxfId="1886" priority="2193">
      <formula>AND(BE$175="",BE$176="")</formula>
    </cfRule>
  </conditionalFormatting>
  <conditionalFormatting sqref="BF175:BF176">
    <cfRule type="expression" dxfId="1885" priority="2190">
      <formula>OR(BF$175&lt;&gt;"",BF$176&lt;&gt;"")</formula>
    </cfRule>
    <cfRule type="expression" dxfId="1884" priority="2191">
      <formula>AND(BF$175="",BF$176="")</formula>
    </cfRule>
  </conditionalFormatting>
  <conditionalFormatting sqref="BG175:BG176">
    <cfRule type="expression" dxfId="1883" priority="2188">
      <formula>OR(BG$175&lt;&gt;"",BG$176&lt;&gt;"")</formula>
    </cfRule>
    <cfRule type="expression" dxfId="1882" priority="2189">
      <formula>AND(BG$175="",BG$176="")</formula>
    </cfRule>
  </conditionalFormatting>
  <conditionalFormatting sqref="BH175:BH176">
    <cfRule type="expression" dxfId="1881" priority="2186">
      <formula>OR(BH$175&lt;&gt;"",BH$176&lt;&gt;"")</formula>
    </cfRule>
    <cfRule type="expression" dxfId="1880" priority="2187">
      <formula>AND(BH$175="",BH$176="")</formula>
    </cfRule>
  </conditionalFormatting>
  <conditionalFormatting sqref="BI175:BI176">
    <cfRule type="expression" dxfId="1879" priority="2184">
      <formula>OR(BI$175&lt;&gt;"",BI$176&lt;&gt;"")</formula>
    </cfRule>
    <cfRule type="expression" dxfId="1878" priority="2185">
      <formula>AND(BI$175="",BI$176="")</formula>
    </cfRule>
  </conditionalFormatting>
  <conditionalFormatting sqref="BJ175:BJ176">
    <cfRule type="expression" dxfId="1877" priority="2182">
      <formula>OR(BJ$175&lt;&gt;"",BJ$176&lt;&gt;"")</formula>
    </cfRule>
    <cfRule type="expression" dxfId="1876" priority="2183">
      <formula>AND(BJ$175="",BJ$176="")</formula>
    </cfRule>
  </conditionalFormatting>
  <conditionalFormatting sqref="BK175:BK176">
    <cfRule type="expression" dxfId="1875" priority="2180">
      <formula>OR(BK$175&lt;&gt;"",BK$176&lt;&gt;"")</formula>
    </cfRule>
    <cfRule type="expression" dxfId="1874" priority="2181">
      <formula>AND(BK$175="",BK$176="")</formula>
    </cfRule>
  </conditionalFormatting>
  <conditionalFormatting sqref="BL175:BL176">
    <cfRule type="expression" dxfId="1873" priority="2178">
      <formula>OR(BL$175&lt;&gt;"",BL$176&lt;&gt;"")</formula>
    </cfRule>
    <cfRule type="expression" dxfId="1872" priority="2179">
      <formula>AND(BL$175="",BL$176="")</formula>
    </cfRule>
  </conditionalFormatting>
  <conditionalFormatting sqref="BM175:BM176">
    <cfRule type="expression" dxfId="1871" priority="2176">
      <formula>OR(BM$175&lt;&gt;"",BM$176&lt;&gt;"")</formula>
    </cfRule>
    <cfRule type="expression" dxfId="1870" priority="2177">
      <formula>AND(BM$175="",BM$176="")</formula>
    </cfRule>
  </conditionalFormatting>
  <conditionalFormatting sqref="BN175:BN176">
    <cfRule type="expression" dxfId="1869" priority="2174">
      <formula>OR(BN$175&lt;&gt;"",BN$176&lt;&gt;"")</formula>
    </cfRule>
    <cfRule type="expression" dxfId="1868" priority="2175">
      <formula>AND(BN$175="",BN$176="")</formula>
    </cfRule>
  </conditionalFormatting>
  <conditionalFormatting sqref="BO175:BO176">
    <cfRule type="expression" dxfId="1867" priority="2172">
      <formula>OR(BO$175&lt;&gt;"",BO$176&lt;&gt;"")</formula>
    </cfRule>
    <cfRule type="expression" dxfId="1866" priority="2173">
      <formula>AND(BO$175="",BO$176="")</formula>
    </cfRule>
  </conditionalFormatting>
  <conditionalFormatting sqref="BP175:BP176">
    <cfRule type="expression" dxfId="1865" priority="2170">
      <formula>OR(BP$175&lt;&gt;"",BP$176&lt;&gt;"")</formula>
    </cfRule>
    <cfRule type="expression" dxfId="1864" priority="2171">
      <formula>AND(BP$175="",BP$176="")</formula>
    </cfRule>
  </conditionalFormatting>
  <conditionalFormatting sqref="BQ175:BQ176">
    <cfRule type="expression" dxfId="1863" priority="2168">
      <formula>OR(BQ$175&lt;&gt;"",BQ$176&lt;&gt;"")</formula>
    </cfRule>
    <cfRule type="expression" dxfId="1862" priority="2169">
      <formula>AND(BQ$175="",BQ$176="")</formula>
    </cfRule>
  </conditionalFormatting>
  <conditionalFormatting sqref="BR175:BR176">
    <cfRule type="expression" dxfId="1861" priority="2166">
      <formula>OR(BR$175&lt;&gt;"",BR$176&lt;&gt;"")</formula>
    </cfRule>
    <cfRule type="expression" dxfId="1860" priority="2167">
      <formula>AND(BR$175="",BR$176="")</formula>
    </cfRule>
  </conditionalFormatting>
  <conditionalFormatting sqref="BS175:BS176">
    <cfRule type="expression" dxfId="1859" priority="2164">
      <formula>OR(BS$175&lt;&gt;"",BS$176&lt;&gt;"")</formula>
    </cfRule>
    <cfRule type="expression" dxfId="1858" priority="2165">
      <formula>AND(BS$175="",BS$176="")</formula>
    </cfRule>
  </conditionalFormatting>
  <conditionalFormatting sqref="O166:O167">
    <cfRule type="expression" dxfId="1857" priority="2162">
      <formula>OR(O$166&lt;&gt;"",O$167&lt;&gt;"")</formula>
    </cfRule>
    <cfRule type="expression" dxfId="1856" priority="2163">
      <formula>AND(O$166="",O$167="")</formula>
    </cfRule>
  </conditionalFormatting>
  <conditionalFormatting sqref="P166:P167">
    <cfRule type="expression" dxfId="1855" priority="2160">
      <formula>OR(P$166&lt;&gt;"",P$167&lt;&gt;"")</formula>
    </cfRule>
    <cfRule type="expression" dxfId="1854" priority="2161">
      <formula>AND(P$166="",P$167="")</formula>
    </cfRule>
  </conditionalFormatting>
  <conditionalFormatting sqref="Q166:Q167">
    <cfRule type="expression" dxfId="1853" priority="2158">
      <formula>OR(Q$166&lt;&gt;"",Q$167&lt;&gt;"")</formula>
    </cfRule>
    <cfRule type="expression" dxfId="1852" priority="2159">
      <formula>AND(Q$166="",Q$167="")</formula>
    </cfRule>
  </conditionalFormatting>
  <conditionalFormatting sqref="R166:R167">
    <cfRule type="expression" dxfId="1851" priority="2156">
      <formula>OR(R$166&lt;&gt;"",R$167&lt;&gt;"")</formula>
    </cfRule>
    <cfRule type="expression" dxfId="1850" priority="2157">
      <formula>AND(R$166="",R$167="")</formula>
    </cfRule>
  </conditionalFormatting>
  <conditionalFormatting sqref="S166:S167">
    <cfRule type="expression" dxfId="1849" priority="2154">
      <formula>OR(S$166&lt;&gt;"",S$167&lt;&gt;"")</formula>
    </cfRule>
    <cfRule type="expression" dxfId="1848" priority="2155">
      <formula>AND(S$166="",S$167="")</formula>
    </cfRule>
  </conditionalFormatting>
  <conditionalFormatting sqref="T166:T167">
    <cfRule type="expression" dxfId="1847" priority="2152">
      <formula>OR(T$166&lt;&gt;"",T$167&lt;&gt;"")</formula>
    </cfRule>
    <cfRule type="expression" dxfId="1846" priority="2153">
      <formula>AND(T$166="",T$167="")</formula>
    </cfRule>
  </conditionalFormatting>
  <conditionalFormatting sqref="U166:U167">
    <cfRule type="expression" dxfId="1845" priority="2150">
      <formula>OR(U$166&lt;&gt;"",U$167&lt;&gt;"")</formula>
    </cfRule>
    <cfRule type="expression" dxfId="1844" priority="2151">
      <formula>AND(U$166="",U$167="")</formula>
    </cfRule>
  </conditionalFormatting>
  <conditionalFormatting sqref="V166:V167">
    <cfRule type="expression" dxfId="1843" priority="2148">
      <formula>OR(V$166&lt;&gt;"",V$167&lt;&gt;"")</formula>
    </cfRule>
    <cfRule type="expression" dxfId="1842" priority="2149">
      <formula>AND(V$166="",V$167="")</formula>
    </cfRule>
  </conditionalFormatting>
  <conditionalFormatting sqref="W166:W167">
    <cfRule type="expression" dxfId="1841" priority="2146">
      <formula>OR(W$166&lt;&gt;"",W$167&lt;&gt;"")</formula>
    </cfRule>
    <cfRule type="expression" dxfId="1840" priority="2147">
      <formula>AND(W$166="",W$167="")</formula>
    </cfRule>
  </conditionalFormatting>
  <conditionalFormatting sqref="X166:X167">
    <cfRule type="expression" dxfId="1839" priority="2144">
      <formula>OR(X$166&lt;&gt;"",X$167&lt;&gt;"")</formula>
    </cfRule>
    <cfRule type="expression" dxfId="1838" priority="2145">
      <formula>AND(X$166="",X$167="")</formula>
    </cfRule>
  </conditionalFormatting>
  <conditionalFormatting sqref="Y166:Y167">
    <cfRule type="expression" dxfId="1837" priority="2142">
      <formula>OR(Y$166&lt;&gt;"",Y$167&lt;&gt;"")</formula>
    </cfRule>
    <cfRule type="expression" dxfId="1836" priority="2143">
      <formula>AND(Y$166="",Y$167="")</formula>
    </cfRule>
  </conditionalFormatting>
  <conditionalFormatting sqref="Z166:Z167">
    <cfRule type="expression" dxfId="1835" priority="2140">
      <formula>OR(Z$166&lt;&gt;"",Z$167&lt;&gt;"")</formula>
    </cfRule>
    <cfRule type="expression" dxfId="1834" priority="2141">
      <formula>AND(Z$166="",Z$167="")</formula>
    </cfRule>
  </conditionalFormatting>
  <conditionalFormatting sqref="AA166:AA167">
    <cfRule type="expression" dxfId="1833" priority="2138">
      <formula>OR(AA$166&lt;&gt;"",AA$167&lt;&gt;"")</formula>
    </cfRule>
    <cfRule type="expression" dxfId="1832" priority="2139">
      <formula>AND(AA$166="",AA$167="")</formula>
    </cfRule>
  </conditionalFormatting>
  <conditionalFormatting sqref="AB166:AB167">
    <cfRule type="expression" dxfId="1831" priority="2136">
      <formula>OR(AB$166&lt;&gt;"",AB$167&lt;&gt;"")</formula>
    </cfRule>
    <cfRule type="expression" dxfId="1830" priority="2137">
      <formula>AND(AB$166="",AB$167="")</formula>
    </cfRule>
  </conditionalFormatting>
  <conditionalFormatting sqref="AC166:AC167">
    <cfRule type="expression" dxfId="1829" priority="2134">
      <formula>OR(AC$166&lt;&gt;"",AC$167&lt;&gt;"")</formula>
    </cfRule>
    <cfRule type="expression" dxfId="1828" priority="2135">
      <formula>AND(AC$166="",AC$167="")</formula>
    </cfRule>
  </conditionalFormatting>
  <conditionalFormatting sqref="AD166:AD167">
    <cfRule type="expression" dxfId="1827" priority="2132">
      <formula>OR(AD$166&lt;&gt;"",AD$167&lt;&gt;"")</formula>
    </cfRule>
    <cfRule type="expression" dxfId="1826" priority="2133">
      <formula>AND(AD$166="",AD$167="")</formula>
    </cfRule>
  </conditionalFormatting>
  <conditionalFormatting sqref="AE166:AE167">
    <cfRule type="expression" dxfId="1825" priority="2130">
      <formula>OR(AE$166&lt;&gt;"",AE$167&lt;&gt;"")</formula>
    </cfRule>
    <cfRule type="expression" dxfId="1824" priority="2131">
      <formula>AND(AE$166="",AE$167="")</formula>
    </cfRule>
  </conditionalFormatting>
  <conditionalFormatting sqref="AF166:AF167">
    <cfRule type="expression" dxfId="1823" priority="2128">
      <formula>OR(AF$166&lt;&gt;"",AF$167&lt;&gt;"")</formula>
    </cfRule>
    <cfRule type="expression" dxfId="1822" priority="2129">
      <formula>AND(AF$166="",AF$167="")</formula>
    </cfRule>
  </conditionalFormatting>
  <conditionalFormatting sqref="AG166:AG167">
    <cfRule type="expression" dxfId="1821" priority="2126">
      <formula>OR(AG$166&lt;&gt;"",AG$167&lt;&gt;"")</formula>
    </cfRule>
    <cfRule type="expression" dxfId="1820" priority="2127">
      <formula>AND(AG$166="",AG$167="")</formula>
    </cfRule>
  </conditionalFormatting>
  <conditionalFormatting sqref="AH166:AH167">
    <cfRule type="expression" dxfId="1819" priority="2124">
      <formula>OR(AH$166&lt;&gt;"",AH$167&lt;&gt;"")</formula>
    </cfRule>
    <cfRule type="expression" dxfId="1818" priority="2125">
      <formula>AND(AH$166="",AH$167="")</formula>
    </cfRule>
  </conditionalFormatting>
  <conditionalFormatting sqref="AI166:AI167">
    <cfRule type="expression" dxfId="1817" priority="2122">
      <formula>OR(AI$166&lt;&gt;"",AI$167&lt;&gt;"")</formula>
    </cfRule>
    <cfRule type="expression" dxfId="1816" priority="2123">
      <formula>AND(AI$166="",AI$167="")</formula>
    </cfRule>
  </conditionalFormatting>
  <conditionalFormatting sqref="AJ166:AJ167">
    <cfRule type="expression" dxfId="1815" priority="2120">
      <formula>OR(AJ$166&lt;&gt;"",AJ$167&lt;&gt;"")</formula>
    </cfRule>
    <cfRule type="expression" dxfId="1814" priority="2121">
      <formula>AND(AJ$166="",AJ$167="")</formula>
    </cfRule>
  </conditionalFormatting>
  <conditionalFormatting sqref="AK166:AK167">
    <cfRule type="expression" dxfId="1813" priority="2118">
      <formula>OR(AK$166&lt;&gt;"",AK$167&lt;&gt;"")</formula>
    </cfRule>
    <cfRule type="expression" dxfId="1812" priority="2119">
      <formula>AND(AK$166="",AK$167="")</formula>
    </cfRule>
  </conditionalFormatting>
  <conditionalFormatting sqref="AL166:AL167">
    <cfRule type="expression" dxfId="1811" priority="2116">
      <formula>OR(AL$166&lt;&gt;"",AL$167&lt;&gt;"")</formula>
    </cfRule>
    <cfRule type="expression" dxfId="1810" priority="2117">
      <formula>AND(AL$166="",AL$167="")</formula>
    </cfRule>
  </conditionalFormatting>
  <conditionalFormatting sqref="AM166:AM167">
    <cfRule type="expression" dxfId="1809" priority="2114">
      <formula>OR(AM$166&lt;&gt;"",AM$167&lt;&gt;"")</formula>
    </cfRule>
    <cfRule type="expression" dxfId="1808" priority="2115">
      <formula>AND(AM$166="",AM$167="")</formula>
    </cfRule>
  </conditionalFormatting>
  <conditionalFormatting sqref="AN166:AN167">
    <cfRule type="expression" dxfId="1807" priority="2112">
      <formula>OR(AN$166&lt;&gt;"",AN$167&lt;&gt;"")</formula>
    </cfRule>
    <cfRule type="expression" dxfId="1806" priority="2113">
      <formula>AND(AN$166="",AN$167="")</formula>
    </cfRule>
  </conditionalFormatting>
  <conditionalFormatting sqref="AO166:AO167">
    <cfRule type="expression" dxfId="1805" priority="2110">
      <formula>OR(AO$166&lt;&gt;"",AO$167&lt;&gt;"")</formula>
    </cfRule>
    <cfRule type="expression" dxfId="1804" priority="2111">
      <formula>AND(AO$166="",AO$167="")</formula>
    </cfRule>
  </conditionalFormatting>
  <conditionalFormatting sqref="AP166:AP167">
    <cfRule type="expression" dxfId="1803" priority="2108">
      <formula>OR(AP$166&lt;&gt;"",AP$167&lt;&gt;"")</formula>
    </cfRule>
    <cfRule type="expression" dxfId="1802" priority="2109">
      <formula>AND(AP$166="",AP$167="")</formula>
    </cfRule>
  </conditionalFormatting>
  <conditionalFormatting sqref="AQ166:AQ167">
    <cfRule type="expression" dxfId="1801" priority="2106">
      <formula>OR(AQ$166&lt;&gt;"",AQ$167&lt;&gt;"")</formula>
    </cfRule>
    <cfRule type="expression" dxfId="1800" priority="2107">
      <formula>AND(AQ$166="",AQ$167="")</formula>
    </cfRule>
  </conditionalFormatting>
  <conditionalFormatting sqref="AR166:AR167">
    <cfRule type="expression" dxfId="1799" priority="2104">
      <formula>OR(AR$166&lt;&gt;"",AR$167&lt;&gt;"")</formula>
    </cfRule>
    <cfRule type="expression" dxfId="1798" priority="2105">
      <formula>AND(AR$166="",AR$167="")</formula>
    </cfRule>
  </conditionalFormatting>
  <conditionalFormatting sqref="AS166:AS167">
    <cfRule type="expression" dxfId="1797" priority="2102">
      <formula>OR(AS$166&lt;&gt;"",AS$167&lt;&gt;"")</formula>
    </cfRule>
    <cfRule type="expression" dxfId="1796" priority="2103">
      <formula>AND(AS$166="",AS$167="")</formula>
    </cfRule>
  </conditionalFormatting>
  <conditionalFormatting sqref="AT166:AT167">
    <cfRule type="expression" dxfId="1795" priority="2100">
      <formula>OR(AT$166&lt;&gt;"",AT$167&lt;&gt;"")</formula>
    </cfRule>
    <cfRule type="expression" dxfId="1794" priority="2101">
      <formula>AND(AT$166="",AT$167="")</formula>
    </cfRule>
  </conditionalFormatting>
  <conditionalFormatting sqref="AU166:AU167">
    <cfRule type="expression" dxfId="1793" priority="2098">
      <formula>OR(AU$166&lt;&gt;"",AU$167&lt;&gt;"")</formula>
    </cfRule>
    <cfRule type="expression" dxfId="1792" priority="2099">
      <formula>AND(AU$166="",AU$167="")</formula>
    </cfRule>
  </conditionalFormatting>
  <conditionalFormatting sqref="AV166:AV167">
    <cfRule type="expression" dxfId="1791" priority="2096">
      <formula>OR(AV$166&lt;&gt;"",AV$167&lt;&gt;"")</formula>
    </cfRule>
    <cfRule type="expression" dxfId="1790" priority="2097">
      <formula>AND(AV$166="",AV$167="")</formula>
    </cfRule>
  </conditionalFormatting>
  <conditionalFormatting sqref="AW166:AW167">
    <cfRule type="expression" dxfId="1789" priority="2094">
      <formula>OR(AW$166&lt;&gt;"",AW$167&lt;&gt;"")</formula>
    </cfRule>
    <cfRule type="expression" dxfId="1788" priority="2095">
      <formula>AND(AW$166="",AW$167="")</formula>
    </cfRule>
  </conditionalFormatting>
  <conditionalFormatting sqref="AX166:AX167">
    <cfRule type="expression" dxfId="1787" priority="2092">
      <formula>OR(AX$166&lt;&gt;"",AX$167&lt;&gt;"")</formula>
    </cfRule>
    <cfRule type="expression" dxfId="1786" priority="2093">
      <formula>AND(AX$166="",AX$167="")</formula>
    </cfRule>
  </conditionalFormatting>
  <conditionalFormatting sqref="AY166:AY167">
    <cfRule type="expression" dxfId="1785" priority="2090">
      <formula>OR(AY$166&lt;&gt;"",AY$167&lt;&gt;"")</formula>
    </cfRule>
    <cfRule type="expression" dxfId="1784" priority="2091">
      <formula>AND(AY$166="",AY$167="")</formula>
    </cfRule>
  </conditionalFormatting>
  <conditionalFormatting sqref="AZ166:AZ167">
    <cfRule type="expression" dxfId="1783" priority="2088">
      <formula>OR(AZ$166&lt;&gt;"",AZ$167&lt;&gt;"")</formula>
    </cfRule>
    <cfRule type="expression" dxfId="1782" priority="2089">
      <formula>AND(AZ$166="",AZ$167="")</formula>
    </cfRule>
  </conditionalFormatting>
  <conditionalFormatting sqref="BA166:BA167">
    <cfRule type="expression" dxfId="1781" priority="2086">
      <formula>OR(BA$166&lt;&gt;"",BA$167&lt;&gt;"")</formula>
    </cfRule>
    <cfRule type="expression" dxfId="1780" priority="2087">
      <formula>AND(BA$166="",BA$167="")</formula>
    </cfRule>
  </conditionalFormatting>
  <conditionalFormatting sqref="BB166:BB167">
    <cfRule type="expression" dxfId="1779" priority="2084">
      <formula>OR(BB$166&lt;&gt;"",BB$167&lt;&gt;"")</formula>
    </cfRule>
    <cfRule type="expression" dxfId="1778" priority="2085">
      <formula>AND(BB$166="",BB$167="")</formula>
    </cfRule>
  </conditionalFormatting>
  <conditionalFormatting sqref="BC166:BC167">
    <cfRule type="expression" dxfId="1777" priority="2082">
      <formula>OR(BC$166&lt;&gt;"",BC$167&lt;&gt;"")</formula>
    </cfRule>
    <cfRule type="expression" dxfId="1776" priority="2083">
      <formula>AND(BC$166="",BC$167="")</formula>
    </cfRule>
  </conditionalFormatting>
  <conditionalFormatting sqref="BD166:BD167">
    <cfRule type="expression" dxfId="1775" priority="2080">
      <formula>OR(BD$166&lt;&gt;"",BD$167&lt;&gt;"")</formula>
    </cfRule>
    <cfRule type="expression" dxfId="1774" priority="2081">
      <formula>AND(BD$166="",BD$167="")</formula>
    </cfRule>
  </conditionalFormatting>
  <conditionalFormatting sqref="BE166:BE167">
    <cfRule type="expression" dxfId="1773" priority="2078">
      <formula>OR(BE$166&lt;&gt;"",BE$167&lt;&gt;"")</formula>
    </cfRule>
    <cfRule type="expression" dxfId="1772" priority="2079">
      <formula>AND(BE$166="",BE$167="")</formula>
    </cfRule>
  </conditionalFormatting>
  <conditionalFormatting sqref="BF166:BF167">
    <cfRule type="expression" dxfId="1771" priority="2076">
      <formula>OR(BF$166&lt;&gt;"",BF$167&lt;&gt;"")</formula>
    </cfRule>
    <cfRule type="expression" dxfId="1770" priority="2077">
      <formula>AND(BF$166="",BF$167="")</formula>
    </cfRule>
  </conditionalFormatting>
  <conditionalFormatting sqref="BG166:BG167">
    <cfRule type="expression" dxfId="1769" priority="2074">
      <formula>OR(BG$166&lt;&gt;"",BG$167&lt;&gt;"")</formula>
    </cfRule>
    <cfRule type="expression" dxfId="1768" priority="2075">
      <formula>AND(BG$166="",BG$167="")</formula>
    </cfRule>
  </conditionalFormatting>
  <conditionalFormatting sqref="BH166:BH167">
    <cfRule type="expression" dxfId="1767" priority="2072">
      <formula>OR(BH$166&lt;&gt;"",BH$167&lt;&gt;"")</formula>
    </cfRule>
    <cfRule type="expression" dxfId="1766" priority="2073">
      <formula>AND(BH$166="",BH$167="")</formula>
    </cfRule>
  </conditionalFormatting>
  <conditionalFormatting sqref="BI166:BI167">
    <cfRule type="expression" dxfId="1765" priority="2070">
      <formula>OR(BI$166&lt;&gt;"",BI$167&lt;&gt;"")</formula>
    </cfRule>
    <cfRule type="expression" dxfId="1764" priority="2071">
      <formula>AND(BI$166="",BI$167="")</formula>
    </cfRule>
  </conditionalFormatting>
  <conditionalFormatting sqref="BJ166:BJ167">
    <cfRule type="expression" dxfId="1763" priority="2068">
      <formula>OR(BJ$166&lt;&gt;"",BJ$167&lt;&gt;"")</formula>
    </cfRule>
    <cfRule type="expression" dxfId="1762" priority="2069">
      <formula>AND(BJ$166="",BJ$167="")</formula>
    </cfRule>
  </conditionalFormatting>
  <conditionalFormatting sqref="BK166:BK167">
    <cfRule type="expression" dxfId="1761" priority="2066">
      <formula>OR(BK$166&lt;&gt;"",BK$167&lt;&gt;"")</formula>
    </cfRule>
    <cfRule type="expression" dxfId="1760" priority="2067">
      <formula>AND(BK$166="",BK$167="")</formula>
    </cfRule>
  </conditionalFormatting>
  <conditionalFormatting sqref="BL166:BL167">
    <cfRule type="expression" dxfId="1759" priority="2064">
      <formula>OR(BL$166&lt;&gt;"",BL$167&lt;&gt;"")</formula>
    </cfRule>
    <cfRule type="expression" dxfId="1758" priority="2065">
      <formula>AND(BL$166="",BL$167="")</formula>
    </cfRule>
  </conditionalFormatting>
  <conditionalFormatting sqref="BM166:BM167">
    <cfRule type="expression" dxfId="1757" priority="2062">
      <formula>OR(BM$166&lt;&gt;"",BM$167&lt;&gt;"")</formula>
    </cfRule>
    <cfRule type="expression" dxfId="1756" priority="2063">
      <formula>AND(BM$166="",BM$167="")</formula>
    </cfRule>
  </conditionalFormatting>
  <conditionalFormatting sqref="BN166:BN167">
    <cfRule type="expression" dxfId="1755" priority="2060">
      <formula>OR(BN$166&lt;&gt;"",BN$167&lt;&gt;"")</formula>
    </cfRule>
    <cfRule type="expression" dxfId="1754" priority="2061">
      <formula>AND(BN$166="",BN$167="")</formula>
    </cfRule>
  </conditionalFormatting>
  <conditionalFormatting sqref="BO166:BO167">
    <cfRule type="expression" dxfId="1753" priority="2058">
      <formula>OR(BO$166&lt;&gt;"",BO$167&lt;&gt;"")</formula>
    </cfRule>
    <cfRule type="expression" dxfId="1752" priority="2059">
      <formula>AND(BO$166="",BO$167="")</formula>
    </cfRule>
  </conditionalFormatting>
  <conditionalFormatting sqref="BP166:BP167">
    <cfRule type="expression" dxfId="1751" priority="2056">
      <formula>OR(BP$166&lt;&gt;"",BP$167&lt;&gt;"")</formula>
    </cfRule>
    <cfRule type="expression" dxfId="1750" priority="2057">
      <formula>AND(BP$166="",BP$167="")</formula>
    </cfRule>
  </conditionalFormatting>
  <conditionalFormatting sqref="BQ166:BQ167">
    <cfRule type="expression" dxfId="1749" priority="2054">
      <formula>OR(BQ$166&lt;&gt;"",BQ$167&lt;&gt;"")</formula>
    </cfRule>
    <cfRule type="expression" dxfId="1748" priority="2055">
      <formula>AND(BQ$166="",BQ$167="")</formula>
    </cfRule>
  </conditionalFormatting>
  <conditionalFormatting sqref="BR166:BR167">
    <cfRule type="expression" dxfId="1747" priority="2052">
      <formula>OR(BR$166&lt;&gt;"",BR$167&lt;&gt;"")</formula>
    </cfRule>
    <cfRule type="expression" dxfId="1746" priority="2053">
      <formula>AND(BR$166="",BR$167="")</formula>
    </cfRule>
  </conditionalFormatting>
  <conditionalFormatting sqref="BS166:BS167">
    <cfRule type="expression" dxfId="1745" priority="2050">
      <formula>OR(BS$166&lt;&gt;"",BS$167&lt;&gt;"")</formula>
    </cfRule>
    <cfRule type="expression" dxfId="1744" priority="2051">
      <formula>AND(BS$166="",BS$167="")</formula>
    </cfRule>
  </conditionalFormatting>
  <conditionalFormatting sqref="O156:O157">
    <cfRule type="expression" dxfId="1743" priority="2048">
      <formula>OR(O$156&lt;&gt;"",O$157&lt;&gt;"")</formula>
    </cfRule>
    <cfRule type="expression" dxfId="1742" priority="2049">
      <formula>AND(O$156="",O$157="")</formula>
    </cfRule>
  </conditionalFormatting>
  <conditionalFormatting sqref="P156:P157">
    <cfRule type="expression" dxfId="1741" priority="2046">
      <formula>OR(P$156&lt;&gt;"",P$157&lt;&gt;"")</formula>
    </cfRule>
    <cfRule type="expression" dxfId="1740" priority="2047">
      <formula>AND(P$156="",P$157="")</formula>
    </cfRule>
  </conditionalFormatting>
  <conditionalFormatting sqref="Q156:Q157">
    <cfRule type="expression" dxfId="1739" priority="2044">
      <formula>OR(Q$156&lt;&gt;"",Q$157&lt;&gt;"")</formula>
    </cfRule>
    <cfRule type="expression" dxfId="1738" priority="2045">
      <formula>AND(Q$156="",Q$157="")</formula>
    </cfRule>
  </conditionalFormatting>
  <conditionalFormatting sqref="R156:R157">
    <cfRule type="expression" dxfId="1737" priority="2042">
      <formula>OR(R$156&lt;&gt;"",R$157&lt;&gt;"")</formula>
    </cfRule>
    <cfRule type="expression" dxfId="1736" priority="2043">
      <formula>AND(R$156="",R$157="")</formula>
    </cfRule>
  </conditionalFormatting>
  <conditionalFormatting sqref="S156:S157">
    <cfRule type="expression" dxfId="1735" priority="2040">
      <formula>OR(S$156&lt;&gt;"",S$157&lt;&gt;"")</formula>
    </cfRule>
    <cfRule type="expression" dxfId="1734" priority="2041">
      <formula>AND(S$156="",S$157="")</formula>
    </cfRule>
  </conditionalFormatting>
  <conditionalFormatting sqref="T156:T157">
    <cfRule type="expression" dxfId="1733" priority="2038">
      <formula>OR(T$156&lt;&gt;"",T$157&lt;&gt;"")</formula>
    </cfRule>
    <cfRule type="expression" dxfId="1732" priority="2039">
      <formula>AND(T$156="",T$157="")</formula>
    </cfRule>
  </conditionalFormatting>
  <conditionalFormatting sqref="U156:U157">
    <cfRule type="expression" dxfId="1731" priority="2036">
      <formula>OR(U$156&lt;&gt;"",U$157&lt;&gt;"")</formula>
    </cfRule>
    <cfRule type="expression" dxfId="1730" priority="2037">
      <formula>AND(U$156="",U$157="")</formula>
    </cfRule>
  </conditionalFormatting>
  <conditionalFormatting sqref="V156:V157">
    <cfRule type="expression" dxfId="1729" priority="2034">
      <formula>OR(V$156&lt;&gt;"",V$157&lt;&gt;"")</formula>
    </cfRule>
    <cfRule type="expression" dxfId="1728" priority="2035">
      <formula>AND(V$156="",V$157="")</formula>
    </cfRule>
  </conditionalFormatting>
  <conditionalFormatting sqref="W156:W157">
    <cfRule type="expression" dxfId="1727" priority="2032">
      <formula>OR(W$156&lt;&gt;"",W$157&lt;&gt;"")</formula>
    </cfRule>
    <cfRule type="expression" dxfId="1726" priority="2033">
      <formula>AND(W$156="",W$157="")</formula>
    </cfRule>
  </conditionalFormatting>
  <conditionalFormatting sqref="X156:X157">
    <cfRule type="expression" dxfId="1725" priority="2030">
      <formula>OR(X$156&lt;&gt;"",X$157&lt;&gt;"")</formula>
    </cfRule>
    <cfRule type="expression" dxfId="1724" priority="2031">
      <formula>AND(X$156="",X$157="")</formula>
    </cfRule>
  </conditionalFormatting>
  <conditionalFormatting sqref="Y156:Y157">
    <cfRule type="expression" dxfId="1723" priority="2028">
      <formula>OR(Y$156&lt;&gt;"",Y$157&lt;&gt;"")</formula>
    </cfRule>
    <cfRule type="expression" dxfId="1722" priority="2029">
      <formula>AND(Y$156="",Y$157="")</formula>
    </cfRule>
  </conditionalFormatting>
  <conditionalFormatting sqref="Z156:Z157">
    <cfRule type="expression" dxfId="1721" priority="2026">
      <formula>OR(Z$156&lt;&gt;"",Z$157&lt;&gt;"")</formula>
    </cfRule>
    <cfRule type="expression" dxfId="1720" priority="2027">
      <formula>AND(Z$156="",Z$157="")</formula>
    </cfRule>
  </conditionalFormatting>
  <conditionalFormatting sqref="AA156:AA157">
    <cfRule type="expression" dxfId="1719" priority="2024">
      <formula>OR(AA$156&lt;&gt;"",AA$157&lt;&gt;"")</formula>
    </cfRule>
    <cfRule type="expression" dxfId="1718" priority="2025">
      <formula>AND(AA$156="",AA$157="")</formula>
    </cfRule>
  </conditionalFormatting>
  <conditionalFormatting sqref="AB156:AB157">
    <cfRule type="expression" dxfId="1717" priority="2022">
      <formula>OR(AB$156&lt;&gt;"",AB$157&lt;&gt;"")</formula>
    </cfRule>
    <cfRule type="expression" dxfId="1716" priority="2023">
      <formula>AND(AB$156="",AB$157="")</formula>
    </cfRule>
  </conditionalFormatting>
  <conditionalFormatting sqref="AC156:AC157">
    <cfRule type="expression" dxfId="1715" priority="2020">
      <formula>OR(AC$156&lt;&gt;"",AC$157&lt;&gt;"")</formula>
    </cfRule>
    <cfRule type="expression" dxfId="1714" priority="2021">
      <formula>AND(AC$156="",AC$157="")</formula>
    </cfRule>
  </conditionalFormatting>
  <conditionalFormatting sqref="AD156:AD157">
    <cfRule type="expression" dxfId="1713" priority="2018">
      <formula>OR(AD$156&lt;&gt;"",AD$157&lt;&gt;"")</formula>
    </cfRule>
    <cfRule type="expression" dxfId="1712" priority="2019">
      <formula>AND(AD$156="",AD$157="")</formula>
    </cfRule>
  </conditionalFormatting>
  <conditionalFormatting sqref="AE156:AE157">
    <cfRule type="expression" dxfId="1711" priority="2016">
      <formula>OR(AE$156&lt;&gt;"",AE$157&lt;&gt;"")</formula>
    </cfRule>
    <cfRule type="expression" dxfId="1710" priority="2017">
      <formula>AND(AE$156="",AE$157="")</formula>
    </cfRule>
  </conditionalFormatting>
  <conditionalFormatting sqref="AF156:AF157">
    <cfRule type="expression" dxfId="1709" priority="2014">
      <formula>OR(AF$156&lt;&gt;"",AF$157&lt;&gt;"")</formula>
    </cfRule>
    <cfRule type="expression" dxfId="1708" priority="2015">
      <formula>AND(AF$156="",AF$157="")</formula>
    </cfRule>
  </conditionalFormatting>
  <conditionalFormatting sqref="AG156:AG157">
    <cfRule type="expression" dxfId="1707" priority="2012">
      <formula>OR(AG$156&lt;&gt;"",AG$157&lt;&gt;"")</formula>
    </cfRule>
    <cfRule type="expression" dxfId="1706" priority="2013">
      <formula>AND(AG$156="",AG$157="")</formula>
    </cfRule>
  </conditionalFormatting>
  <conditionalFormatting sqref="AH156:AH157">
    <cfRule type="expression" dxfId="1705" priority="2010">
      <formula>OR(AH$156&lt;&gt;"",AH$157&lt;&gt;"")</formula>
    </cfRule>
    <cfRule type="expression" dxfId="1704" priority="2011">
      <formula>AND(AH$156="",AH$157="")</formula>
    </cfRule>
  </conditionalFormatting>
  <conditionalFormatting sqref="AI156:AI157">
    <cfRule type="expression" dxfId="1703" priority="2008">
      <formula>OR(AI$156&lt;&gt;"",AI$157&lt;&gt;"")</formula>
    </cfRule>
    <cfRule type="expression" dxfId="1702" priority="2009">
      <formula>AND(AI$156="",AI$157="")</formula>
    </cfRule>
  </conditionalFormatting>
  <conditionalFormatting sqref="AJ156:AJ157">
    <cfRule type="expression" dxfId="1701" priority="2006">
      <formula>OR(AJ$156&lt;&gt;"",AJ$157&lt;&gt;"")</formula>
    </cfRule>
    <cfRule type="expression" dxfId="1700" priority="2007">
      <formula>AND(AJ$156="",AJ$157="")</formula>
    </cfRule>
  </conditionalFormatting>
  <conditionalFormatting sqref="AK156:AK157">
    <cfRule type="expression" dxfId="1699" priority="2004">
      <formula>OR(AK$156&lt;&gt;"",AK$157&lt;&gt;"")</formula>
    </cfRule>
    <cfRule type="expression" dxfId="1698" priority="2005">
      <formula>AND(AK$156="",AK$157="")</formula>
    </cfRule>
  </conditionalFormatting>
  <conditionalFormatting sqref="AL156:AL157">
    <cfRule type="expression" dxfId="1697" priority="2002">
      <formula>OR(AL$156&lt;&gt;"",AL$157&lt;&gt;"")</formula>
    </cfRule>
    <cfRule type="expression" dxfId="1696" priority="2003">
      <formula>AND(AL$156="",AL$157="")</formula>
    </cfRule>
  </conditionalFormatting>
  <conditionalFormatting sqref="AM156:AM157">
    <cfRule type="expression" dxfId="1695" priority="2000">
      <formula>OR(AM$156&lt;&gt;"",AM$157&lt;&gt;"")</formula>
    </cfRule>
    <cfRule type="expression" dxfId="1694" priority="2001">
      <formula>AND(AM$156="",AM$157="")</formula>
    </cfRule>
  </conditionalFormatting>
  <conditionalFormatting sqref="AN156:AN157">
    <cfRule type="expression" dxfId="1693" priority="1998">
      <formula>OR(AN$156&lt;&gt;"",AN$157&lt;&gt;"")</formula>
    </cfRule>
    <cfRule type="expression" dxfId="1692" priority="1999">
      <formula>AND(AN$156="",AN$157="")</formula>
    </cfRule>
  </conditionalFormatting>
  <conditionalFormatting sqref="AO156:AO157">
    <cfRule type="expression" dxfId="1691" priority="1996">
      <formula>OR(AO$156&lt;&gt;"",AO$157&lt;&gt;"")</formula>
    </cfRule>
    <cfRule type="expression" dxfId="1690" priority="1997">
      <formula>AND(AO$156="",AO$157="")</formula>
    </cfRule>
  </conditionalFormatting>
  <conditionalFormatting sqref="AP156:AP157">
    <cfRule type="expression" dxfId="1689" priority="1994">
      <formula>OR(AP$156&lt;&gt;"",AP$157&lt;&gt;"")</formula>
    </cfRule>
    <cfRule type="expression" dxfId="1688" priority="1995">
      <formula>AND(AP$156="",AP$157="")</formula>
    </cfRule>
  </conditionalFormatting>
  <conditionalFormatting sqref="AQ156:AQ157">
    <cfRule type="expression" dxfId="1687" priority="1992">
      <formula>OR(AQ$156&lt;&gt;"",AQ$157&lt;&gt;"")</formula>
    </cfRule>
    <cfRule type="expression" dxfId="1686" priority="1993">
      <formula>AND(AQ$156="",AQ$157="")</formula>
    </cfRule>
  </conditionalFormatting>
  <conditionalFormatting sqref="AR156:AR157">
    <cfRule type="expression" dxfId="1685" priority="1990">
      <formula>OR(AR$156&lt;&gt;"",AR$157&lt;&gt;"")</formula>
    </cfRule>
    <cfRule type="expression" dxfId="1684" priority="1991">
      <formula>AND(AR$156="",AR$157="")</formula>
    </cfRule>
  </conditionalFormatting>
  <conditionalFormatting sqref="AS156:AS157">
    <cfRule type="expression" dxfId="1683" priority="1988">
      <formula>OR(AS$156&lt;&gt;"",AS$157&lt;&gt;"")</formula>
    </cfRule>
    <cfRule type="expression" dxfId="1682" priority="1989">
      <formula>AND(AS$156="",AS$157="")</formula>
    </cfRule>
  </conditionalFormatting>
  <conditionalFormatting sqref="AT156:AT157">
    <cfRule type="expression" dxfId="1681" priority="1986">
      <formula>OR(AT$156&lt;&gt;"",AT$157&lt;&gt;"")</formula>
    </cfRule>
    <cfRule type="expression" dxfId="1680" priority="1987">
      <formula>AND(AT$156="",AT$157="")</formula>
    </cfRule>
  </conditionalFormatting>
  <conditionalFormatting sqref="AU156:AU157">
    <cfRule type="expression" dxfId="1679" priority="1984">
      <formula>OR(AU$156&lt;&gt;"",AU$157&lt;&gt;"")</formula>
    </cfRule>
    <cfRule type="expression" dxfId="1678" priority="1985">
      <formula>AND(AU$156="",AU$157="")</formula>
    </cfRule>
  </conditionalFormatting>
  <conditionalFormatting sqref="AV156:AV157">
    <cfRule type="expression" dxfId="1677" priority="1982">
      <formula>OR(AV$156&lt;&gt;"",AV$157&lt;&gt;"")</formula>
    </cfRule>
    <cfRule type="expression" dxfId="1676" priority="1983">
      <formula>AND(AV$156="",AV$157="")</formula>
    </cfRule>
  </conditionalFormatting>
  <conditionalFormatting sqref="AW156:AW157">
    <cfRule type="expression" dxfId="1675" priority="1980">
      <formula>OR(AW$156&lt;&gt;"",AW$157&lt;&gt;"")</formula>
    </cfRule>
    <cfRule type="expression" dxfId="1674" priority="1981">
      <formula>AND(AW$156="",AW$157="")</formula>
    </cfRule>
  </conditionalFormatting>
  <conditionalFormatting sqref="AX156:AX157">
    <cfRule type="expression" dxfId="1673" priority="1978">
      <formula>OR(AX$156&lt;&gt;"",AX$157&lt;&gt;"")</formula>
    </cfRule>
    <cfRule type="expression" dxfId="1672" priority="1979">
      <formula>AND(AX$156="",AX$157="")</formula>
    </cfRule>
  </conditionalFormatting>
  <conditionalFormatting sqref="AY156:AY157">
    <cfRule type="expression" dxfId="1671" priority="1976">
      <formula>OR(AY$156&lt;&gt;"",AY$157&lt;&gt;"")</formula>
    </cfRule>
    <cfRule type="expression" dxfId="1670" priority="1977">
      <formula>AND(AY$156="",AY$157="")</formula>
    </cfRule>
  </conditionalFormatting>
  <conditionalFormatting sqref="AZ156:AZ157">
    <cfRule type="expression" dxfId="1669" priority="1974">
      <formula>OR(AZ$156&lt;&gt;"",AZ$157&lt;&gt;"")</formula>
    </cfRule>
    <cfRule type="expression" dxfId="1668" priority="1975">
      <formula>AND(AZ$156="",AZ$157="")</formula>
    </cfRule>
  </conditionalFormatting>
  <conditionalFormatting sqref="BA156:BA157">
    <cfRule type="expression" dxfId="1667" priority="1972">
      <formula>OR(BA$156&lt;&gt;"",BA$157&lt;&gt;"")</formula>
    </cfRule>
    <cfRule type="expression" dxfId="1666" priority="1973">
      <formula>AND(BA$156="",BA$157="")</formula>
    </cfRule>
  </conditionalFormatting>
  <conditionalFormatting sqref="BB156:BB157">
    <cfRule type="expression" dxfId="1665" priority="1970">
      <formula>OR(BB$156&lt;&gt;"",BB$157&lt;&gt;"")</formula>
    </cfRule>
    <cfRule type="expression" dxfId="1664" priority="1971">
      <formula>AND(BB$156="",BB$157="")</formula>
    </cfRule>
  </conditionalFormatting>
  <conditionalFormatting sqref="BC156:BC157">
    <cfRule type="expression" dxfId="1663" priority="1968">
      <formula>OR(BC$156&lt;&gt;"",BC$157&lt;&gt;"")</formula>
    </cfRule>
    <cfRule type="expression" dxfId="1662" priority="1969">
      <formula>AND(BC$156="",BC$157="")</formula>
    </cfRule>
  </conditionalFormatting>
  <conditionalFormatting sqref="BD156:BD157">
    <cfRule type="expression" dxfId="1661" priority="1966">
      <formula>OR(BD$156&lt;&gt;"",BD$157&lt;&gt;"")</formula>
    </cfRule>
    <cfRule type="expression" dxfId="1660" priority="1967">
      <formula>AND(BD$156="",BD$157="")</formula>
    </cfRule>
  </conditionalFormatting>
  <conditionalFormatting sqref="BE156:BE157">
    <cfRule type="expression" dxfId="1659" priority="1964">
      <formula>OR(BE$156&lt;&gt;"",BE$157&lt;&gt;"")</formula>
    </cfRule>
    <cfRule type="expression" dxfId="1658" priority="1965">
      <formula>AND(BE$156="",BE$157="")</formula>
    </cfRule>
  </conditionalFormatting>
  <conditionalFormatting sqref="BF156:BF157">
    <cfRule type="expression" dxfId="1657" priority="1962">
      <formula>OR(BF$156&lt;&gt;"",BF$157&lt;&gt;"")</formula>
    </cfRule>
    <cfRule type="expression" dxfId="1656" priority="1963">
      <formula>AND(BF$156="",BF$157="")</formula>
    </cfRule>
  </conditionalFormatting>
  <conditionalFormatting sqref="BG156:BG157">
    <cfRule type="expression" dxfId="1655" priority="1960">
      <formula>OR(BG$156&lt;&gt;"",BG$157&lt;&gt;"")</formula>
    </cfRule>
    <cfRule type="expression" dxfId="1654" priority="1961">
      <formula>AND(BG$156="",BG$157="")</formula>
    </cfRule>
  </conditionalFormatting>
  <conditionalFormatting sqref="BH156:BH157">
    <cfRule type="expression" dxfId="1653" priority="1958">
      <formula>OR(BH$156&lt;&gt;"",BH$157&lt;&gt;"")</formula>
    </cfRule>
    <cfRule type="expression" dxfId="1652" priority="1959">
      <formula>AND(BH$156="",BH$157="")</formula>
    </cfRule>
  </conditionalFormatting>
  <conditionalFormatting sqref="BI156:BI157">
    <cfRule type="expression" dxfId="1651" priority="1956">
      <formula>OR(BI$156&lt;&gt;"",BI$157&lt;&gt;"")</formula>
    </cfRule>
    <cfRule type="expression" dxfId="1650" priority="1957">
      <formula>AND(BI$156="",BI$157="")</formula>
    </cfRule>
  </conditionalFormatting>
  <conditionalFormatting sqref="BJ156:BJ157">
    <cfRule type="expression" dxfId="1649" priority="1954">
      <formula>OR(BJ$156&lt;&gt;"",BJ$157&lt;&gt;"")</formula>
    </cfRule>
    <cfRule type="expression" dxfId="1648" priority="1955">
      <formula>AND(BJ$156="",BJ$157="")</formula>
    </cfRule>
  </conditionalFormatting>
  <conditionalFormatting sqref="BK156:BK157">
    <cfRule type="expression" dxfId="1647" priority="1952">
      <formula>OR(BK$156&lt;&gt;"",BK$157&lt;&gt;"")</formula>
    </cfRule>
    <cfRule type="expression" dxfId="1646" priority="1953">
      <formula>AND(BK$156="",BK$157="")</formula>
    </cfRule>
  </conditionalFormatting>
  <conditionalFormatting sqref="BL156:BL157">
    <cfRule type="expression" dxfId="1645" priority="1950">
      <formula>OR(BL$156&lt;&gt;"",BL$157&lt;&gt;"")</formula>
    </cfRule>
    <cfRule type="expression" dxfId="1644" priority="1951">
      <formula>AND(BL$156="",BL$157="")</formula>
    </cfRule>
  </conditionalFormatting>
  <conditionalFormatting sqref="BM156:BM157">
    <cfRule type="expression" dxfId="1643" priority="1948">
      <formula>OR(BM$156&lt;&gt;"",BM$157&lt;&gt;"")</formula>
    </cfRule>
    <cfRule type="expression" dxfId="1642" priority="1949">
      <formula>AND(BM$156="",BM$157="")</formula>
    </cfRule>
  </conditionalFormatting>
  <conditionalFormatting sqref="BN156:BN157">
    <cfRule type="expression" dxfId="1641" priority="1946">
      <formula>OR(BN$156&lt;&gt;"",BN$157&lt;&gt;"")</formula>
    </cfRule>
    <cfRule type="expression" dxfId="1640" priority="1947">
      <formula>AND(BN$156="",BN$157="")</formula>
    </cfRule>
  </conditionalFormatting>
  <conditionalFormatting sqref="BO156:BO157">
    <cfRule type="expression" dxfId="1639" priority="1944">
      <formula>OR(BO$156&lt;&gt;"",BO$157&lt;&gt;"")</formula>
    </cfRule>
    <cfRule type="expression" dxfId="1638" priority="1945">
      <formula>AND(BO$156="",BO$157="")</formula>
    </cfRule>
  </conditionalFormatting>
  <conditionalFormatting sqref="BP156:BP157">
    <cfRule type="expression" dxfId="1637" priority="1942">
      <formula>OR(BP$156&lt;&gt;"",BP$157&lt;&gt;"")</formula>
    </cfRule>
    <cfRule type="expression" dxfId="1636" priority="1943">
      <formula>AND(BP$156="",BP$157="")</formula>
    </cfRule>
  </conditionalFormatting>
  <conditionalFormatting sqref="BQ156:BQ157">
    <cfRule type="expression" dxfId="1635" priority="1940">
      <formula>OR(BQ$156&lt;&gt;"",BQ$157&lt;&gt;"")</formula>
    </cfRule>
    <cfRule type="expression" dxfId="1634" priority="1941">
      <formula>AND(BQ$156="",BQ$157="")</formula>
    </cfRule>
  </conditionalFormatting>
  <conditionalFormatting sqref="BR156:BR157">
    <cfRule type="expression" dxfId="1633" priority="1938">
      <formula>OR(BR$156&lt;&gt;"",BR$157&lt;&gt;"")</formula>
    </cfRule>
    <cfRule type="expression" dxfId="1632" priority="1939">
      <formula>AND(BR$156="",BR$157="")</formula>
    </cfRule>
  </conditionalFormatting>
  <conditionalFormatting sqref="BS156:BS157">
    <cfRule type="expression" dxfId="1631" priority="1936">
      <formula>OR(BS$156&lt;&gt;"",BS$157&lt;&gt;"")</formula>
    </cfRule>
    <cfRule type="expression" dxfId="1630" priority="1937">
      <formula>AND(BS$156="",BS$157="")</formula>
    </cfRule>
  </conditionalFormatting>
  <conditionalFormatting sqref="O148:O149">
    <cfRule type="expression" dxfId="1629" priority="1934">
      <formula>OR(O$148&lt;&gt;"",O$149&lt;&gt;"")</formula>
    </cfRule>
    <cfRule type="expression" dxfId="1628" priority="1935">
      <formula>AND(O$148="",O$149="")</formula>
    </cfRule>
  </conditionalFormatting>
  <conditionalFormatting sqref="P148:P149">
    <cfRule type="expression" dxfId="1627" priority="1932">
      <formula>OR(P$148&lt;&gt;"",P$149&lt;&gt;"")</formula>
    </cfRule>
    <cfRule type="expression" dxfId="1626" priority="1933">
      <formula>AND(P$148="",P$149="")</formula>
    </cfRule>
  </conditionalFormatting>
  <conditionalFormatting sqref="Q148:Q149">
    <cfRule type="expression" dxfId="1625" priority="1930">
      <formula>OR(Q$148&lt;&gt;"",Q$149&lt;&gt;"")</formula>
    </cfRule>
    <cfRule type="expression" dxfId="1624" priority="1931">
      <formula>AND(Q$148="",Q$149="")</formula>
    </cfRule>
  </conditionalFormatting>
  <conditionalFormatting sqref="R148:R149">
    <cfRule type="expression" dxfId="1623" priority="1928">
      <formula>OR(R$148&lt;&gt;"",R$149&lt;&gt;"")</formula>
    </cfRule>
    <cfRule type="expression" dxfId="1622" priority="1929">
      <formula>AND(R$148="",R$149="")</formula>
    </cfRule>
  </conditionalFormatting>
  <conditionalFormatting sqref="S148:S149">
    <cfRule type="expression" dxfId="1621" priority="1926">
      <formula>OR(S$148&lt;&gt;"",S$149&lt;&gt;"")</formula>
    </cfRule>
    <cfRule type="expression" dxfId="1620" priority="1927">
      <formula>AND(S$148="",S$149="")</formula>
    </cfRule>
  </conditionalFormatting>
  <conditionalFormatting sqref="T148:T149">
    <cfRule type="expression" dxfId="1619" priority="1924">
      <formula>OR(T$148&lt;&gt;"",T$149&lt;&gt;"")</formula>
    </cfRule>
    <cfRule type="expression" dxfId="1618" priority="1925">
      <formula>AND(T$148="",T$149="")</formula>
    </cfRule>
  </conditionalFormatting>
  <conditionalFormatting sqref="U148:U149">
    <cfRule type="expression" dxfId="1617" priority="1922">
      <formula>OR(U$148&lt;&gt;"",U$149&lt;&gt;"")</formula>
    </cfRule>
    <cfRule type="expression" dxfId="1616" priority="1923">
      <formula>AND(U$148="",U$149="")</formula>
    </cfRule>
  </conditionalFormatting>
  <conditionalFormatting sqref="V148:V149">
    <cfRule type="expression" dxfId="1615" priority="1920">
      <formula>OR(V$148&lt;&gt;"",V$149&lt;&gt;"")</formula>
    </cfRule>
    <cfRule type="expression" dxfId="1614" priority="1921">
      <formula>AND(V$148="",V$149="")</formula>
    </cfRule>
  </conditionalFormatting>
  <conditionalFormatting sqref="W148:W149">
    <cfRule type="expression" dxfId="1613" priority="1918">
      <formula>OR(W$148&lt;&gt;"",W$149&lt;&gt;"")</formula>
    </cfRule>
    <cfRule type="expression" dxfId="1612" priority="1919">
      <formula>AND(W$148="",W$149="")</formula>
    </cfRule>
  </conditionalFormatting>
  <conditionalFormatting sqref="X148:X149">
    <cfRule type="expression" dxfId="1611" priority="1916">
      <formula>OR(X$148&lt;&gt;"",X$149&lt;&gt;"")</formula>
    </cfRule>
    <cfRule type="expression" dxfId="1610" priority="1917">
      <formula>AND(X$148="",X$149="")</formula>
    </cfRule>
  </conditionalFormatting>
  <conditionalFormatting sqref="Y148:Y149">
    <cfRule type="expression" dxfId="1609" priority="1914">
      <formula>OR(Y$148&lt;&gt;"",Y$149&lt;&gt;"")</formula>
    </cfRule>
    <cfRule type="expression" dxfId="1608" priority="1915">
      <formula>AND(Y$148="",Y$149="")</formula>
    </cfRule>
  </conditionalFormatting>
  <conditionalFormatting sqref="Z148:Z149">
    <cfRule type="expression" dxfId="1607" priority="1912">
      <formula>OR(Z$148&lt;&gt;"",Z$149&lt;&gt;"")</formula>
    </cfRule>
    <cfRule type="expression" dxfId="1606" priority="1913">
      <formula>AND(Z$148="",Z$149="")</formula>
    </cfRule>
  </conditionalFormatting>
  <conditionalFormatting sqref="AA148:AA149">
    <cfRule type="expression" dxfId="1605" priority="1910">
      <formula>OR(AA$148&lt;&gt;"",AA$149&lt;&gt;"")</formula>
    </cfRule>
    <cfRule type="expression" dxfId="1604" priority="1911">
      <formula>AND(AA$148="",AA$149="")</formula>
    </cfRule>
  </conditionalFormatting>
  <conditionalFormatting sqref="AB148:AB149">
    <cfRule type="expression" dxfId="1603" priority="1908">
      <formula>OR(AB$148&lt;&gt;"",AB$149&lt;&gt;"")</formula>
    </cfRule>
    <cfRule type="expression" dxfId="1602" priority="1909">
      <formula>AND(AB$148="",AB$149="")</formula>
    </cfRule>
  </conditionalFormatting>
  <conditionalFormatting sqref="AC148:AC149">
    <cfRule type="expression" dxfId="1601" priority="1906">
      <formula>OR(AC$148&lt;&gt;"",AC$149&lt;&gt;"")</formula>
    </cfRule>
    <cfRule type="expression" dxfId="1600" priority="1907">
      <formula>AND(AC$148="",AC$149="")</formula>
    </cfRule>
  </conditionalFormatting>
  <conditionalFormatting sqref="AD148:AD149">
    <cfRule type="expression" dxfId="1599" priority="1904">
      <formula>OR(AD$148&lt;&gt;"",AD$149&lt;&gt;"")</formula>
    </cfRule>
    <cfRule type="expression" dxfId="1598" priority="1905">
      <formula>AND(AD$148="",AD$149="")</formula>
    </cfRule>
  </conditionalFormatting>
  <conditionalFormatting sqref="AE148:AE149">
    <cfRule type="expression" dxfId="1597" priority="1902">
      <formula>OR(AE$148&lt;&gt;"",AE$149&lt;&gt;"")</formula>
    </cfRule>
    <cfRule type="expression" dxfId="1596" priority="1903">
      <formula>AND(AE$148="",AE$149="")</formula>
    </cfRule>
  </conditionalFormatting>
  <conditionalFormatting sqref="AF148:AF149">
    <cfRule type="expression" dxfId="1595" priority="1900">
      <formula>OR(AF$148&lt;&gt;"",AF$149&lt;&gt;"")</formula>
    </cfRule>
    <cfRule type="expression" dxfId="1594" priority="1901">
      <formula>AND(AF$148="",AF$149="")</formula>
    </cfRule>
  </conditionalFormatting>
  <conditionalFormatting sqref="AG148:AG149">
    <cfRule type="expression" dxfId="1593" priority="1898">
      <formula>OR(AG$148&lt;&gt;"",AG$149&lt;&gt;"")</formula>
    </cfRule>
    <cfRule type="expression" dxfId="1592" priority="1899">
      <formula>AND(AG$148="",AG$149="")</formula>
    </cfRule>
  </conditionalFormatting>
  <conditionalFormatting sqref="AH148:AH149">
    <cfRule type="expression" dxfId="1591" priority="1896">
      <formula>OR(AH$148&lt;&gt;"",AH$149&lt;&gt;"")</formula>
    </cfRule>
    <cfRule type="expression" dxfId="1590" priority="1897">
      <formula>AND(AH$148="",AH$149="")</formula>
    </cfRule>
  </conditionalFormatting>
  <conditionalFormatting sqref="AI148:AI149">
    <cfRule type="expression" dxfId="1589" priority="1894">
      <formula>OR(AI$148&lt;&gt;"",AI$149&lt;&gt;"")</formula>
    </cfRule>
    <cfRule type="expression" dxfId="1588" priority="1895">
      <formula>AND(AI$148="",AI$149="")</formula>
    </cfRule>
  </conditionalFormatting>
  <conditionalFormatting sqref="AJ148:AJ149">
    <cfRule type="expression" dxfId="1587" priority="1892">
      <formula>OR(AJ$148&lt;&gt;"",AJ$149&lt;&gt;"")</formula>
    </cfRule>
    <cfRule type="expression" dxfId="1586" priority="1893">
      <formula>AND(AJ$148="",AJ$149="")</formula>
    </cfRule>
  </conditionalFormatting>
  <conditionalFormatting sqref="AK148:AK149">
    <cfRule type="expression" dxfId="1585" priority="1890">
      <formula>OR(AK$148&lt;&gt;"",AK$149&lt;&gt;"")</formula>
    </cfRule>
    <cfRule type="expression" dxfId="1584" priority="1891">
      <formula>AND(AK$148="",AK$149="")</formula>
    </cfRule>
  </conditionalFormatting>
  <conditionalFormatting sqref="AL148:AL149">
    <cfRule type="expression" dxfId="1583" priority="1888">
      <formula>OR(AL$148&lt;&gt;"",AL$149&lt;&gt;"")</formula>
    </cfRule>
    <cfRule type="expression" dxfId="1582" priority="1889">
      <formula>AND(AL$148="",AL$149="")</formula>
    </cfRule>
  </conditionalFormatting>
  <conditionalFormatting sqref="AM148:AM149">
    <cfRule type="expression" dxfId="1581" priority="1886">
      <formula>OR(AM$148&lt;&gt;"",AM$149&lt;&gt;"")</formula>
    </cfRule>
    <cfRule type="expression" dxfId="1580" priority="1887">
      <formula>AND(AM$148="",AM$149="")</formula>
    </cfRule>
  </conditionalFormatting>
  <conditionalFormatting sqref="AN148:AN149">
    <cfRule type="expression" dxfId="1579" priority="1884">
      <formula>OR(AN$148&lt;&gt;"",AN$149&lt;&gt;"")</formula>
    </cfRule>
    <cfRule type="expression" dxfId="1578" priority="1885">
      <formula>AND(AN$148="",AN$149="")</formula>
    </cfRule>
  </conditionalFormatting>
  <conditionalFormatting sqref="AO148:AO149">
    <cfRule type="expression" dxfId="1577" priority="1882">
      <formula>OR(AO$148&lt;&gt;"",AO$149&lt;&gt;"")</formula>
    </cfRule>
    <cfRule type="expression" dxfId="1576" priority="1883">
      <formula>AND(AO$148="",AO$149="")</formula>
    </cfRule>
  </conditionalFormatting>
  <conditionalFormatting sqref="AP148:AP149">
    <cfRule type="expression" dxfId="1575" priority="1880">
      <formula>OR(AP$148&lt;&gt;"",AP$149&lt;&gt;"")</formula>
    </cfRule>
    <cfRule type="expression" dxfId="1574" priority="1881">
      <formula>AND(AP$148="",AP$149="")</formula>
    </cfRule>
  </conditionalFormatting>
  <conditionalFormatting sqref="AQ148:AQ149">
    <cfRule type="expression" dxfId="1573" priority="1878">
      <formula>OR(AQ$148&lt;&gt;"",AQ$149&lt;&gt;"")</formula>
    </cfRule>
    <cfRule type="expression" dxfId="1572" priority="1879">
      <formula>AND(AQ$148="",AQ$149="")</formula>
    </cfRule>
  </conditionalFormatting>
  <conditionalFormatting sqref="AR148:AR149">
    <cfRule type="expression" dxfId="1571" priority="1876">
      <formula>OR(AR$148&lt;&gt;"",AR$149&lt;&gt;"")</formula>
    </cfRule>
    <cfRule type="expression" dxfId="1570" priority="1877">
      <formula>AND(AR$148="",AR$149="")</formula>
    </cfRule>
  </conditionalFormatting>
  <conditionalFormatting sqref="AS148:AS149">
    <cfRule type="expression" dxfId="1569" priority="1874">
      <formula>OR(AS$148&lt;&gt;"",AS$149&lt;&gt;"")</formula>
    </cfRule>
    <cfRule type="expression" dxfId="1568" priority="1875">
      <formula>AND(AS$148="",AS$149="")</formula>
    </cfRule>
  </conditionalFormatting>
  <conditionalFormatting sqref="AT148:AT149">
    <cfRule type="expression" dxfId="1567" priority="1872">
      <formula>OR(AT$148&lt;&gt;"",AT$149&lt;&gt;"")</formula>
    </cfRule>
    <cfRule type="expression" dxfId="1566" priority="1873">
      <formula>AND(AT$148="",AT$149="")</formula>
    </cfRule>
  </conditionalFormatting>
  <conditionalFormatting sqref="AU148:AU149">
    <cfRule type="expression" dxfId="1565" priority="1870">
      <formula>OR(AU$148&lt;&gt;"",AU$149&lt;&gt;"")</formula>
    </cfRule>
    <cfRule type="expression" dxfId="1564" priority="1871">
      <formula>AND(AU$148="",AU$149="")</formula>
    </cfRule>
  </conditionalFormatting>
  <conditionalFormatting sqref="AV148:AV149">
    <cfRule type="expression" dxfId="1563" priority="1868">
      <formula>OR(AV$148&lt;&gt;"",AV$149&lt;&gt;"")</formula>
    </cfRule>
    <cfRule type="expression" dxfId="1562" priority="1869">
      <formula>AND(AV$148="",AV$149="")</formula>
    </cfRule>
  </conditionalFormatting>
  <conditionalFormatting sqref="AW148:AW149">
    <cfRule type="expression" dxfId="1561" priority="1866">
      <formula>OR(AW$148&lt;&gt;"",AW$149&lt;&gt;"")</formula>
    </cfRule>
    <cfRule type="expression" dxfId="1560" priority="1867">
      <formula>AND(AW$148="",AW$149="")</formula>
    </cfRule>
  </conditionalFormatting>
  <conditionalFormatting sqref="AX148:AX149">
    <cfRule type="expression" dxfId="1559" priority="1864">
      <formula>OR(AX$148&lt;&gt;"",AX$149&lt;&gt;"")</formula>
    </cfRule>
    <cfRule type="expression" dxfId="1558" priority="1865">
      <formula>AND(AX$148="",AX$149="")</formula>
    </cfRule>
  </conditionalFormatting>
  <conditionalFormatting sqref="AY148:AY149">
    <cfRule type="expression" dxfId="1557" priority="1862">
      <formula>OR(AY$148&lt;&gt;"",AY$149&lt;&gt;"")</formula>
    </cfRule>
    <cfRule type="expression" dxfId="1556" priority="1863">
      <formula>AND(AY$148="",AY$149="")</formula>
    </cfRule>
  </conditionalFormatting>
  <conditionalFormatting sqref="AZ148:AZ149">
    <cfRule type="expression" dxfId="1555" priority="1860">
      <formula>OR(AZ$148&lt;&gt;"",AZ$149&lt;&gt;"")</formula>
    </cfRule>
    <cfRule type="expression" dxfId="1554" priority="1861">
      <formula>AND(AZ$148="",AZ$149="")</formula>
    </cfRule>
  </conditionalFormatting>
  <conditionalFormatting sqref="BA148:BA149">
    <cfRule type="expression" dxfId="1553" priority="1858">
      <formula>OR(BA$148&lt;&gt;"",BA$149&lt;&gt;"")</formula>
    </cfRule>
    <cfRule type="expression" dxfId="1552" priority="1859">
      <formula>AND(BA$148="",BA$149="")</formula>
    </cfRule>
  </conditionalFormatting>
  <conditionalFormatting sqref="BB148:BB149">
    <cfRule type="expression" dxfId="1551" priority="1856">
      <formula>OR(BB$148&lt;&gt;"",BB$149&lt;&gt;"")</formula>
    </cfRule>
    <cfRule type="expression" dxfId="1550" priority="1857">
      <formula>AND(BB$148="",BB$149="")</formula>
    </cfRule>
  </conditionalFormatting>
  <conditionalFormatting sqref="BC148:BC149">
    <cfRule type="expression" dxfId="1549" priority="1854">
      <formula>OR(BC$148&lt;&gt;"",BC$149&lt;&gt;"")</formula>
    </cfRule>
    <cfRule type="expression" dxfId="1548" priority="1855">
      <formula>AND(BC$148="",BC$149="")</formula>
    </cfRule>
  </conditionalFormatting>
  <conditionalFormatting sqref="BD148:BD149">
    <cfRule type="expression" dxfId="1547" priority="1852">
      <formula>OR(BD$148&lt;&gt;"",BD$149&lt;&gt;"")</formula>
    </cfRule>
    <cfRule type="expression" dxfId="1546" priority="1853">
      <formula>AND(BD$148="",BD$149="")</formula>
    </cfRule>
  </conditionalFormatting>
  <conditionalFormatting sqref="BE148:BE149">
    <cfRule type="expression" dxfId="1545" priority="1850">
      <formula>OR(BE$148&lt;&gt;"",BE$149&lt;&gt;"")</formula>
    </cfRule>
    <cfRule type="expression" dxfId="1544" priority="1851">
      <formula>AND(BE$148="",BE$149="")</formula>
    </cfRule>
  </conditionalFormatting>
  <conditionalFormatting sqref="BF148:BF149">
    <cfRule type="expression" dxfId="1543" priority="1848">
      <formula>OR(BF$148&lt;&gt;"",BF$149&lt;&gt;"")</formula>
    </cfRule>
    <cfRule type="expression" dxfId="1542" priority="1849">
      <formula>AND(BF$148="",BF$149="")</formula>
    </cfRule>
  </conditionalFormatting>
  <conditionalFormatting sqref="BG148:BG149">
    <cfRule type="expression" dxfId="1541" priority="1846">
      <formula>OR(BG$148&lt;&gt;"",BG$149&lt;&gt;"")</formula>
    </cfRule>
    <cfRule type="expression" dxfId="1540" priority="1847">
      <formula>AND(BG$148="",BG$149="")</formula>
    </cfRule>
  </conditionalFormatting>
  <conditionalFormatting sqref="BH148:BH149">
    <cfRule type="expression" dxfId="1539" priority="1844">
      <formula>OR(BH$148&lt;&gt;"",BH$149&lt;&gt;"")</formula>
    </cfRule>
    <cfRule type="expression" dxfId="1538" priority="1845">
      <formula>AND(BH$148="",BH$149="")</formula>
    </cfRule>
  </conditionalFormatting>
  <conditionalFormatting sqref="BI148:BI149">
    <cfRule type="expression" dxfId="1537" priority="1842">
      <formula>OR(BI$148&lt;&gt;"",BI$149&lt;&gt;"")</formula>
    </cfRule>
    <cfRule type="expression" dxfId="1536" priority="1843">
      <formula>AND(BI$148="",BI$149="")</formula>
    </cfRule>
  </conditionalFormatting>
  <conditionalFormatting sqref="BJ148:BJ149">
    <cfRule type="expression" dxfId="1535" priority="1840">
      <formula>OR(BJ$148&lt;&gt;"",BJ$149&lt;&gt;"")</formula>
    </cfRule>
    <cfRule type="expression" dxfId="1534" priority="1841">
      <formula>AND(BJ$148="",BJ$149="")</formula>
    </cfRule>
  </conditionalFormatting>
  <conditionalFormatting sqref="BK148:BK149">
    <cfRule type="expression" dxfId="1533" priority="1838">
      <formula>OR(BK$148&lt;&gt;"",BK$149&lt;&gt;"")</formula>
    </cfRule>
    <cfRule type="expression" dxfId="1532" priority="1839">
      <formula>AND(BK$148="",BK$149="")</formula>
    </cfRule>
  </conditionalFormatting>
  <conditionalFormatting sqref="BL148:BL149">
    <cfRule type="expression" dxfId="1531" priority="1836">
      <formula>OR(BL$148&lt;&gt;"",BL$149&lt;&gt;"")</formula>
    </cfRule>
    <cfRule type="expression" dxfId="1530" priority="1837">
      <formula>AND(BL$148="",BL$149="")</formula>
    </cfRule>
  </conditionalFormatting>
  <conditionalFormatting sqref="BM148:BM149">
    <cfRule type="expression" dxfId="1529" priority="1834">
      <formula>OR(BM$148&lt;&gt;"",BM$149&lt;&gt;"")</formula>
    </cfRule>
    <cfRule type="expression" dxfId="1528" priority="1835">
      <formula>AND(BM$148="",BM$149="")</formula>
    </cfRule>
  </conditionalFormatting>
  <conditionalFormatting sqref="BN148:BN149">
    <cfRule type="expression" dxfId="1527" priority="1832">
      <formula>OR(BN$148&lt;&gt;"",BN$149&lt;&gt;"")</formula>
    </cfRule>
    <cfRule type="expression" dxfId="1526" priority="1833">
      <formula>AND(BN$148="",BN$149="")</formula>
    </cfRule>
  </conditionalFormatting>
  <conditionalFormatting sqref="BO148:BO149">
    <cfRule type="expression" dxfId="1525" priority="1830">
      <formula>OR(BO$148&lt;&gt;"",BO$149&lt;&gt;"")</formula>
    </cfRule>
    <cfRule type="expression" dxfId="1524" priority="1831">
      <formula>AND(BO$148="",BO$149="")</formula>
    </cfRule>
  </conditionalFormatting>
  <conditionalFormatting sqref="BP148:BP149">
    <cfRule type="expression" dxfId="1523" priority="1828">
      <formula>OR(BP$148&lt;&gt;"",BP$149&lt;&gt;"")</formula>
    </cfRule>
    <cfRule type="expression" dxfId="1522" priority="1829">
      <formula>AND(BP$148="",BP$149="")</formula>
    </cfRule>
  </conditionalFormatting>
  <conditionalFormatting sqref="BQ148:BQ149">
    <cfRule type="expression" dxfId="1521" priority="1826">
      <formula>OR(BQ$148&lt;&gt;"",BQ$149&lt;&gt;"")</formula>
    </cfRule>
    <cfRule type="expression" dxfId="1520" priority="1827">
      <formula>AND(BQ$148="",BQ$149="")</formula>
    </cfRule>
  </conditionalFormatting>
  <conditionalFormatting sqref="BR148:BR149">
    <cfRule type="expression" dxfId="1519" priority="1824">
      <formula>OR(BR$148&lt;&gt;"",BR$149&lt;&gt;"")</formula>
    </cfRule>
    <cfRule type="expression" dxfId="1518" priority="1825">
      <formula>AND(BR$148="",BR$149="")</formula>
    </cfRule>
  </conditionalFormatting>
  <conditionalFormatting sqref="BS148:BS149">
    <cfRule type="expression" dxfId="1517" priority="1822">
      <formula>OR(BS$148&lt;&gt;"",BS$149&lt;&gt;"")</formula>
    </cfRule>
    <cfRule type="expression" dxfId="1516" priority="1823">
      <formula>AND(BS$148="",BS$149="")</formula>
    </cfRule>
  </conditionalFormatting>
  <conditionalFormatting sqref="O94:O95">
    <cfRule type="expression" dxfId="1515" priority="1820">
      <formula>OR(O$94&lt;&gt;"",O$95&lt;&gt;"")</formula>
    </cfRule>
    <cfRule type="expression" dxfId="1514" priority="1821">
      <formula>AND(O$94="",O$95="")</formula>
    </cfRule>
  </conditionalFormatting>
  <conditionalFormatting sqref="P94:P95">
    <cfRule type="expression" dxfId="1513" priority="1818">
      <formula>OR(P$94&lt;&gt;"",P$95&lt;&gt;"")</formula>
    </cfRule>
    <cfRule type="expression" dxfId="1512" priority="1819">
      <formula>AND(P$94="",P$95="")</formula>
    </cfRule>
  </conditionalFormatting>
  <conditionalFormatting sqref="Q94:Q95">
    <cfRule type="expression" dxfId="1511" priority="1816">
      <formula>OR(Q$94&lt;&gt;"",Q$95&lt;&gt;"")</formula>
    </cfRule>
    <cfRule type="expression" dxfId="1510" priority="1817">
      <formula>AND(Q$94="",Q$95="")</formula>
    </cfRule>
  </conditionalFormatting>
  <conditionalFormatting sqref="R94:R95">
    <cfRule type="expression" dxfId="1509" priority="1814">
      <formula>OR(R$94&lt;&gt;"",R$95&lt;&gt;"")</formula>
    </cfRule>
    <cfRule type="expression" dxfId="1508" priority="1815">
      <formula>AND(R$94="",R$95="")</formula>
    </cfRule>
  </conditionalFormatting>
  <conditionalFormatting sqref="S94:S95">
    <cfRule type="expression" dxfId="1507" priority="1812">
      <formula>OR(S$94&lt;&gt;"",S$95&lt;&gt;"")</formula>
    </cfRule>
    <cfRule type="expression" dxfId="1506" priority="1813">
      <formula>AND(S$94="",S$95="")</formula>
    </cfRule>
  </conditionalFormatting>
  <conditionalFormatting sqref="T94:T95">
    <cfRule type="expression" dxfId="1505" priority="1810">
      <formula>OR(T$94&lt;&gt;"",T$95&lt;&gt;"")</formula>
    </cfRule>
    <cfRule type="expression" dxfId="1504" priority="1811">
      <formula>AND(T$94="",T$95="")</formula>
    </cfRule>
  </conditionalFormatting>
  <conditionalFormatting sqref="U94:U95">
    <cfRule type="expression" dxfId="1503" priority="1808">
      <formula>OR(U$94&lt;&gt;"",U$95&lt;&gt;"")</formula>
    </cfRule>
    <cfRule type="expression" dxfId="1502" priority="1809">
      <formula>AND(U$94="",U$95="")</formula>
    </cfRule>
  </conditionalFormatting>
  <conditionalFormatting sqref="V94:V95">
    <cfRule type="expression" dxfId="1501" priority="1806">
      <formula>OR(V$94&lt;&gt;"",V$95&lt;&gt;"")</formula>
    </cfRule>
    <cfRule type="expression" dxfId="1500" priority="1807">
      <formula>AND(V$94="",V$95="")</formula>
    </cfRule>
  </conditionalFormatting>
  <conditionalFormatting sqref="W94:W95">
    <cfRule type="expression" dxfId="1499" priority="1804">
      <formula>OR(W$94&lt;&gt;"",W$95&lt;&gt;"")</formula>
    </cfRule>
    <cfRule type="expression" dxfId="1498" priority="1805">
      <formula>AND(W$94="",W$95="")</formula>
    </cfRule>
  </conditionalFormatting>
  <conditionalFormatting sqref="X94:X95">
    <cfRule type="expression" dxfId="1497" priority="1802">
      <formula>OR(X$94&lt;&gt;"",X$95&lt;&gt;"")</formula>
    </cfRule>
    <cfRule type="expression" dxfId="1496" priority="1803">
      <formula>AND(X$94="",X$95="")</formula>
    </cfRule>
  </conditionalFormatting>
  <conditionalFormatting sqref="Y94:Y95">
    <cfRule type="expression" dxfId="1495" priority="1800">
      <formula>OR(Y$94&lt;&gt;"",Y$95&lt;&gt;"")</formula>
    </cfRule>
    <cfRule type="expression" dxfId="1494" priority="1801">
      <formula>AND(Y$94="",Y$95="")</formula>
    </cfRule>
  </conditionalFormatting>
  <conditionalFormatting sqref="Z94:Z95">
    <cfRule type="expression" dxfId="1493" priority="1798">
      <formula>OR(Z$94&lt;&gt;"",Z$95&lt;&gt;"")</formula>
    </cfRule>
    <cfRule type="expression" dxfId="1492" priority="1799">
      <formula>AND(Z$94="",Z$95="")</formula>
    </cfRule>
  </conditionalFormatting>
  <conditionalFormatting sqref="AA94:AA95">
    <cfRule type="expression" dxfId="1491" priority="1796">
      <formula>OR(AA$94&lt;&gt;"",AA$95&lt;&gt;"")</formula>
    </cfRule>
    <cfRule type="expression" dxfId="1490" priority="1797">
      <formula>AND(AA$94="",AA$95="")</formula>
    </cfRule>
  </conditionalFormatting>
  <conditionalFormatting sqref="AB94:AB95">
    <cfRule type="expression" dxfId="1489" priority="1794">
      <formula>OR(AB$94&lt;&gt;"",AB$95&lt;&gt;"")</formula>
    </cfRule>
    <cfRule type="expression" dxfId="1488" priority="1795">
      <formula>AND(AB$94="",AB$95="")</formula>
    </cfRule>
  </conditionalFormatting>
  <conditionalFormatting sqref="AC94:AC95">
    <cfRule type="expression" dxfId="1487" priority="1792">
      <formula>OR(AC$94&lt;&gt;"",AC$95&lt;&gt;"")</formula>
    </cfRule>
    <cfRule type="expression" dxfId="1486" priority="1793">
      <formula>AND(AC$94="",AC$95="")</formula>
    </cfRule>
  </conditionalFormatting>
  <conditionalFormatting sqref="AD94:AD95">
    <cfRule type="expression" dxfId="1485" priority="1790">
      <formula>OR(AD$94&lt;&gt;"",AD$95&lt;&gt;"")</formula>
    </cfRule>
    <cfRule type="expression" dxfId="1484" priority="1791">
      <formula>AND(AD$94="",AD$95="")</formula>
    </cfRule>
  </conditionalFormatting>
  <conditionalFormatting sqref="AE94:AE95">
    <cfRule type="expression" dxfId="1483" priority="1788">
      <formula>OR(AE$94&lt;&gt;"",AE$95&lt;&gt;"")</formula>
    </cfRule>
    <cfRule type="expression" dxfId="1482" priority="1789">
      <formula>AND(AE$94="",AE$95="")</formula>
    </cfRule>
  </conditionalFormatting>
  <conditionalFormatting sqref="AF94:AF95">
    <cfRule type="expression" dxfId="1481" priority="1786">
      <formula>OR(AF$94&lt;&gt;"",AF$95&lt;&gt;"")</formula>
    </cfRule>
    <cfRule type="expression" dxfId="1480" priority="1787">
      <formula>AND(AF$94="",AF$95="")</formula>
    </cfRule>
  </conditionalFormatting>
  <conditionalFormatting sqref="AG94:AG95">
    <cfRule type="expression" dxfId="1479" priority="1784">
      <formula>OR(AG$94&lt;&gt;"",AG$95&lt;&gt;"")</formula>
    </cfRule>
    <cfRule type="expression" dxfId="1478" priority="1785">
      <formula>AND(AG$94="",AG$95="")</formula>
    </cfRule>
  </conditionalFormatting>
  <conditionalFormatting sqref="AH94:AH95">
    <cfRule type="expression" dxfId="1477" priority="1782">
      <formula>OR(AH$94&lt;&gt;"",AH$95&lt;&gt;"")</formula>
    </cfRule>
    <cfRule type="expression" dxfId="1476" priority="1783">
      <formula>AND(AH$94="",AH$95="")</formula>
    </cfRule>
  </conditionalFormatting>
  <conditionalFormatting sqref="AI94:AI95">
    <cfRule type="expression" dxfId="1475" priority="1780">
      <formula>OR(AI$94&lt;&gt;"",AI$95&lt;&gt;"")</formula>
    </cfRule>
    <cfRule type="expression" dxfId="1474" priority="1781">
      <formula>AND(AI$94="",AI$95="")</formula>
    </cfRule>
  </conditionalFormatting>
  <conditionalFormatting sqref="AJ94:AJ95">
    <cfRule type="expression" dxfId="1473" priority="1778">
      <formula>OR(AJ$94&lt;&gt;"",AJ$95&lt;&gt;"")</formula>
    </cfRule>
    <cfRule type="expression" dxfId="1472" priority="1779">
      <formula>AND(AJ$94="",AJ$95="")</formula>
    </cfRule>
  </conditionalFormatting>
  <conditionalFormatting sqref="AK94:AK95">
    <cfRule type="expression" dxfId="1471" priority="1776">
      <formula>OR(AK$94&lt;&gt;"",AK$95&lt;&gt;"")</formula>
    </cfRule>
    <cfRule type="expression" dxfId="1470" priority="1777">
      <formula>AND(AK$94="",AK$95="")</formula>
    </cfRule>
  </conditionalFormatting>
  <conditionalFormatting sqref="AL94:AL95">
    <cfRule type="expression" dxfId="1469" priority="1774">
      <formula>OR(AL$94&lt;&gt;"",AL$95&lt;&gt;"")</formula>
    </cfRule>
    <cfRule type="expression" dxfId="1468" priority="1775">
      <formula>AND(AL$94="",AL$95="")</formula>
    </cfRule>
  </conditionalFormatting>
  <conditionalFormatting sqref="AM94:AM95">
    <cfRule type="expression" dxfId="1467" priority="1772">
      <formula>OR(AM$94&lt;&gt;"",AM$95&lt;&gt;"")</formula>
    </cfRule>
    <cfRule type="expression" dxfId="1466" priority="1773">
      <formula>AND(AM$94="",AM$95="")</formula>
    </cfRule>
  </conditionalFormatting>
  <conditionalFormatting sqref="AN94:AN95">
    <cfRule type="expression" dxfId="1465" priority="1770">
      <formula>OR(AN$94&lt;&gt;"",AN$95&lt;&gt;"")</formula>
    </cfRule>
    <cfRule type="expression" dxfId="1464" priority="1771">
      <formula>AND(AN$94="",AN$95="")</formula>
    </cfRule>
  </conditionalFormatting>
  <conditionalFormatting sqref="AO94:AO95">
    <cfRule type="expression" dxfId="1463" priority="1768">
      <formula>OR(AO$94&lt;&gt;"",AO$95&lt;&gt;"")</formula>
    </cfRule>
    <cfRule type="expression" dxfId="1462" priority="1769">
      <formula>AND(AO$94="",AO$95="")</formula>
    </cfRule>
  </conditionalFormatting>
  <conditionalFormatting sqref="AP94:AP95">
    <cfRule type="expression" dxfId="1461" priority="1766">
      <formula>OR(AP$94&lt;&gt;"",AP$95&lt;&gt;"")</formula>
    </cfRule>
    <cfRule type="expression" dxfId="1460" priority="1767">
      <formula>AND(AP$94="",AP$95="")</formula>
    </cfRule>
  </conditionalFormatting>
  <conditionalFormatting sqref="AQ94:AQ95">
    <cfRule type="expression" dxfId="1459" priority="1764">
      <formula>OR(AQ$94&lt;&gt;"",AQ$95&lt;&gt;"")</formula>
    </cfRule>
    <cfRule type="expression" dxfId="1458" priority="1765">
      <formula>AND(AQ$94="",AQ$95="")</formula>
    </cfRule>
  </conditionalFormatting>
  <conditionalFormatting sqref="AR94:AR95">
    <cfRule type="expression" dxfId="1457" priority="1762">
      <formula>OR(AR$94&lt;&gt;"",AR$95&lt;&gt;"")</formula>
    </cfRule>
    <cfRule type="expression" dxfId="1456" priority="1763">
      <formula>AND(AR$94="",AR$95="")</formula>
    </cfRule>
  </conditionalFormatting>
  <conditionalFormatting sqref="AS94:AS95">
    <cfRule type="expression" dxfId="1455" priority="1760">
      <formula>OR(AS$94&lt;&gt;"",AS$95&lt;&gt;"")</formula>
    </cfRule>
    <cfRule type="expression" dxfId="1454" priority="1761">
      <formula>AND(AS$94="",AS$95="")</formula>
    </cfRule>
  </conditionalFormatting>
  <conditionalFormatting sqref="AT94:AT95">
    <cfRule type="expression" dxfId="1453" priority="1758">
      <formula>OR(AT$94&lt;&gt;"",AT$95&lt;&gt;"")</formula>
    </cfRule>
    <cfRule type="expression" dxfId="1452" priority="1759">
      <formula>AND(AT$94="",AT$95="")</formula>
    </cfRule>
  </conditionalFormatting>
  <conditionalFormatting sqref="AU94:AU95">
    <cfRule type="expression" dxfId="1451" priority="1756">
      <formula>OR(AU$94&lt;&gt;"",AU$95&lt;&gt;"")</formula>
    </cfRule>
    <cfRule type="expression" dxfId="1450" priority="1757">
      <formula>AND(AU$94="",AU$95="")</formula>
    </cfRule>
  </conditionalFormatting>
  <conditionalFormatting sqref="AV94:AV95">
    <cfRule type="expression" dxfId="1449" priority="1754">
      <formula>OR(AV$94&lt;&gt;"",AV$95&lt;&gt;"")</formula>
    </cfRule>
    <cfRule type="expression" dxfId="1448" priority="1755">
      <formula>AND(AV$94="",AV$95="")</formula>
    </cfRule>
  </conditionalFormatting>
  <conditionalFormatting sqref="AW94:AW95">
    <cfRule type="expression" dxfId="1447" priority="1752">
      <formula>OR(AW$94&lt;&gt;"",AW$95&lt;&gt;"")</formula>
    </cfRule>
    <cfRule type="expression" dxfId="1446" priority="1753">
      <formula>AND(AW$94="",AW$95="")</formula>
    </cfRule>
  </conditionalFormatting>
  <conditionalFormatting sqref="AX94:AX95">
    <cfRule type="expression" dxfId="1445" priority="1750">
      <formula>OR(AX$94&lt;&gt;"",AX$95&lt;&gt;"")</formula>
    </cfRule>
    <cfRule type="expression" dxfId="1444" priority="1751">
      <formula>AND(AX$94="",AX$95="")</formula>
    </cfRule>
  </conditionalFormatting>
  <conditionalFormatting sqref="AY94:AY95">
    <cfRule type="expression" dxfId="1443" priority="1748">
      <formula>OR(AY$94&lt;&gt;"",AY$95&lt;&gt;"")</formula>
    </cfRule>
    <cfRule type="expression" dxfId="1442" priority="1749">
      <formula>AND(AY$94="",AY$95="")</formula>
    </cfRule>
  </conditionalFormatting>
  <conditionalFormatting sqref="AZ94:AZ95">
    <cfRule type="expression" dxfId="1441" priority="1746">
      <formula>OR(AZ$94&lt;&gt;"",AZ$95&lt;&gt;"")</formula>
    </cfRule>
    <cfRule type="expression" dxfId="1440" priority="1747">
      <formula>AND(AZ$94="",AZ$95="")</formula>
    </cfRule>
  </conditionalFormatting>
  <conditionalFormatting sqref="BA94:BA95">
    <cfRule type="expression" dxfId="1439" priority="1744">
      <formula>OR(BA$94&lt;&gt;"",BA$95&lt;&gt;"")</formula>
    </cfRule>
    <cfRule type="expression" dxfId="1438" priority="1745">
      <formula>AND(BA$94="",BA$95="")</formula>
    </cfRule>
  </conditionalFormatting>
  <conditionalFormatting sqref="BB94:BB95">
    <cfRule type="expression" dxfId="1437" priority="1742">
      <formula>OR(BB$94&lt;&gt;"",BB$95&lt;&gt;"")</formula>
    </cfRule>
    <cfRule type="expression" dxfId="1436" priority="1743">
      <formula>AND(BB$94="",BB$95="")</formula>
    </cfRule>
  </conditionalFormatting>
  <conditionalFormatting sqref="BC94:BC95">
    <cfRule type="expression" dxfId="1435" priority="1740">
      <formula>OR(BC$94&lt;&gt;"",BC$95&lt;&gt;"")</formula>
    </cfRule>
    <cfRule type="expression" dxfId="1434" priority="1741">
      <formula>AND(BC$94="",BC$95="")</formula>
    </cfRule>
  </conditionalFormatting>
  <conditionalFormatting sqref="BD94:BD95">
    <cfRule type="expression" dxfId="1433" priority="1738">
      <formula>OR(BD$94&lt;&gt;"",BD$95&lt;&gt;"")</formula>
    </cfRule>
    <cfRule type="expression" dxfId="1432" priority="1739">
      <formula>AND(BD$94="",BD$95="")</formula>
    </cfRule>
  </conditionalFormatting>
  <conditionalFormatting sqref="BE94:BE95">
    <cfRule type="expression" dxfId="1431" priority="1736">
      <formula>OR(BE$94&lt;&gt;"",BE$95&lt;&gt;"")</formula>
    </cfRule>
    <cfRule type="expression" dxfId="1430" priority="1737">
      <formula>AND(BE$94="",BE$95="")</formula>
    </cfRule>
  </conditionalFormatting>
  <conditionalFormatting sqref="BF94:BF95">
    <cfRule type="expression" dxfId="1429" priority="1734">
      <formula>OR(BF$94&lt;&gt;"",BF$95&lt;&gt;"")</formula>
    </cfRule>
    <cfRule type="expression" dxfId="1428" priority="1735">
      <formula>AND(BF$94="",BF$95="")</formula>
    </cfRule>
  </conditionalFormatting>
  <conditionalFormatting sqref="BG94:BG95">
    <cfRule type="expression" dxfId="1427" priority="1732">
      <formula>OR(BG$94&lt;&gt;"",BG$95&lt;&gt;"")</formula>
    </cfRule>
    <cfRule type="expression" dxfId="1426" priority="1733">
      <formula>AND(BG$94="",BG$95="")</formula>
    </cfRule>
  </conditionalFormatting>
  <conditionalFormatting sqref="BH94:BH95">
    <cfRule type="expression" dxfId="1425" priority="1730">
      <formula>OR(BH$94&lt;&gt;"",BH$95&lt;&gt;"")</formula>
    </cfRule>
    <cfRule type="expression" dxfId="1424" priority="1731">
      <formula>AND(BH$94="",BH$95="")</formula>
    </cfRule>
  </conditionalFormatting>
  <conditionalFormatting sqref="BI94:BI95">
    <cfRule type="expression" dxfId="1423" priority="1728">
      <formula>OR(BI$94&lt;&gt;"",BI$95&lt;&gt;"")</formula>
    </cfRule>
    <cfRule type="expression" dxfId="1422" priority="1729">
      <formula>AND(BI$94="",BI$95="")</formula>
    </cfRule>
  </conditionalFormatting>
  <conditionalFormatting sqref="BJ94:BJ95">
    <cfRule type="expression" dxfId="1421" priority="1726">
      <formula>OR(BJ$94&lt;&gt;"",BJ$95&lt;&gt;"")</formula>
    </cfRule>
    <cfRule type="expression" dxfId="1420" priority="1727">
      <formula>AND(BJ$94="",BJ$95="")</formula>
    </cfRule>
  </conditionalFormatting>
  <conditionalFormatting sqref="BK94:BK95">
    <cfRule type="expression" dxfId="1419" priority="1724">
      <formula>OR(BK$94&lt;&gt;"",BK$95&lt;&gt;"")</formula>
    </cfRule>
    <cfRule type="expression" dxfId="1418" priority="1725">
      <formula>AND(BK$94="",BK$95="")</formula>
    </cfRule>
  </conditionalFormatting>
  <conditionalFormatting sqref="BL94:BL95">
    <cfRule type="expression" dxfId="1417" priority="1722">
      <formula>OR(BL$94&lt;&gt;"",BL$95&lt;&gt;"")</formula>
    </cfRule>
    <cfRule type="expression" dxfId="1416" priority="1723">
      <formula>AND(BL$94="",BL$95="")</formula>
    </cfRule>
  </conditionalFormatting>
  <conditionalFormatting sqref="BM94:BM95">
    <cfRule type="expression" dxfId="1415" priority="1720">
      <formula>OR(BM$94&lt;&gt;"",BM$95&lt;&gt;"")</formula>
    </cfRule>
    <cfRule type="expression" dxfId="1414" priority="1721">
      <formula>AND(BM$94="",BM$95="")</formula>
    </cfRule>
  </conditionalFormatting>
  <conditionalFormatting sqref="BN94:BN95">
    <cfRule type="expression" dxfId="1413" priority="1718">
      <formula>OR(BN$94&lt;&gt;"",BN$95&lt;&gt;"")</formula>
    </cfRule>
    <cfRule type="expression" dxfId="1412" priority="1719">
      <formula>AND(BN$94="",BN$95="")</formula>
    </cfRule>
  </conditionalFormatting>
  <conditionalFormatting sqref="BO94:BO95">
    <cfRule type="expression" dxfId="1411" priority="1716">
      <formula>OR(BO$94&lt;&gt;"",BO$95&lt;&gt;"")</formula>
    </cfRule>
    <cfRule type="expression" dxfId="1410" priority="1717">
      <formula>AND(BO$94="",BO$95="")</formula>
    </cfRule>
  </conditionalFormatting>
  <conditionalFormatting sqref="BP94:BP95">
    <cfRule type="expression" dxfId="1409" priority="1714">
      <formula>OR(BP$94&lt;&gt;"",BP$95&lt;&gt;"")</formula>
    </cfRule>
    <cfRule type="expression" dxfId="1408" priority="1715">
      <formula>AND(BP$94="",BP$95="")</formula>
    </cfRule>
  </conditionalFormatting>
  <conditionalFormatting sqref="BQ94:BQ95">
    <cfRule type="expression" dxfId="1407" priority="1712">
      <formula>OR(BQ$94&lt;&gt;"",BQ$95&lt;&gt;"")</formula>
    </cfRule>
    <cfRule type="expression" dxfId="1406" priority="1713">
      <formula>AND(BQ$94="",BQ$95="")</formula>
    </cfRule>
  </conditionalFormatting>
  <conditionalFormatting sqref="BR94:BR95">
    <cfRule type="expression" dxfId="1405" priority="1710">
      <formula>OR(BR$94&lt;&gt;"",BR$95&lt;&gt;"")</formula>
    </cfRule>
    <cfRule type="expression" dxfId="1404" priority="1711">
      <formula>AND(BR$94="",BR$95="")</formula>
    </cfRule>
  </conditionalFormatting>
  <conditionalFormatting sqref="BS94:BS95">
    <cfRule type="expression" dxfId="1403" priority="1708">
      <formula>OR(BS$94&lt;&gt;"",BS$95&lt;&gt;"")</formula>
    </cfRule>
    <cfRule type="expression" dxfId="1402" priority="1709">
      <formula>AND(BS$94="",BS$95="")</formula>
    </cfRule>
  </conditionalFormatting>
  <conditionalFormatting sqref="N268:N284">
    <cfRule type="expression" dxfId="1401" priority="1707">
      <formula>AND(N$266="",N$267="")</formula>
    </cfRule>
  </conditionalFormatting>
  <conditionalFormatting sqref="M268:M284">
    <cfRule type="expression" dxfId="1400" priority="1705">
      <formula>AND($M$266="",$M$267="")</formula>
    </cfRule>
  </conditionalFormatting>
  <conditionalFormatting sqref="M268">
    <cfRule type="expression" dxfId="1399" priority="1704">
      <formula>OR($M$266&lt;&gt;"",$M$267&lt;&gt;"")</formula>
    </cfRule>
  </conditionalFormatting>
  <conditionalFormatting sqref="M284">
    <cfRule type="expression" dxfId="1398" priority="1703">
      <formula>OR($M$266&lt;&gt;"",$M$267&lt;&gt;"")</formula>
    </cfRule>
  </conditionalFormatting>
  <conditionalFormatting sqref="N284">
    <cfRule type="expression" dxfId="1397" priority="1706">
      <formula>OR(N$266&lt;&gt;"",N$267&lt;&gt;"")</formula>
    </cfRule>
  </conditionalFormatting>
  <conditionalFormatting sqref="N268">
    <cfRule type="expression" dxfId="1396" priority="1702">
      <formula>OR(N$266&lt;&gt;"",N$267&lt;&gt;"")</formula>
    </cfRule>
  </conditionalFormatting>
  <conditionalFormatting sqref="N269:N283">
    <cfRule type="expression" dxfId="1395" priority="1701">
      <formula>OR(N$266&lt;&gt;"",N$267&lt;&gt;"")</formula>
    </cfRule>
  </conditionalFormatting>
  <conditionalFormatting sqref="O266:O267">
    <cfRule type="expression" dxfId="1394" priority="1699">
      <formula>OR(O$266&lt;&gt;"",O$267&lt;&gt;"")</formula>
    </cfRule>
    <cfRule type="expression" dxfId="1393" priority="1700">
      <formula>AND(O$266="",O$267="")</formula>
    </cfRule>
  </conditionalFormatting>
  <conditionalFormatting sqref="O268:O284">
    <cfRule type="expression" dxfId="1392" priority="1698">
      <formula>AND(O$266="",O$267="")</formula>
    </cfRule>
  </conditionalFormatting>
  <conditionalFormatting sqref="O284">
    <cfRule type="expression" dxfId="1391" priority="1697">
      <formula>OR(O$266&lt;&gt;"",O$267&lt;&gt;"")</formula>
    </cfRule>
  </conditionalFormatting>
  <conditionalFormatting sqref="O268">
    <cfRule type="expression" dxfId="1390" priority="1696">
      <formula>OR(O$266&lt;&gt;"",O$267&lt;&gt;"")</formula>
    </cfRule>
  </conditionalFormatting>
  <conditionalFormatting sqref="O269:O283">
    <cfRule type="expression" dxfId="1389" priority="1695">
      <formula>OR(O$266&lt;&gt;"",O$267&lt;&gt;"")</formula>
    </cfRule>
  </conditionalFormatting>
  <conditionalFormatting sqref="P266:P267">
    <cfRule type="expression" dxfId="1388" priority="1693">
      <formula>OR(P$266&lt;&gt;"",P$267&lt;&gt;"")</formula>
    </cfRule>
    <cfRule type="expression" dxfId="1387" priority="1694">
      <formula>AND(P$266="",P$267="")</formula>
    </cfRule>
  </conditionalFormatting>
  <conditionalFormatting sqref="P268:P284">
    <cfRule type="expression" dxfId="1386" priority="1692">
      <formula>AND(P$266="",P$267="")</formula>
    </cfRule>
  </conditionalFormatting>
  <conditionalFormatting sqref="P284">
    <cfRule type="expression" dxfId="1385" priority="1691">
      <formula>OR(P$266&lt;&gt;"",P$267&lt;&gt;"")</formula>
    </cfRule>
  </conditionalFormatting>
  <conditionalFormatting sqref="P268">
    <cfRule type="expression" dxfId="1384" priority="1690">
      <formula>OR(P$266&lt;&gt;"",P$267&lt;&gt;"")</formula>
    </cfRule>
  </conditionalFormatting>
  <conditionalFormatting sqref="P269:P283">
    <cfRule type="expression" dxfId="1383" priority="1689">
      <formula>OR(P$266&lt;&gt;"",P$267&lt;&gt;"")</formula>
    </cfRule>
  </conditionalFormatting>
  <conditionalFormatting sqref="Q266:Q267">
    <cfRule type="expression" dxfId="1382" priority="1687">
      <formula>OR(Q$266&lt;&gt;"",Q$267&lt;&gt;"")</formula>
    </cfRule>
    <cfRule type="expression" dxfId="1381" priority="1688">
      <formula>AND(Q$266="",Q$267="")</formula>
    </cfRule>
  </conditionalFormatting>
  <conditionalFormatting sqref="Q268:Q284">
    <cfRule type="expression" dxfId="1380" priority="1686">
      <formula>AND(Q$266="",Q$267="")</formula>
    </cfRule>
  </conditionalFormatting>
  <conditionalFormatting sqref="Q284">
    <cfRule type="expression" dxfId="1379" priority="1685">
      <formula>OR(Q$266&lt;&gt;"",Q$267&lt;&gt;"")</formula>
    </cfRule>
  </conditionalFormatting>
  <conditionalFormatting sqref="Q268">
    <cfRule type="expression" dxfId="1378" priority="1684">
      <formula>OR(Q$266&lt;&gt;"",Q$267&lt;&gt;"")</formula>
    </cfRule>
  </conditionalFormatting>
  <conditionalFormatting sqref="Q269:Q283">
    <cfRule type="expression" dxfId="1377" priority="1683">
      <formula>OR(Q$266&lt;&gt;"",Q$267&lt;&gt;"")</formula>
    </cfRule>
  </conditionalFormatting>
  <conditionalFormatting sqref="R266:R267">
    <cfRule type="expression" dxfId="1376" priority="1681">
      <formula>OR(R$266&lt;&gt;"",R$267&lt;&gt;"")</formula>
    </cfRule>
    <cfRule type="expression" dxfId="1375" priority="1682">
      <formula>AND(R$266="",R$267="")</formula>
    </cfRule>
  </conditionalFormatting>
  <conditionalFormatting sqref="R268:R284">
    <cfRule type="expression" dxfId="1374" priority="1680">
      <formula>AND(R$266="",R$267="")</formula>
    </cfRule>
  </conditionalFormatting>
  <conditionalFormatting sqref="R284">
    <cfRule type="expression" dxfId="1373" priority="1679">
      <formula>OR(R$266&lt;&gt;"",R$267&lt;&gt;"")</formula>
    </cfRule>
  </conditionalFormatting>
  <conditionalFormatting sqref="R268">
    <cfRule type="expression" dxfId="1372" priority="1678">
      <formula>OR(R$266&lt;&gt;"",R$267&lt;&gt;"")</formula>
    </cfRule>
  </conditionalFormatting>
  <conditionalFormatting sqref="R269:R283">
    <cfRule type="expression" dxfId="1371" priority="1677">
      <formula>OR(R$266&lt;&gt;"",R$267&lt;&gt;"")</formula>
    </cfRule>
  </conditionalFormatting>
  <conditionalFormatting sqref="S266:S267">
    <cfRule type="expression" dxfId="1370" priority="1675">
      <formula>OR(S$266&lt;&gt;"",S$267&lt;&gt;"")</formula>
    </cfRule>
    <cfRule type="expression" dxfId="1369" priority="1676">
      <formula>AND(S$266="",S$267="")</formula>
    </cfRule>
  </conditionalFormatting>
  <conditionalFormatting sqref="S268:S284">
    <cfRule type="expression" dxfId="1368" priority="1674">
      <formula>AND(S$266="",S$267="")</formula>
    </cfRule>
  </conditionalFormatting>
  <conditionalFormatting sqref="S284">
    <cfRule type="expression" dxfId="1367" priority="1673">
      <formula>OR(S$266&lt;&gt;"",S$267&lt;&gt;"")</formula>
    </cfRule>
  </conditionalFormatting>
  <conditionalFormatting sqref="S268">
    <cfRule type="expression" dxfId="1366" priority="1672">
      <formula>OR(S$266&lt;&gt;"",S$267&lt;&gt;"")</formula>
    </cfRule>
  </conditionalFormatting>
  <conditionalFormatting sqref="S269:S283">
    <cfRule type="expression" dxfId="1365" priority="1671">
      <formula>OR(S$266&lt;&gt;"",S$267&lt;&gt;"")</formula>
    </cfRule>
  </conditionalFormatting>
  <conditionalFormatting sqref="T266:T267">
    <cfRule type="expression" dxfId="1364" priority="1669">
      <formula>OR(T$266&lt;&gt;"",T$267&lt;&gt;"")</formula>
    </cfRule>
    <cfRule type="expression" dxfId="1363" priority="1670">
      <formula>AND(T$266="",T$267="")</formula>
    </cfRule>
  </conditionalFormatting>
  <conditionalFormatting sqref="T268:T284">
    <cfRule type="expression" dxfId="1362" priority="1668">
      <formula>AND(T$266="",T$267="")</formula>
    </cfRule>
  </conditionalFormatting>
  <conditionalFormatting sqref="T284">
    <cfRule type="expression" dxfId="1361" priority="1667">
      <formula>OR(T$266&lt;&gt;"",T$267&lt;&gt;"")</formula>
    </cfRule>
  </conditionalFormatting>
  <conditionalFormatting sqref="T268">
    <cfRule type="expression" dxfId="1360" priority="1666">
      <formula>OR(T$266&lt;&gt;"",T$267&lt;&gt;"")</formula>
    </cfRule>
  </conditionalFormatting>
  <conditionalFormatting sqref="T269:T283">
    <cfRule type="expression" dxfId="1359" priority="1665">
      <formula>OR(T$266&lt;&gt;"",T$267&lt;&gt;"")</formula>
    </cfRule>
  </conditionalFormatting>
  <conditionalFormatting sqref="U266:U267">
    <cfRule type="expression" dxfId="1358" priority="1663">
      <formula>OR(U$266&lt;&gt;"",U$267&lt;&gt;"")</formula>
    </cfRule>
    <cfRule type="expression" dxfId="1357" priority="1664">
      <formula>AND(U$266="",U$267="")</formula>
    </cfRule>
  </conditionalFormatting>
  <conditionalFormatting sqref="U268:U284">
    <cfRule type="expression" dxfId="1356" priority="1662">
      <formula>AND(U$266="",U$267="")</formula>
    </cfRule>
  </conditionalFormatting>
  <conditionalFormatting sqref="U284">
    <cfRule type="expression" dxfId="1355" priority="1661">
      <formula>OR(U$266&lt;&gt;"",U$267&lt;&gt;"")</formula>
    </cfRule>
  </conditionalFormatting>
  <conditionalFormatting sqref="U268">
    <cfRule type="expression" dxfId="1354" priority="1660">
      <formula>OR(U$266&lt;&gt;"",U$267&lt;&gt;"")</formula>
    </cfRule>
  </conditionalFormatting>
  <conditionalFormatting sqref="U269:U283">
    <cfRule type="expression" dxfId="1353" priority="1659">
      <formula>OR(U$266&lt;&gt;"",U$267&lt;&gt;"")</formula>
    </cfRule>
  </conditionalFormatting>
  <conditionalFormatting sqref="V266:V267">
    <cfRule type="expression" dxfId="1352" priority="1657">
      <formula>OR(V$266&lt;&gt;"",V$267&lt;&gt;"")</formula>
    </cfRule>
    <cfRule type="expression" dxfId="1351" priority="1658">
      <formula>AND(V$266="",V$267="")</formula>
    </cfRule>
  </conditionalFormatting>
  <conditionalFormatting sqref="V268:V284">
    <cfRule type="expression" dxfId="1350" priority="1656">
      <formula>AND(V$266="",V$267="")</formula>
    </cfRule>
  </conditionalFormatting>
  <conditionalFormatting sqref="V284">
    <cfRule type="expression" dxfId="1349" priority="1655">
      <formula>OR(V$266&lt;&gt;"",V$267&lt;&gt;"")</formula>
    </cfRule>
  </conditionalFormatting>
  <conditionalFormatting sqref="V268">
    <cfRule type="expression" dxfId="1348" priority="1654">
      <formula>OR(V$266&lt;&gt;"",V$267&lt;&gt;"")</formula>
    </cfRule>
  </conditionalFormatting>
  <conditionalFormatting sqref="V269:V283">
    <cfRule type="expression" dxfId="1347" priority="1653">
      <formula>OR(V$266&lt;&gt;"",V$267&lt;&gt;"")</formula>
    </cfRule>
  </conditionalFormatting>
  <conditionalFormatting sqref="W266:W267">
    <cfRule type="expression" dxfId="1346" priority="1651">
      <formula>OR(W$266&lt;&gt;"",W$267&lt;&gt;"")</formula>
    </cfRule>
    <cfRule type="expression" dxfId="1345" priority="1652">
      <formula>AND(W$266="",W$267="")</formula>
    </cfRule>
  </conditionalFormatting>
  <conditionalFormatting sqref="W268:W284">
    <cfRule type="expression" dxfId="1344" priority="1650">
      <formula>AND(W$266="",W$267="")</formula>
    </cfRule>
  </conditionalFormatting>
  <conditionalFormatting sqref="W284">
    <cfRule type="expression" dxfId="1343" priority="1649">
      <formula>OR(W$266&lt;&gt;"",W$267&lt;&gt;"")</formula>
    </cfRule>
  </conditionalFormatting>
  <conditionalFormatting sqref="W268">
    <cfRule type="expression" dxfId="1342" priority="1648">
      <formula>OR(W$266&lt;&gt;"",W$267&lt;&gt;"")</formula>
    </cfRule>
  </conditionalFormatting>
  <conditionalFormatting sqref="W269:W283">
    <cfRule type="expression" dxfId="1341" priority="1647">
      <formula>OR(W$266&lt;&gt;"",W$267&lt;&gt;"")</formula>
    </cfRule>
  </conditionalFormatting>
  <conditionalFormatting sqref="X266:X267">
    <cfRule type="expression" dxfId="1340" priority="1645">
      <formula>OR(X$266&lt;&gt;"",X$267&lt;&gt;"")</formula>
    </cfRule>
    <cfRule type="expression" dxfId="1339" priority="1646">
      <formula>AND(X$266="",X$267="")</formula>
    </cfRule>
  </conditionalFormatting>
  <conditionalFormatting sqref="X268:X284">
    <cfRule type="expression" dxfId="1338" priority="1644">
      <formula>AND(X$266="",X$267="")</formula>
    </cfRule>
  </conditionalFormatting>
  <conditionalFormatting sqref="X284">
    <cfRule type="expression" dxfId="1337" priority="1643">
      <formula>OR(X$266&lt;&gt;"",X$267&lt;&gt;"")</formula>
    </cfRule>
  </conditionalFormatting>
  <conditionalFormatting sqref="X268">
    <cfRule type="expression" dxfId="1336" priority="1642">
      <formula>OR(X$266&lt;&gt;"",X$267&lt;&gt;"")</formula>
    </cfRule>
  </conditionalFormatting>
  <conditionalFormatting sqref="X269:X283">
    <cfRule type="expression" dxfId="1335" priority="1641">
      <formula>OR(X$266&lt;&gt;"",X$267&lt;&gt;"")</formula>
    </cfRule>
  </conditionalFormatting>
  <conditionalFormatting sqref="Y266:Y267">
    <cfRule type="expression" dxfId="1334" priority="1639">
      <formula>OR(Y$266&lt;&gt;"",Y$267&lt;&gt;"")</formula>
    </cfRule>
    <cfRule type="expression" dxfId="1333" priority="1640">
      <formula>AND(Y$266="",Y$267="")</formula>
    </cfRule>
  </conditionalFormatting>
  <conditionalFormatting sqref="Y268:Y284">
    <cfRule type="expression" dxfId="1332" priority="1638">
      <formula>AND(Y$266="",Y$267="")</formula>
    </cfRule>
  </conditionalFormatting>
  <conditionalFormatting sqref="Y284">
    <cfRule type="expression" dxfId="1331" priority="1637">
      <formula>OR(Y$266&lt;&gt;"",Y$267&lt;&gt;"")</formula>
    </cfRule>
  </conditionalFormatting>
  <conditionalFormatting sqref="Y268">
    <cfRule type="expression" dxfId="1330" priority="1636">
      <formula>OR(Y$266&lt;&gt;"",Y$267&lt;&gt;"")</formula>
    </cfRule>
  </conditionalFormatting>
  <conditionalFormatting sqref="Y269:Y283">
    <cfRule type="expression" dxfId="1329" priority="1635">
      <formula>OR(Y$266&lt;&gt;"",Y$267&lt;&gt;"")</formula>
    </cfRule>
  </conditionalFormatting>
  <conditionalFormatting sqref="Z266:Z267">
    <cfRule type="expression" dxfId="1328" priority="1633">
      <formula>OR(Z$266&lt;&gt;"",Z$267&lt;&gt;"")</formula>
    </cfRule>
    <cfRule type="expression" dxfId="1327" priority="1634">
      <formula>AND(Z$266="",Z$267="")</formula>
    </cfRule>
  </conditionalFormatting>
  <conditionalFormatting sqref="Z268:Z284">
    <cfRule type="expression" dxfId="1326" priority="1632">
      <formula>AND(Z$266="",Z$267="")</formula>
    </cfRule>
  </conditionalFormatting>
  <conditionalFormatting sqref="Z284">
    <cfRule type="expression" dxfId="1325" priority="1631">
      <formula>OR(Z$266&lt;&gt;"",Z$267&lt;&gt;"")</formula>
    </cfRule>
  </conditionalFormatting>
  <conditionalFormatting sqref="Z268">
    <cfRule type="expression" dxfId="1324" priority="1630">
      <formula>OR(Z$266&lt;&gt;"",Z$267&lt;&gt;"")</formula>
    </cfRule>
  </conditionalFormatting>
  <conditionalFormatting sqref="Z269:Z283">
    <cfRule type="expression" dxfId="1323" priority="1629">
      <formula>OR(Z$266&lt;&gt;"",Z$267&lt;&gt;"")</formula>
    </cfRule>
  </conditionalFormatting>
  <conditionalFormatting sqref="AA266:AA267">
    <cfRule type="expression" dxfId="1322" priority="1627">
      <formula>OR(AA$266&lt;&gt;"",AA$267&lt;&gt;"")</formula>
    </cfRule>
    <cfRule type="expression" dxfId="1321" priority="1628">
      <formula>AND(AA$266="",AA$267="")</formula>
    </cfRule>
  </conditionalFormatting>
  <conditionalFormatting sqref="AA268:AA284">
    <cfRule type="expression" dxfId="1320" priority="1626">
      <formula>AND(AA$266="",AA$267="")</formula>
    </cfRule>
  </conditionalFormatting>
  <conditionalFormatting sqref="AA284">
    <cfRule type="expression" dxfId="1319" priority="1625">
      <formula>OR(AA$266&lt;&gt;"",AA$267&lt;&gt;"")</formula>
    </cfRule>
  </conditionalFormatting>
  <conditionalFormatting sqref="AA268">
    <cfRule type="expression" dxfId="1318" priority="1624">
      <formula>OR(AA$266&lt;&gt;"",AA$267&lt;&gt;"")</formula>
    </cfRule>
  </conditionalFormatting>
  <conditionalFormatting sqref="AA269:AA283">
    <cfRule type="expression" dxfId="1317" priority="1623">
      <formula>OR(AA$266&lt;&gt;"",AA$267&lt;&gt;"")</formula>
    </cfRule>
  </conditionalFormatting>
  <conditionalFormatting sqref="AB266:AB267">
    <cfRule type="expression" dxfId="1316" priority="1621">
      <formula>OR(AB$266&lt;&gt;"",AB$267&lt;&gt;"")</formula>
    </cfRule>
    <cfRule type="expression" dxfId="1315" priority="1622">
      <formula>AND(AB$266="",AB$267="")</formula>
    </cfRule>
  </conditionalFormatting>
  <conditionalFormatting sqref="AB268:AB284">
    <cfRule type="expression" dxfId="1314" priority="1620">
      <formula>AND(AB$266="",AB$267="")</formula>
    </cfRule>
  </conditionalFormatting>
  <conditionalFormatting sqref="AB284">
    <cfRule type="expression" dxfId="1313" priority="1619">
      <formula>OR(AB$266&lt;&gt;"",AB$267&lt;&gt;"")</formula>
    </cfRule>
  </conditionalFormatting>
  <conditionalFormatting sqref="AB268">
    <cfRule type="expression" dxfId="1312" priority="1618">
      <formula>OR(AB$266&lt;&gt;"",AB$267&lt;&gt;"")</formula>
    </cfRule>
  </conditionalFormatting>
  <conditionalFormatting sqref="AB269:AB283">
    <cfRule type="expression" dxfId="1311" priority="1617">
      <formula>OR(AB$266&lt;&gt;"",AB$267&lt;&gt;"")</formula>
    </cfRule>
  </conditionalFormatting>
  <conditionalFormatting sqref="AC266:AC267">
    <cfRule type="expression" dxfId="1310" priority="1615">
      <formula>OR(AC$266&lt;&gt;"",AC$267&lt;&gt;"")</formula>
    </cfRule>
    <cfRule type="expression" dxfId="1309" priority="1616">
      <formula>AND(AC$266="",AC$267="")</formula>
    </cfRule>
  </conditionalFormatting>
  <conditionalFormatting sqref="AC268:AC284">
    <cfRule type="expression" dxfId="1308" priority="1614">
      <formula>AND(AC$266="",AC$267="")</formula>
    </cfRule>
  </conditionalFormatting>
  <conditionalFormatting sqref="AC284">
    <cfRule type="expression" dxfId="1307" priority="1613">
      <formula>OR(AC$266&lt;&gt;"",AC$267&lt;&gt;"")</formula>
    </cfRule>
  </conditionalFormatting>
  <conditionalFormatting sqref="AC268">
    <cfRule type="expression" dxfId="1306" priority="1612">
      <formula>OR(AC$266&lt;&gt;"",AC$267&lt;&gt;"")</formula>
    </cfRule>
  </conditionalFormatting>
  <conditionalFormatting sqref="AC269:AC283">
    <cfRule type="expression" dxfId="1305" priority="1611">
      <formula>OR(AC$266&lt;&gt;"",AC$267&lt;&gt;"")</formula>
    </cfRule>
  </conditionalFormatting>
  <conditionalFormatting sqref="AD266:AD267">
    <cfRule type="expression" dxfId="1304" priority="1609">
      <formula>OR(AD$266&lt;&gt;"",AD$267&lt;&gt;"")</formula>
    </cfRule>
    <cfRule type="expression" dxfId="1303" priority="1610">
      <formula>AND(AD$266="",AD$267="")</formula>
    </cfRule>
  </conditionalFormatting>
  <conditionalFormatting sqref="AD268:AD284">
    <cfRule type="expression" dxfId="1302" priority="1608">
      <formula>AND(AD$266="",AD$267="")</formula>
    </cfRule>
  </conditionalFormatting>
  <conditionalFormatting sqref="AD284">
    <cfRule type="expression" dxfId="1301" priority="1607">
      <formula>OR(AD$266&lt;&gt;"",AD$267&lt;&gt;"")</formula>
    </cfRule>
  </conditionalFormatting>
  <conditionalFormatting sqref="AD268">
    <cfRule type="expression" dxfId="1300" priority="1606">
      <formula>OR(AD$266&lt;&gt;"",AD$267&lt;&gt;"")</formula>
    </cfRule>
  </conditionalFormatting>
  <conditionalFormatting sqref="AD269:AD283">
    <cfRule type="expression" dxfId="1299" priority="1605">
      <formula>OR(AD$266&lt;&gt;"",AD$267&lt;&gt;"")</formula>
    </cfRule>
  </conditionalFormatting>
  <conditionalFormatting sqref="AE266:AE267">
    <cfRule type="expression" dxfId="1298" priority="1603">
      <formula>OR(AE$266&lt;&gt;"",AE$267&lt;&gt;"")</formula>
    </cfRule>
    <cfRule type="expression" dxfId="1297" priority="1604">
      <formula>AND(AE$266="",AE$267="")</formula>
    </cfRule>
  </conditionalFormatting>
  <conditionalFormatting sqref="AE268:AE284">
    <cfRule type="expression" dxfId="1296" priority="1602">
      <formula>AND(AE$266="",AE$267="")</formula>
    </cfRule>
  </conditionalFormatting>
  <conditionalFormatting sqref="AE284">
    <cfRule type="expression" dxfId="1295" priority="1601">
      <formula>OR(AE$266&lt;&gt;"",AE$267&lt;&gt;"")</formula>
    </cfRule>
  </conditionalFormatting>
  <conditionalFormatting sqref="AE268">
    <cfRule type="expression" dxfId="1294" priority="1600">
      <formula>OR(AE$266&lt;&gt;"",AE$267&lt;&gt;"")</formula>
    </cfRule>
  </conditionalFormatting>
  <conditionalFormatting sqref="AE269:AE283">
    <cfRule type="expression" dxfId="1293" priority="1599">
      <formula>OR(AE$266&lt;&gt;"",AE$267&lt;&gt;"")</formula>
    </cfRule>
  </conditionalFormatting>
  <conditionalFormatting sqref="AF266:AF267">
    <cfRule type="expression" dxfId="1292" priority="1597">
      <formula>OR(AF$266&lt;&gt;"",AF$267&lt;&gt;"")</formula>
    </cfRule>
    <cfRule type="expression" dxfId="1291" priority="1598">
      <formula>AND(AF$266="",AF$267="")</formula>
    </cfRule>
  </conditionalFormatting>
  <conditionalFormatting sqref="AF268:AF284">
    <cfRule type="expression" dxfId="1290" priority="1596">
      <formula>AND(AF$266="",AF$267="")</formula>
    </cfRule>
  </conditionalFormatting>
  <conditionalFormatting sqref="AF284">
    <cfRule type="expression" dxfId="1289" priority="1595">
      <formula>OR(AF$266&lt;&gt;"",AF$267&lt;&gt;"")</formula>
    </cfRule>
  </conditionalFormatting>
  <conditionalFormatting sqref="AF268">
    <cfRule type="expression" dxfId="1288" priority="1594">
      <formula>OR(AF$266&lt;&gt;"",AF$267&lt;&gt;"")</formula>
    </cfRule>
  </conditionalFormatting>
  <conditionalFormatting sqref="AF269:AF283">
    <cfRule type="expression" dxfId="1287" priority="1593">
      <formula>OR(AF$266&lt;&gt;"",AF$267&lt;&gt;"")</formula>
    </cfRule>
  </conditionalFormatting>
  <conditionalFormatting sqref="AG266:AG267">
    <cfRule type="expression" dxfId="1286" priority="1591">
      <formula>OR(AG$266&lt;&gt;"",AG$267&lt;&gt;"")</formula>
    </cfRule>
    <cfRule type="expression" dxfId="1285" priority="1592">
      <formula>AND(AG$266="",AG$267="")</formula>
    </cfRule>
  </conditionalFormatting>
  <conditionalFormatting sqref="AG268:AG284">
    <cfRule type="expression" dxfId="1284" priority="1590">
      <formula>AND(AG$266="",AG$267="")</formula>
    </cfRule>
  </conditionalFormatting>
  <conditionalFormatting sqref="AG284">
    <cfRule type="expression" dxfId="1283" priority="1589">
      <formula>OR(AG$266&lt;&gt;"",AG$267&lt;&gt;"")</formula>
    </cfRule>
  </conditionalFormatting>
  <conditionalFormatting sqref="AG268">
    <cfRule type="expression" dxfId="1282" priority="1588">
      <formula>OR(AG$266&lt;&gt;"",AG$267&lt;&gt;"")</formula>
    </cfRule>
  </conditionalFormatting>
  <conditionalFormatting sqref="AG269:AG283">
    <cfRule type="expression" dxfId="1281" priority="1587">
      <formula>OR(AG$266&lt;&gt;"",AG$267&lt;&gt;"")</formula>
    </cfRule>
  </conditionalFormatting>
  <conditionalFormatting sqref="AH266:AH267">
    <cfRule type="expression" dxfId="1280" priority="1585">
      <formula>OR(AH$266&lt;&gt;"",AH$267&lt;&gt;"")</formula>
    </cfRule>
    <cfRule type="expression" dxfId="1279" priority="1586">
      <formula>AND(AH$266="",AH$267="")</formula>
    </cfRule>
  </conditionalFormatting>
  <conditionalFormatting sqref="AH268:AH284">
    <cfRule type="expression" dxfId="1278" priority="1584">
      <formula>AND(AH$266="",AH$267="")</formula>
    </cfRule>
  </conditionalFormatting>
  <conditionalFormatting sqref="AH284">
    <cfRule type="expression" dxfId="1277" priority="1583">
      <formula>OR(AH$266&lt;&gt;"",AH$267&lt;&gt;"")</formula>
    </cfRule>
  </conditionalFormatting>
  <conditionalFormatting sqref="AH268">
    <cfRule type="expression" dxfId="1276" priority="1582">
      <formula>OR(AH$266&lt;&gt;"",AH$267&lt;&gt;"")</formula>
    </cfRule>
  </conditionalFormatting>
  <conditionalFormatting sqref="AH269:AH283">
    <cfRule type="expression" dxfId="1275" priority="1581">
      <formula>OR(AH$266&lt;&gt;"",AH$267&lt;&gt;"")</formula>
    </cfRule>
  </conditionalFormatting>
  <conditionalFormatting sqref="AI266:AI267">
    <cfRule type="expression" dxfId="1274" priority="1579">
      <formula>OR(AI$266&lt;&gt;"",AI$267&lt;&gt;"")</formula>
    </cfRule>
    <cfRule type="expression" dxfId="1273" priority="1580">
      <formula>AND(AI$266="",AI$267="")</formula>
    </cfRule>
  </conditionalFormatting>
  <conditionalFormatting sqref="AI268:AI284">
    <cfRule type="expression" dxfId="1272" priority="1578">
      <formula>AND(AI$266="",AI$267="")</formula>
    </cfRule>
  </conditionalFormatting>
  <conditionalFormatting sqref="AI284">
    <cfRule type="expression" dxfId="1271" priority="1577">
      <formula>OR(AI$266&lt;&gt;"",AI$267&lt;&gt;"")</formula>
    </cfRule>
  </conditionalFormatting>
  <conditionalFormatting sqref="AI268">
    <cfRule type="expression" dxfId="1270" priority="1576">
      <formula>OR(AI$266&lt;&gt;"",AI$267&lt;&gt;"")</formula>
    </cfRule>
  </conditionalFormatting>
  <conditionalFormatting sqref="AI269:AI283">
    <cfRule type="expression" dxfId="1269" priority="1575">
      <formula>OR(AI$266&lt;&gt;"",AI$267&lt;&gt;"")</formula>
    </cfRule>
  </conditionalFormatting>
  <conditionalFormatting sqref="AJ266:AJ267">
    <cfRule type="expression" dxfId="1268" priority="1573">
      <formula>OR(AJ$266&lt;&gt;"",AJ$267&lt;&gt;"")</formula>
    </cfRule>
    <cfRule type="expression" dxfId="1267" priority="1574">
      <formula>AND(AJ$266="",AJ$267="")</formula>
    </cfRule>
  </conditionalFormatting>
  <conditionalFormatting sqref="AJ268:AJ284">
    <cfRule type="expression" dxfId="1266" priority="1572">
      <formula>AND(AJ$266="",AJ$267="")</formula>
    </cfRule>
  </conditionalFormatting>
  <conditionalFormatting sqref="AJ284">
    <cfRule type="expression" dxfId="1265" priority="1571">
      <formula>OR(AJ$266&lt;&gt;"",AJ$267&lt;&gt;"")</formula>
    </cfRule>
  </conditionalFormatting>
  <conditionalFormatting sqref="AJ268">
    <cfRule type="expression" dxfId="1264" priority="1570">
      <formula>OR(AJ$266&lt;&gt;"",AJ$267&lt;&gt;"")</formula>
    </cfRule>
  </conditionalFormatting>
  <conditionalFormatting sqref="AJ269:AJ283">
    <cfRule type="expression" dxfId="1263" priority="1569">
      <formula>OR(AJ$266&lt;&gt;"",AJ$267&lt;&gt;"")</formula>
    </cfRule>
  </conditionalFormatting>
  <conditionalFormatting sqref="AK266:AK267">
    <cfRule type="expression" dxfId="1262" priority="1567">
      <formula>OR(AK$266&lt;&gt;"",AK$267&lt;&gt;"")</formula>
    </cfRule>
    <cfRule type="expression" dxfId="1261" priority="1568">
      <formula>AND(AK$266="",AK$267="")</formula>
    </cfRule>
  </conditionalFormatting>
  <conditionalFormatting sqref="AK268:AK284">
    <cfRule type="expression" dxfId="1260" priority="1566">
      <formula>AND(AK$266="",AK$267="")</formula>
    </cfRule>
  </conditionalFormatting>
  <conditionalFormatting sqref="AK284">
    <cfRule type="expression" dxfId="1259" priority="1565">
      <formula>OR(AK$266&lt;&gt;"",AK$267&lt;&gt;"")</formula>
    </cfRule>
  </conditionalFormatting>
  <conditionalFormatting sqref="AK268">
    <cfRule type="expression" dxfId="1258" priority="1564">
      <formula>OR(AK$266&lt;&gt;"",AK$267&lt;&gt;"")</formula>
    </cfRule>
  </conditionalFormatting>
  <conditionalFormatting sqref="AK269:AK283">
    <cfRule type="expression" dxfId="1257" priority="1563">
      <formula>OR(AK$266&lt;&gt;"",AK$267&lt;&gt;"")</formula>
    </cfRule>
  </conditionalFormatting>
  <conditionalFormatting sqref="AL266:AL267">
    <cfRule type="expression" dxfId="1256" priority="1561">
      <formula>OR(AL$266&lt;&gt;"",AL$267&lt;&gt;"")</formula>
    </cfRule>
    <cfRule type="expression" dxfId="1255" priority="1562">
      <formula>AND(AL$266="",AL$267="")</formula>
    </cfRule>
  </conditionalFormatting>
  <conditionalFormatting sqref="AL268:AL284">
    <cfRule type="expression" dxfId="1254" priority="1560">
      <formula>AND(AL$266="",AL$267="")</formula>
    </cfRule>
  </conditionalFormatting>
  <conditionalFormatting sqref="AL284">
    <cfRule type="expression" dxfId="1253" priority="1559">
      <formula>OR(AL$266&lt;&gt;"",AL$267&lt;&gt;"")</formula>
    </cfRule>
  </conditionalFormatting>
  <conditionalFormatting sqref="AL268">
    <cfRule type="expression" dxfId="1252" priority="1558">
      <formula>OR(AL$266&lt;&gt;"",AL$267&lt;&gt;"")</formula>
    </cfRule>
  </conditionalFormatting>
  <conditionalFormatting sqref="AL269:AL283">
    <cfRule type="expression" dxfId="1251" priority="1557">
      <formula>OR(AL$266&lt;&gt;"",AL$267&lt;&gt;"")</formula>
    </cfRule>
  </conditionalFormatting>
  <conditionalFormatting sqref="AM266:AM267">
    <cfRule type="expression" dxfId="1250" priority="1555">
      <formula>OR(AM$266&lt;&gt;"",AM$267&lt;&gt;"")</formula>
    </cfRule>
    <cfRule type="expression" dxfId="1249" priority="1556">
      <formula>AND(AM$266="",AM$267="")</formula>
    </cfRule>
  </conditionalFormatting>
  <conditionalFormatting sqref="AM268:AM284">
    <cfRule type="expression" dxfId="1248" priority="1554">
      <formula>AND(AM$266="",AM$267="")</formula>
    </cfRule>
  </conditionalFormatting>
  <conditionalFormatting sqref="AM284">
    <cfRule type="expression" dxfId="1247" priority="1553">
      <formula>OR(AM$266&lt;&gt;"",AM$267&lt;&gt;"")</formula>
    </cfRule>
  </conditionalFormatting>
  <conditionalFormatting sqref="AM268">
    <cfRule type="expression" dxfId="1246" priority="1552">
      <formula>OR(AM$266&lt;&gt;"",AM$267&lt;&gt;"")</formula>
    </cfRule>
  </conditionalFormatting>
  <conditionalFormatting sqref="AM269:AM283">
    <cfRule type="expression" dxfId="1245" priority="1551">
      <formula>OR(AM$266&lt;&gt;"",AM$267&lt;&gt;"")</formula>
    </cfRule>
  </conditionalFormatting>
  <conditionalFormatting sqref="AN266:AN267">
    <cfRule type="expression" dxfId="1244" priority="1549">
      <formula>OR(AN$266&lt;&gt;"",AN$267&lt;&gt;"")</formula>
    </cfRule>
    <cfRule type="expression" dxfId="1243" priority="1550">
      <formula>AND(AN$266="",AN$267="")</formula>
    </cfRule>
  </conditionalFormatting>
  <conditionalFormatting sqref="AN268:AN284">
    <cfRule type="expression" dxfId="1242" priority="1548">
      <formula>AND(AN$266="",AN$267="")</formula>
    </cfRule>
  </conditionalFormatting>
  <conditionalFormatting sqref="AN284">
    <cfRule type="expression" dxfId="1241" priority="1547">
      <formula>OR(AN$266&lt;&gt;"",AN$267&lt;&gt;"")</formula>
    </cfRule>
  </conditionalFormatting>
  <conditionalFormatting sqref="AN268">
    <cfRule type="expression" dxfId="1240" priority="1546">
      <formula>OR(AN$266&lt;&gt;"",AN$267&lt;&gt;"")</formula>
    </cfRule>
  </conditionalFormatting>
  <conditionalFormatting sqref="AN269:AN283">
    <cfRule type="expression" dxfId="1239" priority="1545">
      <formula>OR(AN$266&lt;&gt;"",AN$267&lt;&gt;"")</formula>
    </cfRule>
  </conditionalFormatting>
  <conditionalFormatting sqref="AO266:AO267">
    <cfRule type="expression" dxfId="1238" priority="1543">
      <formula>OR(AO$266&lt;&gt;"",AO$267&lt;&gt;"")</formula>
    </cfRule>
    <cfRule type="expression" dxfId="1237" priority="1544">
      <formula>AND(AO$266="",AO$267="")</formula>
    </cfRule>
  </conditionalFormatting>
  <conditionalFormatting sqref="AO268:AO284">
    <cfRule type="expression" dxfId="1236" priority="1542">
      <formula>AND(AO$266="",AO$267="")</formula>
    </cfRule>
  </conditionalFormatting>
  <conditionalFormatting sqref="AO284">
    <cfRule type="expression" dxfId="1235" priority="1541">
      <formula>OR(AO$266&lt;&gt;"",AO$267&lt;&gt;"")</formula>
    </cfRule>
  </conditionalFormatting>
  <conditionalFormatting sqref="AO268">
    <cfRule type="expression" dxfId="1234" priority="1540">
      <formula>OR(AO$266&lt;&gt;"",AO$267&lt;&gt;"")</formula>
    </cfRule>
  </conditionalFormatting>
  <conditionalFormatting sqref="AO269:AO283">
    <cfRule type="expression" dxfId="1233" priority="1539">
      <formula>OR(AO$266&lt;&gt;"",AO$267&lt;&gt;"")</formula>
    </cfRule>
  </conditionalFormatting>
  <conditionalFormatting sqref="AP266:AP267">
    <cfRule type="expression" dxfId="1232" priority="1537">
      <formula>OR(AP$266&lt;&gt;"",AP$267&lt;&gt;"")</formula>
    </cfRule>
    <cfRule type="expression" dxfId="1231" priority="1538">
      <formula>AND(AP$266="",AP$267="")</formula>
    </cfRule>
  </conditionalFormatting>
  <conditionalFormatting sqref="AP268:AP284">
    <cfRule type="expression" dxfId="1230" priority="1536">
      <formula>AND(AP$266="",AP$267="")</formula>
    </cfRule>
  </conditionalFormatting>
  <conditionalFormatting sqref="AP284">
    <cfRule type="expression" dxfId="1229" priority="1535">
      <formula>OR(AP$266&lt;&gt;"",AP$267&lt;&gt;"")</formula>
    </cfRule>
  </conditionalFormatting>
  <conditionalFormatting sqref="AP268">
    <cfRule type="expression" dxfId="1228" priority="1534">
      <formula>OR(AP$266&lt;&gt;"",AP$267&lt;&gt;"")</formula>
    </cfRule>
  </conditionalFormatting>
  <conditionalFormatting sqref="AP269:AP283">
    <cfRule type="expression" dxfId="1227" priority="1533">
      <formula>OR(AP$266&lt;&gt;"",AP$267&lt;&gt;"")</formula>
    </cfRule>
  </conditionalFormatting>
  <conditionalFormatting sqref="AQ266:AQ267">
    <cfRule type="expression" dxfId="1226" priority="1531">
      <formula>OR(AQ$266&lt;&gt;"",AQ$267&lt;&gt;"")</formula>
    </cfRule>
    <cfRule type="expression" dxfId="1225" priority="1532">
      <formula>AND(AQ$266="",AQ$267="")</formula>
    </cfRule>
  </conditionalFormatting>
  <conditionalFormatting sqref="AQ268:AQ284">
    <cfRule type="expression" dxfId="1224" priority="1530">
      <formula>AND(AQ$266="",AQ$267="")</formula>
    </cfRule>
  </conditionalFormatting>
  <conditionalFormatting sqref="AQ284">
    <cfRule type="expression" dxfId="1223" priority="1529">
      <formula>OR(AQ$266&lt;&gt;"",AQ$267&lt;&gt;"")</formula>
    </cfRule>
  </conditionalFormatting>
  <conditionalFormatting sqref="AQ268">
    <cfRule type="expression" dxfId="1222" priority="1528">
      <formula>OR(AQ$266&lt;&gt;"",AQ$267&lt;&gt;"")</formula>
    </cfRule>
  </conditionalFormatting>
  <conditionalFormatting sqref="AQ269:AQ283">
    <cfRule type="expression" dxfId="1221" priority="1527">
      <formula>OR(AQ$266&lt;&gt;"",AQ$267&lt;&gt;"")</formula>
    </cfRule>
  </conditionalFormatting>
  <conditionalFormatting sqref="AR266:AR267">
    <cfRule type="expression" dxfId="1220" priority="1525">
      <formula>OR(AR$266&lt;&gt;"",AR$267&lt;&gt;"")</formula>
    </cfRule>
    <cfRule type="expression" dxfId="1219" priority="1526">
      <formula>AND(AR$266="",AR$267="")</formula>
    </cfRule>
  </conditionalFormatting>
  <conditionalFormatting sqref="AR268:AR284">
    <cfRule type="expression" dxfId="1218" priority="1524">
      <formula>AND(AR$266="",AR$267="")</formula>
    </cfRule>
  </conditionalFormatting>
  <conditionalFormatting sqref="AR284">
    <cfRule type="expression" dxfId="1217" priority="1523">
      <formula>OR(AR$266&lt;&gt;"",AR$267&lt;&gt;"")</formula>
    </cfRule>
  </conditionalFormatting>
  <conditionalFormatting sqref="AR268">
    <cfRule type="expression" dxfId="1216" priority="1522">
      <formula>OR(AR$266&lt;&gt;"",AR$267&lt;&gt;"")</formula>
    </cfRule>
  </conditionalFormatting>
  <conditionalFormatting sqref="AR269:AR283">
    <cfRule type="expression" dxfId="1215" priority="1521">
      <formula>OR(AR$266&lt;&gt;"",AR$267&lt;&gt;"")</formula>
    </cfRule>
  </conditionalFormatting>
  <conditionalFormatting sqref="AS266:AS267">
    <cfRule type="expression" dxfId="1214" priority="1519">
      <formula>OR(AS$266&lt;&gt;"",AS$267&lt;&gt;"")</formula>
    </cfRule>
    <cfRule type="expression" dxfId="1213" priority="1520">
      <formula>AND(AS$266="",AS$267="")</formula>
    </cfRule>
  </conditionalFormatting>
  <conditionalFormatting sqref="AS268:AS284">
    <cfRule type="expression" dxfId="1212" priority="1518">
      <formula>AND(AS$266="",AS$267="")</formula>
    </cfRule>
  </conditionalFormatting>
  <conditionalFormatting sqref="AS284">
    <cfRule type="expression" dxfId="1211" priority="1517">
      <formula>OR(AS$266&lt;&gt;"",AS$267&lt;&gt;"")</formula>
    </cfRule>
  </conditionalFormatting>
  <conditionalFormatting sqref="AS268">
    <cfRule type="expression" dxfId="1210" priority="1516">
      <formula>OR(AS$266&lt;&gt;"",AS$267&lt;&gt;"")</formula>
    </cfRule>
  </conditionalFormatting>
  <conditionalFormatting sqref="AS269:AS283">
    <cfRule type="expression" dxfId="1209" priority="1515">
      <formula>OR(AS$266&lt;&gt;"",AS$267&lt;&gt;"")</formula>
    </cfRule>
  </conditionalFormatting>
  <conditionalFormatting sqref="AT266:AT267">
    <cfRule type="expression" dxfId="1208" priority="1513">
      <formula>OR(AT$266&lt;&gt;"",AT$267&lt;&gt;"")</formula>
    </cfRule>
    <cfRule type="expression" dxfId="1207" priority="1514">
      <formula>AND(AT$266="",AT$267="")</formula>
    </cfRule>
  </conditionalFormatting>
  <conditionalFormatting sqref="AT268:AT284">
    <cfRule type="expression" dxfId="1206" priority="1512">
      <formula>AND(AT$266="",AT$267="")</formula>
    </cfRule>
  </conditionalFormatting>
  <conditionalFormatting sqref="AT284">
    <cfRule type="expression" dxfId="1205" priority="1511">
      <formula>OR(AT$266&lt;&gt;"",AT$267&lt;&gt;"")</formula>
    </cfRule>
  </conditionalFormatting>
  <conditionalFormatting sqref="AT268">
    <cfRule type="expression" dxfId="1204" priority="1510">
      <formula>OR(AT$266&lt;&gt;"",AT$267&lt;&gt;"")</formula>
    </cfRule>
  </conditionalFormatting>
  <conditionalFormatting sqref="AT269:AT283">
    <cfRule type="expression" dxfId="1203" priority="1509">
      <formula>OR(AT$266&lt;&gt;"",AT$267&lt;&gt;"")</formula>
    </cfRule>
  </conditionalFormatting>
  <conditionalFormatting sqref="AU266:AU267">
    <cfRule type="expression" dxfId="1202" priority="1507">
      <formula>OR(AU$266&lt;&gt;"",AU$267&lt;&gt;"")</formula>
    </cfRule>
    <cfRule type="expression" dxfId="1201" priority="1508">
      <formula>AND(AU$266="",AU$267="")</formula>
    </cfRule>
  </conditionalFormatting>
  <conditionalFormatting sqref="AU268:AU284">
    <cfRule type="expression" dxfId="1200" priority="1506">
      <formula>AND(AU$266="",AU$267="")</formula>
    </cfRule>
  </conditionalFormatting>
  <conditionalFormatting sqref="AU284">
    <cfRule type="expression" dxfId="1199" priority="1505">
      <formula>OR(AU$266&lt;&gt;"",AU$267&lt;&gt;"")</formula>
    </cfRule>
  </conditionalFormatting>
  <conditionalFormatting sqref="AU268">
    <cfRule type="expression" dxfId="1198" priority="1504">
      <formula>OR(AU$266&lt;&gt;"",AU$267&lt;&gt;"")</formula>
    </cfRule>
  </conditionalFormatting>
  <conditionalFormatting sqref="AU269:AU283">
    <cfRule type="expression" dxfId="1197" priority="1503">
      <formula>OR(AU$266&lt;&gt;"",AU$267&lt;&gt;"")</formula>
    </cfRule>
  </conditionalFormatting>
  <conditionalFormatting sqref="AV266:AV267">
    <cfRule type="expression" dxfId="1196" priority="1501">
      <formula>OR(AV$266&lt;&gt;"",AV$267&lt;&gt;"")</formula>
    </cfRule>
    <cfRule type="expression" dxfId="1195" priority="1502">
      <formula>AND(AV$266="",AV$267="")</formula>
    </cfRule>
  </conditionalFormatting>
  <conditionalFormatting sqref="AV268:AV284">
    <cfRule type="expression" dxfId="1194" priority="1500">
      <formula>AND(AV$266="",AV$267="")</formula>
    </cfRule>
  </conditionalFormatting>
  <conditionalFormatting sqref="AV284">
    <cfRule type="expression" dxfId="1193" priority="1499">
      <formula>OR(AV$266&lt;&gt;"",AV$267&lt;&gt;"")</formula>
    </cfRule>
  </conditionalFormatting>
  <conditionalFormatting sqref="AV268">
    <cfRule type="expression" dxfId="1192" priority="1498">
      <formula>OR(AV$266&lt;&gt;"",AV$267&lt;&gt;"")</formula>
    </cfRule>
  </conditionalFormatting>
  <conditionalFormatting sqref="AV269:AV283">
    <cfRule type="expression" dxfId="1191" priority="1497">
      <formula>OR(AV$266&lt;&gt;"",AV$267&lt;&gt;"")</formula>
    </cfRule>
  </conditionalFormatting>
  <conditionalFormatting sqref="AW266:AW267">
    <cfRule type="expression" dxfId="1190" priority="1495">
      <formula>OR(AW$266&lt;&gt;"",AW$267&lt;&gt;"")</formula>
    </cfRule>
    <cfRule type="expression" dxfId="1189" priority="1496">
      <formula>AND(AW$266="",AW$267="")</formula>
    </cfRule>
  </conditionalFormatting>
  <conditionalFormatting sqref="AW268:AW284">
    <cfRule type="expression" dxfId="1188" priority="1494">
      <formula>AND(AW$266="",AW$267="")</formula>
    </cfRule>
  </conditionalFormatting>
  <conditionalFormatting sqref="AW284">
    <cfRule type="expression" dxfId="1187" priority="1493">
      <formula>OR(AW$266&lt;&gt;"",AW$267&lt;&gt;"")</formula>
    </cfRule>
  </conditionalFormatting>
  <conditionalFormatting sqref="AW268">
    <cfRule type="expression" dxfId="1186" priority="1492">
      <formula>OR(AW$266&lt;&gt;"",AW$267&lt;&gt;"")</formula>
    </cfRule>
  </conditionalFormatting>
  <conditionalFormatting sqref="AW269:AW283">
    <cfRule type="expression" dxfId="1185" priority="1491">
      <formula>OR(AW$266&lt;&gt;"",AW$267&lt;&gt;"")</formula>
    </cfRule>
  </conditionalFormatting>
  <conditionalFormatting sqref="AX266:AX267">
    <cfRule type="expression" dxfId="1184" priority="1489">
      <formula>OR(AX$266&lt;&gt;"",AX$267&lt;&gt;"")</formula>
    </cfRule>
    <cfRule type="expression" dxfId="1183" priority="1490">
      <formula>AND(AX$266="",AX$267="")</formula>
    </cfRule>
  </conditionalFormatting>
  <conditionalFormatting sqref="AX268:AX284">
    <cfRule type="expression" dxfId="1182" priority="1488">
      <formula>AND(AX$266="",AX$267="")</formula>
    </cfRule>
  </conditionalFormatting>
  <conditionalFormatting sqref="AX284">
    <cfRule type="expression" dxfId="1181" priority="1487">
      <formula>OR(AX$266&lt;&gt;"",AX$267&lt;&gt;"")</formula>
    </cfRule>
  </conditionalFormatting>
  <conditionalFormatting sqref="AX268">
    <cfRule type="expression" dxfId="1180" priority="1486">
      <formula>OR(AX$266&lt;&gt;"",AX$267&lt;&gt;"")</formula>
    </cfRule>
  </conditionalFormatting>
  <conditionalFormatting sqref="AX269:AX283">
    <cfRule type="expression" dxfId="1179" priority="1485">
      <formula>OR(AX$266&lt;&gt;"",AX$267&lt;&gt;"")</formula>
    </cfRule>
  </conditionalFormatting>
  <conditionalFormatting sqref="AY266:AY267">
    <cfRule type="expression" dxfId="1178" priority="1483">
      <formula>OR(AY$266&lt;&gt;"",AY$267&lt;&gt;"")</formula>
    </cfRule>
    <cfRule type="expression" dxfId="1177" priority="1484">
      <formula>AND(AY$266="",AY$267="")</formula>
    </cfRule>
  </conditionalFormatting>
  <conditionalFormatting sqref="AY268:AY284">
    <cfRule type="expression" dxfId="1176" priority="1482">
      <formula>AND(AY$266="",AY$267="")</formula>
    </cfRule>
  </conditionalFormatting>
  <conditionalFormatting sqref="AY284">
    <cfRule type="expression" dxfId="1175" priority="1481">
      <formula>OR(AY$266&lt;&gt;"",AY$267&lt;&gt;"")</formula>
    </cfRule>
  </conditionalFormatting>
  <conditionalFormatting sqref="AY268">
    <cfRule type="expression" dxfId="1174" priority="1480">
      <formula>OR(AY$266&lt;&gt;"",AY$267&lt;&gt;"")</formula>
    </cfRule>
  </conditionalFormatting>
  <conditionalFormatting sqref="AY269:AY283">
    <cfRule type="expression" dxfId="1173" priority="1479">
      <formula>OR(AY$266&lt;&gt;"",AY$267&lt;&gt;"")</formula>
    </cfRule>
  </conditionalFormatting>
  <conditionalFormatting sqref="AZ266:AZ267">
    <cfRule type="expression" dxfId="1172" priority="1477">
      <formula>OR(AZ$266&lt;&gt;"",AZ$267&lt;&gt;"")</formula>
    </cfRule>
    <cfRule type="expression" dxfId="1171" priority="1478">
      <formula>AND(AZ$266="",AZ$267="")</formula>
    </cfRule>
  </conditionalFormatting>
  <conditionalFormatting sqref="AZ268:AZ284">
    <cfRule type="expression" dxfId="1170" priority="1476">
      <formula>AND(AZ$266="",AZ$267="")</formula>
    </cfRule>
  </conditionalFormatting>
  <conditionalFormatting sqref="AZ284">
    <cfRule type="expression" dxfId="1169" priority="1475">
      <formula>OR(AZ$266&lt;&gt;"",AZ$267&lt;&gt;"")</formula>
    </cfRule>
  </conditionalFormatting>
  <conditionalFormatting sqref="AZ268">
    <cfRule type="expression" dxfId="1168" priority="1474">
      <formula>OR(AZ$266&lt;&gt;"",AZ$267&lt;&gt;"")</formula>
    </cfRule>
  </conditionalFormatting>
  <conditionalFormatting sqref="AZ269:AZ283">
    <cfRule type="expression" dxfId="1167" priority="1473">
      <formula>OR(AZ$266&lt;&gt;"",AZ$267&lt;&gt;"")</formula>
    </cfRule>
  </conditionalFormatting>
  <conditionalFormatting sqref="BA266:BA267">
    <cfRule type="expression" dxfId="1166" priority="1471">
      <formula>OR(BA$266&lt;&gt;"",BA$267&lt;&gt;"")</formula>
    </cfRule>
    <cfRule type="expression" dxfId="1165" priority="1472">
      <formula>AND(BA$266="",BA$267="")</formula>
    </cfRule>
  </conditionalFormatting>
  <conditionalFormatting sqref="BA268:BA284">
    <cfRule type="expression" dxfId="1164" priority="1470">
      <formula>AND(BA$266="",BA$267="")</formula>
    </cfRule>
  </conditionalFormatting>
  <conditionalFormatting sqref="BA284">
    <cfRule type="expression" dxfId="1163" priority="1469">
      <formula>OR(BA$266&lt;&gt;"",BA$267&lt;&gt;"")</formula>
    </cfRule>
  </conditionalFormatting>
  <conditionalFormatting sqref="BA268">
    <cfRule type="expression" dxfId="1162" priority="1468">
      <formula>OR(BA$266&lt;&gt;"",BA$267&lt;&gt;"")</formula>
    </cfRule>
  </conditionalFormatting>
  <conditionalFormatting sqref="BA269:BA283">
    <cfRule type="expression" dxfId="1161" priority="1467">
      <formula>OR(BA$266&lt;&gt;"",BA$267&lt;&gt;"")</formula>
    </cfRule>
  </conditionalFormatting>
  <conditionalFormatting sqref="BB266:BB267">
    <cfRule type="expression" dxfId="1160" priority="1465">
      <formula>OR(BB$266&lt;&gt;"",BB$267&lt;&gt;"")</formula>
    </cfRule>
    <cfRule type="expression" dxfId="1159" priority="1466">
      <formula>AND(BB$266="",BB$267="")</formula>
    </cfRule>
  </conditionalFormatting>
  <conditionalFormatting sqref="BB268:BB284">
    <cfRule type="expression" dxfId="1158" priority="1464">
      <formula>AND(BB$266="",BB$267="")</formula>
    </cfRule>
  </conditionalFormatting>
  <conditionalFormatting sqref="BB284">
    <cfRule type="expression" dxfId="1157" priority="1463">
      <formula>OR(BB$266&lt;&gt;"",BB$267&lt;&gt;"")</formula>
    </cfRule>
  </conditionalFormatting>
  <conditionalFormatting sqref="BB268">
    <cfRule type="expression" dxfId="1156" priority="1462">
      <formula>OR(BB$266&lt;&gt;"",BB$267&lt;&gt;"")</formula>
    </cfRule>
  </conditionalFormatting>
  <conditionalFormatting sqref="BB269:BB283">
    <cfRule type="expression" dxfId="1155" priority="1461">
      <formula>OR(BB$266&lt;&gt;"",BB$267&lt;&gt;"")</formula>
    </cfRule>
  </conditionalFormatting>
  <conditionalFormatting sqref="BC266:BC267">
    <cfRule type="expression" dxfId="1154" priority="1459">
      <formula>OR(BC$266&lt;&gt;"",BC$267&lt;&gt;"")</formula>
    </cfRule>
    <cfRule type="expression" dxfId="1153" priority="1460">
      <formula>AND(BC$266="",BC$267="")</formula>
    </cfRule>
  </conditionalFormatting>
  <conditionalFormatting sqref="BC268:BC284">
    <cfRule type="expression" dxfId="1152" priority="1458">
      <formula>AND(BC$266="",BC$267="")</formula>
    </cfRule>
  </conditionalFormatting>
  <conditionalFormatting sqref="BC284">
    <cfRule type="expression" dxfId="1151" priority="1457">
      <formula>OR(BC$266&lt;&gt;"",BC$267&lt;&gt;"")</formula>
    </cfRule>
  </conditionalFormatting>
  <conditionalFormatting sqref="BC268">
    <cfRule type="expression" dxfId="1150" priority="1456">
      <formula>OR(BC$266&lt;&gt;"",BC$267&lt;&gt;"")</formula>
    </cfRule>
  </conditionalFormatting>
  <conditionalFormatting sqref="BC269:BC283">
    <cfRule type="expression" dxfId="1149" priority="1455">
      <formula>OR(BC$266&lt;&gt;"",BC$267&lt;&gt;"")</formula>
    </cfRule>
  </conditionalFormatting>
  <conditionalFormatting sqref="BD266:BD267">
    <cfRule type="expression" dxfId="1148" priority="1453">
      <formula>OR(BD$266&lt;&gt;"",BD$267&lt;&gt;"")</formula>
    </cfRule>
    <cfRule type="expression" dxfId="1147" priority="1454">
      <formula>AND(BD$266="",BD$267="")</formula>
    </cfRule>
  </conditionalFormatting>
  <conditionalFormatting sqref="BD268:BD284">
    <cfRule type="expression" dxfId="1146" priority="1452">
      <formula>AND(BD$266="",BD$267="")</formula>
    </cfRule>
  </conditionalFormatting>
  <conditionalFormatting sqref="BD284">
    <cfRule type="expression" dxfId="1145" priority="1451">
      <formula>OR(BD$266&lt;&gt;"",BD$267&lt;&gt;"")</formula>
    </cfRule>
  </conditionalFormatting>
  <conditionalFormatting sqref="BD268">
    <cfRule type="expression" dxfId="1144" priority="1450">
      <formula>OR(BD$266&lt;&gt;"",BD$267&lt;&gt;"")</formula>
    </cfRule>
  </conditionalFormatting>
  <conditionalFormatting sqref="BD269:BD283">
    <cfRule type="expression" dxfId="1143" priority="1449">
      <formula>OR(BD$266&lt;&gt;"",BD$267&lt;&gt;"")</formula>
    </cfRule>
  </conditionalFormatting>
  <conditionalFormatting sqref="BE266:BE267">
    <cfRule type="expression" dxfId="1142" priority="1447">
      <formula>OR(BE$266&lt;&gt;"",BE$267&lt;&gt;"")</formula>
    </cfRule>
    <cfRule type="expression" dxfId="1141" priority="1448">
      <formula>AND(BE$266="",BE$267="")</formula>
    </cfRule>
  </conditionalFormatting>
  <conditionalFormatting sqref="BE268:BE284">
    <cfRule type="expression" dxfId="1140" priority="1446">
      <formula>AND(BE$266="",BE$267="")</formula>
    </cfRule>
  </conditionalFormatting>
  <conditionalFormatting sqref="BE284">
    <cfRule type="expression" dxfId="1139" priority="1445">
      <formula>OR(BE$266&lt;&gt;"",BE$267&lt;&gt;"")</formula>
    </cfRule>
  </conditionalFormatting>
  <conditionalFormatting sqref="BE268">
    <cfRule type="expression" dxfId="1138" priority="1444">
      <formula>OR(BE$266&lt;&gt;"",BE$267&lt;&gt;"")</formula>
    </cfRule>
  </conditionalFormatting>
  <conditionalFormatting sqref="BE269:BE283">
    <cfRule type="expression" dxfId="1137" priority="1443">
      <formula>OR(BE$266&lt;&gt;"",BE$267&lt;&gt;"")</formula>
    </cfRule>
  </conditionalFormatting>
  <conditionalFormatting sqref="BF266:BF267">
    <cfRule type="expression" dxfId="1136" priority="1441">
      <formula>OR(BF$266&lt;&gt;"",BF$267&lt;&gt;"")</formula>
    </cfRule>
    <cfRule type="expression" dxfId="1135" priority="1442">
      <formula>AND(BF$266="",BF$267="")</formula>
    </cfRule>
  </conditionalFormatting>
  <conditionalFormatting sqref="BF268:BF284">
    <cfRule type="expression" dxfId="1134" priority="1440">
      <formula>AND(BF$266="",BF$267="")</formula>
    </cfRule>
  </conditionalFormatting>
  <conditionalFormatting sqref="BF284">
    <cfRule type="expression" dxfId="1133" priority="1439">
      <formula>OR(BF$266&lt;&gt;"",BF$267&lt;&gt;"")</formula>
    </cfRule>
  </conditionalFormatting>
  <conditionalFormatting sqref="BF268">
    <cfRule type="expression" dxfId="1132" priority="1438">
      <formula>OR(BF$266&lt;&gt;"",BF$267&lt;&gt;"")</formula>
    </cfRule>
  </conditionalFormatting>
  <conditionalFormatting sqref="BF269:BF283">
    <cfRule type="expression" dxfId="1131" priority="1437">
      <formula>OR(BF$266&lt;&gt;"",BF$267&lt;&gt;"")</formula>
    </cfRule>
  </conditionalFormatting>
  <conditionalFormatting sqref="BG266:BG267">
    <cfRule type="expression" dxfId="1130" priority="1435">
      <formula>OR(BG$266&lt;&gt;"",BG$267&lt;&gt;"")</formula>
    </cfRule>
    <cfRule type="expression" dxfId="1129" priority="1436">
      <formula>AND(BG$266="",BG$267="")</formula>
    </cfRule>
  </conditionalFormatting>
  <conditionalFormatting sqref="BG268:BG284">
    <cfRule type="expression" dxfId="1128" priority="1434">
      <formula>AND(BG$266="",BG$267="")</formula>
    </cfRule>
  </conditionalFormatting>
  <conditionalFormatting sqref="BG284">
    <cfRule type="expression" dxfId="1127" priority="1433">
      <formula>OR(BG$266&lt;&gt;"",BG$267&lt;&gt;"")</formula>
    </cfRule>
  </conditionalFormatting>
  <conditionalFormatting sqref="BG268">
    <cfRule type="expression" dxfId="1126" priority="1432">
      <formula>OR(BG$266&lt;&gt;"",BG$267&lt;&gt;"")</formula>
    </cfRule>
  </conditionalFormatting>
  <conditionalFormatting sqref="BG269:BG283">
    <cfRule type="expression" dxfId="1125" priority="1431">
      <formula>OR(BG$266&lt;&gt;"",BG$267&lt;&gt;"")</formula>
    </cfRule>
  </conditionalFormatting>
  <conditionalFormatting sqref="BH266:BH267">
    <cfRule type="expression" dxfId="1124" priority="1429">
      <formula>OR(BH$266&lt;&gt;"",BH$267&lt;&gt;"")</formula>
    </cfRule>
    <cfRule type="expression" dxfId="1123" priority="1430">
      <formula>AND(BH$266="",BH$267="")</formula>
    </cfRule>
  </conditionalFormatting>
  <conditionalFormatting sqref="BH268:BH284">
    <cfRule type="expression" dxfId="1122" priority="1428">
      <formula>AND(BH$266="",BH$267="")</formula>
    </cfRule>
  </conditionalFormatting>
  <conditionalFormatting sqref="BH284">
    <cfRule type="expression" dxfId="1121" priority="1427">
      <formula>OR(BH$266&lt;&gt;"",BH$267&lt;&gt;"")</formula>
    </cfRule>
  </conditionalFormatting>
  <conditionalFormatting sqref="BH268">
    <cfRule type="expression" dxfId="1120" priority="1426">
      <formula>OR(BH$266&lt;&gt;"",BH$267&lt;&gt;"")</formula>
    </cfRule>
  </conditionalFormatting>
  <conditionalFormatting sqref="BH269:BH283">
    <cfRule type="expression" dxfId="1119" priority="1425">
      <formula>OR(BH$266&lt;&gt;"",BH$267&lt;&gt;"")</formula>
    </cfRule>
  </conditionalFormatting>
  <conditionalFormatting sqref="BI266:BI267">
    <cfRule type="expression" dxfId="1118" priority="1423">
      <formula>OR(BI$266&lt;&gt;"",BI$267&lt;&gt;"")</formula>
    </cfRule>
    <cfRule type="expression" dxfId="1117" priority="1424">
      <formula>AND(BI$266="",BI$267="")</formula>
    </cfRule>
  </conditionalFormatting>
  <conditionalFormatting sqref="BI268:BI284">
    <cfRule type="expression" dxfId="1116" priority="1422">
      <formula>AND(BI$266="",BI$267="")</formula>
    </cfRule>
  </conditionalFormatting>
  <conditionalFormatting sqref="BI284">
    <cfRule type="expression" dxfId="1115" priority="1421">
      <formula>OR(BI$266&lt;&gt;"",BI$267&lt;&gt;"")</formula>
    </cfRule>
  </conditionalFormatting>
  <conditionalFormatting sqref="BI268">
    <cfRule type="expression" dxfId="1114" priority="1420">
      <formula>OR(BI$266&lt;&gt;"",BI$267&lt;&gt;"")</formula>
    </cfRule>
  </conditionalFormatting>
  <conditionalFormatting sqref="BI269:BI283">
    <cfRule type="expression" dxfId="1113" priority="1419">
      <formula>OR(BI$266&lt;&gt;"",BI$267&lt;&gt;"")</formula>
    </cfRule>
  </conditionalFormatting>
  <conditionalFormatting sqref="BJ266:BJ267">
    <cfRule type="expression" dxfId="1112" priority="1417">
      <formula>OR(BJ$266&lt;&gt;"",BJ$267&lt;&gt;"")</formula>
    </cfRule>
    <cfRule type="expression" dxfId="1111" priority="1418">
      <formula>AND(BJ$266="",BJ$267="")</formula>
    </cfRule>
  </conditionalFormatting>
  <conditionalFormatting sqref="BJ268:BJ284">
    <cfRule type="expression" dxfId="1110" priority="1416">
      <formula>AND(BJ$266="",BJ$267="")</formula>
    </cfRule>
  </conditionalFormatting>
  <conditionalFormatting sqref="BJ284">
    <cfRule type="expression" dxfId="1109" priority="1415">
      <formula>OR(BJ$266&lt;&gt;"",BJ$267&lt;&gt;"")</formula>
    </cfRule>
  </conditionalFormatting>
  <conditionalFormatting sqref="BJ268">
    <cfRule type="expression" dxfId="1108" priority="1414">
      <formula>OR(BJ$266&lt;&gt;"",BJ$267&lt;&gt;"")</formula>
    </cfRule>
  </conditionalFormatting>
  <conditionalFormatting sqref="BJ269:BJ283">
    <cfRule type="expression" dxfId="1107" priority="1413">
      <formula>OR(BJ$266&lt;&gt;"",BJ$267&lt;&gt;"")</formula>
    </cfRule>
  </conditionalFormatting>
  <conditionalFormatting sqref="BK266:BK267">
    <cfRule type="expression" dxfId="1106" priority="1411">
      <formula>OR(BK$266&lt;&gt;"",BK$267&lt;&gt;"")</formula>
    </cfRule>
    <cfRule type="expression" dxfId="1105" priority="1412">
      <formula>AND(BK$266="",BK$267="")</formula>
    </cfRule>
  </conditionalFormatting>
  <conditionalFormatting sqref="BK268:BK284">
    <cfRule type="expression" dxfId="1104" priority="1410">
      <formula>AND(BK$266="",BK$267="")</formula>
    </cfRule>
  </conditionalFormatting>
  <conditionalFormatting sqref="BK284">
    <cfRule type="expression" dxfId="1103" priority="1409">
      <formula>OR(BK$266&lt;&gt;"",BK$267&lt;&gt;"")</formula>
    </cfRule>
  </conditionalFormatting>
  <conditionalFormatting sqref="BK268">
    <cfRule type="expression" dxfId="1102" priority="1408">
      <formula>OR(BK$266&lt;&gt;"",BK$267&lt;&gt;"")</formula>
    </cfRule>
  </conditionalFormatting>
  <conditionalFormatting sqref="BK269:BK283">
    <cfRule type="expression" dxfId="1101" priority="1407">
      <formula>OR(BK$266&lt;&gt;"",BK$267&lt;&gt;"")</formula>
    </cfRule>
  </conditionalFormatting>
  <conditionalFormatting sqref="BL266:BL267">
    <cfRule type="expression" dxfId="1100" priority="1405">
      <formula>OR(BL$266&lt;&gt;"",BL$267&lt;&gt;"")</formula>
    </cfRule>
    <cfRule type="expression" dxfId="1099" priority="1406">
      <formula>AND(BL$266="",BL$267="")</formula>
    </cfRule>
  </conditionalFormatting>
  <conditionalFormatting sqref="BL268:BL284">
    <cfRule type="expression" dxfId="1098" priority="1404">
      <formula>AND(BL$266="",BL$267="")</formula>
    </cfRule>
  </conditionalFormatting>
  <conditionalFormatting sqref="BL284">
    <cfRule type="expression" dxfId="1097" priority="1403">
      <formula>OR(BL$266&lt;&gt;"",BL$267&lt;&gt;"")</formula>
    </cfRule>
  </conditionalFormatting>
  <conditionalFormatting sqref="BL268">
    <cfRule type="expression" dxfId="1096" priority="1402">
      <formula>OR(BL$266&lt;&gt;"",BL$267&lt;&gt;"")</formula>
    </cfRule>
  </conditionalFormatting>
  <conditionalFormatting sqref="BL269:BL283">
    <cfRule type="expression" dxfId="1095" priority="1401">
      <formula>OR(BL$266&lt;&gt;"",BL$267&lt;&gt;"")</formula>
    </cfRule>
  </conditionalFormatting>
  <conditionalFormatting sqref="BM266:BM267">
    <cfRule type="expression" dxfId="1094" priority="1399">
      <formula>OR(BM$266&lt;&gt;"",BM$267&lt;&gt;"")</formula>
    </cfRule>
    <cfRule type="expression" dxfId="1093" priority="1400">
      <formula>AND(BM$266="",BM$267="")</formula>
    </cfRule>
  </conditionalFormatting>
  <conditionalFormatting sqref="BM268:BM284">
    <cfRule type="expression" dxfId="1092" priority="1398">
      <formula>AND(BM$266="",BM$267="")</formula>
    </cfRule>
  </conditionalFormatting>
  <conditionalFormatting sqref="BM284">
    <cfRule type="expression" dxfId="1091" priority="1397">
      <formula>OR(BM$266&lt;&gt;"",BM$267&lt;&gt;"")</formula>
    </cfRule>
  </conditionalFormatting>
  <conditionalFormatting sqref="BM268">
    <cfRule type="expression" dxfId="1090" priority="1396">
      <formula>OR(BM$266&lt;&gt;"",BM$267&lt;&gt;"")</formula>
    </cfRule>
  </conditionalFormatting>
  <conditionalFormatting sqref="BM269:BM283">
    <cfRule type="expression" dxfId="1089" priority="1395">
      <formula>OR(BM$266&lt;&gt;"",BM$267&lt;&gt;"")</formula>
    </cfRule>
  </conditionalFormatting>
  <conditionalFormatting sqref="BN266:BN267">
    <cfRule type="expression" dxfId="1088" priority="1393">
      <formula>OR(BN$266&lt;&gt;"",BN$267&lt;&gt;"")</formula>
    </cfRule>
    <cfRule type="expression" dxfId="1087" priority="1394">
      <formula>AND(BN$266="",BN$267="")</formula>
    </cfRule>
  </conditionalFormatting>
  <conditionalFormatting sqref="BN268:BN284">
    <cfRule type="expression" dxfId="1086" priority="1392">
      <formula>AND(BN$266="",BN$267="")</formula>
    </cfRule>
  </conditionalFormatting>
  <conditionalFormatting sqref="BN284">
    <cfRule type="expression" dxfId="1085" priority="1391">
      <formula>OR(BN$266&lt;&gt;"",BN$267&lt;&gt;"")</formula>
    </cfRule>
  </conditionalFormatting>
  <conditionalFormatting sqref="BN268">
    <cfRule type="expression" dxfId="1084" priority="1390">
      <formula>OR(BN$266&lt;&gt;"",BN$267&lt;&gt;"")</formula>
    </cfRule>
  </conditionalFormatting>
  <conditionalFormatting sqref="BN269:BN283">
    <cfRule type="expression" dxfId="1083" priority="1389">
      <formula>OR(BN$266&lt;&gt;"",BN$267&lt;&gt;"")</formula>
    </cfRule>
  </conditionalFormatting>
  <conditionalFormatting sqref="BO266:BO267">
    <cfRule type="expression" dxfId="1082" priority="1387">
      <formula>OR(BO$266&lt;&gt;"",BO$267&lt;&gt;"")</formula>
    </cfRule>
    <cfRule type="expression" dxfId="1081" priority="1388">
      <formula>AND(BO$266="",BO$267="")</formula>
    </cfRule>
  </conditionalFormatting>
  <conditionalFormatting sqref="BO268:BO284">
    <cfRule type="expression" dxfId="1080" priority="1386">
      <formula>AND(BO$266="",BO$267="")</formula>
    </cfRule>
  </conditionalFormatting>
  <conditionalFormatting sqref="BO284">
    <cfRule type="expression" dxfId="1079" priority="1385">
      <formula>OR(BO$266&lt;&gt;"",BO$267&lt;&gt;"")</formula>
    </cfRule>
  </conditionalFormatting>
  <conditionalFormatting sqref="BO268">
    <cfRule type="expression" dxfId="1078" priority="1384">
      <formula>OR(BO$266&lt;&gt;"",BO$267&lt;&gt;"")</formula>
    </cfRule>
  </conditionalFormatting>
  <conditionalFormatting sqref="BO269:BO283">
    <cfRule type="expression" dxfId="1077" priority="1383">
      <formula>OR(BO$266&lt;&gt;"",BO$267&lt;&gt;"")</formula>
    </cfRule>
  </conditionalFormatting>
  <conditionalFormatting sqref="BP266:BP267">
    <cfRule type="expression" dxfId="1076" priority="1381">
      <formula>OR(BP$266&lt;&gt;"",BP$267&lt;&gt;"")</formula>
    </cfRule>
    <cfRule type="expression" dxfId="1075" priority="1382">
      <formula>AND(BP$266="",BP$267="")</formula>
    </cfRule>
  </conditionalFormatting>
  <conditionalFormatting sqref="BP268:BP284">
    <cfRule type="expression" dxfId="1074" priority="1380">
      <formula>AND(BP$266="",BP$267="")</formula>
    </cfRule>
  </conditionalFormatting>
  <conditionalFormatting sqref="BP284">
    <cfRule type="expression" dxfId="1073" priority="1379">
      <formula>OR(BP$266&lt;&gt;"",BP$267&lt;&gt;"")</formula>
    </cfRule>
  </conditionalFormatting>
  <conditionalFormatting sqref="BP268">
    <cfRule type="expression" dxfId="1072" priority="1378">
      <formula>OR(BP$266&lt;&gt;"",BP$267&lt;&gt;"")</formula>
    </cfRule>
  </conditionalFormatting>
  <conditionalFormatting sqref="BP269:BP283">
    <cfRule type="expression" dxfId="1071" priority="1377">
      <formula>OR(BP$266&lt;&gt;"",BP$267&lt;&gt;"")</formula>
    </cfRule>
  </conditionalFormatting>
  <conditionalFormatting sqref="BQ266:BQ267">
    <cfRule type="expression" dxfId="1070" priority="1375">
      <formula>OR(BQ$266&lt;&gt;"",BQ$267&lt;&gt;"")</formula>
    </cfRule>
    <cfRule type="expression" dxfId="1069" priority="1376">
      <formula>AND(BQ$266="",BQ$267="")</formula>
    </cfRule>
  </conditionalFormatting>
  <conditionalFormatting sqref="BQ268:BQ284">
    <cfRule type="expression" dxfId="1068" priority="1374">
      <formula>AND(BQ$266="",BQ$267="")</formula>
    </cfRule>
  </conditionalFormatting>
  <conditionalFormatting sqref="BQ284">
    <cfRule type="expression" dxfId="1067" priority="1373">
      <formula>OR(BQ$266&lt;&gt;"",BQ$267&lt;&gt;"")</formula>
    </cfRule>
  </conditionalFormatting>
  <conditionalFormatting sqref="BQ268">
    <cfRule type="expression" dxfId="1066" priority="1372">
      <formula>OR(BQ$266&lt;&gt;"",BQ$267&lt;&gt;"")</formula>
    </cfRule>
  </conditionalFormatting>
  <conditionalFormatting sqref="BQ269:BQ283">
    <cfRule type="expression" dxfId="1065" priority="1371">
      <formula>OR(BQ$266&lt;&gt;"",BQ$267&lt;&gt;"")</formula>
    </cfRule>
  </conditionalFormatting>
  <conditionalFormatting sqref="BR266:BR267">
    <cfRule type="expression" dxfId="1064" priority="1369">
      <formula>OR(BR$266&lt;&gt;"",BR$267&lt;&gt;"")</formula>
    </cfRule>
    <cfRule type="expression" dxfId="1063" priority="1370">
      <formula>AND(BR$266="",BR$267="")</formula>
    </cfRule>
  </conditionalFormatting>
  <conditionalFormatting sqref="BR268:BR284">
    <cfRule type="expression" dxfId="1062" priority="1368">
      <formula>AND(BR$266="",BR$267="")</formula>
    </cfRule>
  </conditionalFormatting>
  <conditionalFormatting sqref="BR284">
    <cfRule type="expression" dxfId="1061" priority="1367">
      <formula>OR(BR$266&lt;&gt;"",BR$267&lt;&gt;"")</formula>
    </cfRule>
  </conditionalFormatting>
  <conditionalFormatting sqref="BR268">
    <cfRule type="expression" dxfId="1060" priority="1366">
      <formula>OR(BR$266&lt;&gt;"",BR$267&lt;&gt;"")</formula>
    </cfRule>
  </conditionalFormatting>
  <conditionalFormatting sqref="BR269:BR283">
    <cfRule type="expression" dxfId="1059" priority="1365">
      <formula>OR(BR$266&lt;&gt;"",BR$267&lt;&gt;"")</formula>
    </cfRule>
  </conditionalFormatting>
  <conditionalFormatting sqref="BS266:BS267">
    <cfRule type="expression" dxfId="1058" priority="1363">
      <formula>OR(BS$266&lt;&gt;"",BS$267&lt;&gt;"")</formula>
    </cfRule>
    <cfRule type="expression" dxfId="1057" priority="1364">
      <formula>AND(BS$266="",BS$267="")</formula>
    </cfRule>
  </conditionalFormatting>
  <conditionalFormatting sqref="BS268:BS284">
    <cfRule type="expression" dxfId="1056" priority="1362">
      <formula>AND(BS$266="",BS$267="")</formula>
    </cfRule>
  </conditionalFormatting>
  <conditionalFormatting sqref="BS284">
    <cfRule type="expression" dxfId="1055" priority="1361">
      <formula>OR(BS$266&lt;&gt;"",BS$267&lt;&gt;"")</formula>
    </cfRule>
  </conditionalFormatting>
  <conditionalFormatting sqref="BS268">
    <cfRule type="expression" dxfId="1054" priority="1360">
      <formula>OR(BS$266&lt;&gt;"",BS$267&lt;&gt;"")</formula>
    </cfRule>
  </conditionalFormatting>
  <conditionalFormatting sqref="BS269:BS283">
    <cfRule type="expression" dxfId="1053" priority="1359">
      <formula>OR(BS$266&lt;&gt;"",BS$267&lt;&gt;"")</formula>
    </cfRule>
  </conditionalFormatting>
  <conditionalFormatting sqref="M365:M366">
    <cfRule type="expression" dxfId="1052" priority="1357">
      <formula>OR(M$365&lt;&gt;"",M$366&lt;&gt;"")</formula>
    </cfRule>
    <cfRule type="expression" dxfId="1051" priority="1358">
      <formula>AND(M$365="",M$366="")</formula>
    </cfRule>
  </conditionalFormatting>
  <conditionalFormatting sqref="N365:N366">
    <cfRule type="expression" dxfId="1050" priority="1355">
      <formula>OR(N$365&lt;&gt;"",N$366&lt;&gt;"")</formula>
    </cfRule>
    <cfRule type="expression" dxfId="1049" priority="1356">
      <formula>AND(N$365="",N$366="")</formula>
    </cfRule>
  </conditionalFormatting>
  <conditionalFormatting sqref="N367">
    <cfRule type="expression" dxfId="1048" priority="1354">
      <formula>AND(N$365="",N$366="")</formula>
    </cfRule>
  </conditionalFormatting>
  <conditionalFormatting sqref="M367">
    <cfRule type="expression" dxfId="1047" priority="1353">
      <formula>AND($M$266="",$M$267="")</formula>
    </cfRule>
  </conditionalFormatting>
  <conditionalFormatting sqref="M367">
    <cfRule type="expression" dxfId="1046" priority="1352">
      <formula>OR($M$266&lt;&gt;"",$M$267&lt;&gt;"")</formula>
    </cfRule>
  </conditionalFormatting>
  <conditionalFormatting sqref="N367">
    <cfRule type="expression" dxfId="1045" priority="1351">
      <formula>OR(N$365&lt;&gt;"",N$366&lt;&gt;"")</formula>
    </cfRule>
  </conditionalFormatting>
  <conditionalFormatting sqref="M269:M283">
    <cfRule type="expression" dxfId="1044" priority="1350">
      <formula>OR($M$266&lt;&gt;"",$M$267&lt;&gt;"")</formula>
    </cfRule>
  </conditionalFormatting>
  <conditionalFormatting sqref="M372">
    <cfRule type="expression" dxfId="1043" priority="1349">
      <formula>AND($M$266="",$M$267="")</formula>
    </cfRule>
  </conditionalFormatting>
  <conditionalFormatting sqref="M372">
    <cfRule type="expression" dxfId="1042" priority="1348">
      <formula>OR($M$266&lt;&gt;"",$M$267&lt;&gt;"")</formula>
    </cfRule>
  </conditionalFormatting>
  <conditionalFormatting sqref="M368:M371">
    <cfRule type="expression" dxfId="1041" priority="1345">
      <formula>AND($M$266="",$M$267="")</formula>
    </cfRule>
  </conditionalFormatting>
  <conditionalFormatting sqref="M368:M371">
    <cfRule type="expression" dxfId="1040" priority="1344">
      <formula>OR($M$266&lt;&gt;"",$M$267&lt;&gt;"")</formula>
    </cfRule>
  </conditionalFormatting>
  <conditionalFormatting sqref="N368:N371">
    <cfRule type="expression" dxfId="1039" priority="1343">
      <formula>AND(N$365="",N$366="")</formula>
    </cfRule>
  </conditionalFormatting>
  <conditionalFormatting sqref="N368:N371">
    <cfRule type="expression" dxfId="1038" priority="1342">
      <formula>OR(N$365&lt;&gt;"",N$366&lt;&gt;"")</formula>
    </cfRule>
  </conditionalFormatting>
  <conditionalFormatting sqref="N372">
    <cfRule type="expression" dxfId="1037" priority="1341">
      <formula>AND(N$365="",N$366="")</formula>
    </cfRule>
  </conditionalFormatting>
  <conditionalFormatting sqref="N372">
    <cfRule type="expression" dxfId="1036" priority="1340">
      <formula>OR(N$365&lt;&gt;"",N$366&lt;&gt;"")</formula>
    </cfRule>
  </conditionalFormatting>
  <conditionalFormatting sqref="O365:O366">
    <cfRule type="expression" dxfId="1035" priority="1338">
      <formula>OR(O$365&lt;&gt;"",O$366&lt;&gt;"")</formula>
    </cfRule>
    <cfRule type="expression" dxfId="1034" priority="1339">
      <formula>AND(O$365="",O$366="")</formula>
    </cfRule>
  </conditionalFormatting>
  <conditionalFormatting sqref="O367">
    <cfRule type="expression" dxfId="1033" priority="1337">
      <formula>AND(O$365="",O$366="")</formula>
    </cfRule>
  </conditionalFormatting>
  <conditionalFormatting sqref="O367">
    <cfRule type="expression" dxfId="1032" priority="1336">
      <formula>OR(O$365&lt;&gt;"",O$366&lt;&gt;"")</formula>
    </cfRule>
  </conditionalFormatting>
  <conditionalFormatting sqref="O368:O371">
    <cfRule type="expression" dxfId="1031" priority="1335">
      <formula>AND(O$365="",O$366="")</formula>
    </cfRule>
  </conditionalFormatting>
  <conditionalFormatting sqref="O368:O371">
    <cfRule type="expression" dxfId="1030" priority="1334">
      <formula>OR(O$365&lt;&gt;"",O$366&lt;&gt;"")</formula>
    </cfRule>
  </conditionalFormatting>
  <conditionalFormatting sqref="O372">
    <cfRule type="expression" dxfId="1029" priority="1333">
      <formula>AND(O$365="",O$366="")</formula>
    </cfRule>
  </conditionalFormatting>
  <conditionalFormatting sqref="O372">
    <cfRule type="expression" dxfId="1028" priority="1332">
      <formula>OR(O$365&lt;&gt;"",O$366&lt;&gt;"")</formula>
    </cfRule>
  </conditionalFormatting>
  <conditionalFormatting sqref="P365:P366">
    <cfRule type="expression" dxfId="1027" priority="1330">
      <formula>OR(P$365&lt;&gt;"",P$366&lt;&gt;"")</formula>
    </cfRule>
    <cfRule type="expression" dxfId="1026" priority="1331">
      <formula>AND(P$365="",P$366="")</formula>
    </cfRule>
  </conditionalFormatting>
  <conditionalFormatting sqref="P367">
    <cfRule type="expression" dxfId="1025" priority="1329">
      <formula>AND(P$365="",P$366="")</formula>
    </cfRule>
  </conditionalFormatting>
  <conditionalFormatting sqref="P367">
    <cfRule type="expression" dxfId="1024" priority="1328">
      <formula>OR(P$365&lt;&gt;"",P$366&lt;&gt;"")</formula>
    </cfRule>
  </conditionalFormatting>
  <conditionalFormatting sqref="P368:P371">
    <cfRule type="expression" dxfId="1023" priority="1327">
      <formula>AND(P$365="",P$366="")</formula>
    </cfRule>
  </conditionalFormatting>
  <conditionalFormatting sqref="P368:P371">
    <cfRule type="expression" dxfId="1022" priority="1326">
      <formula>OR(P$365&lt;&gt;"",P$366&lt;&gt;"")</formula>
    </cfRule>
  </conditionalFormatting>
  <conditionalFormatting sqref="P372">
    <cfRule type="expression" dxfId="1021" priority="1325">
      <formula>AND(P$365="",P$366="")</formula>
    </cfRule>
  </conditionalFormatting>
  <conditionalFormatting sqref="P372">
    <cfRule type="expression" dxfId="1020" priority="1324">
      <formula>OR(P$365&lt;&gt;"",P$366&lt;&gt;"")</formula>
    </cfRule>
  </conditionalFormatting>
  <conditionalFormatting sqref="Q365:Q366">
    <cfRule type="expression" dxfId="1019" priority="1322">
      <formula>OR(Q$365&lt;&gt;"",Q$366&lt;&gt;"")</formula>
    </cfRule>
    <cfRule type="expression" dxfId="1018" priority="1323">
      <formula>AND(Q$365="",Q$366="")</formula>
    </cfRule>
  </conditionalFormatting>
  <conditionalFormatting sqref="Q367">
    <cfRule type="expression" dxfId="1017" priority="1321">
      <formula>AND(Q$365="",Q$366="")</formula>
    </cfRule>
  </conditionalFormatting>
  <conditionalFormatting sqref="Q367">
    <cfRule type="expression" dxfId="1016" priority="1320">
      <formula>OR(Q$365&lt;&gt;"",Q$366&lt;&gt;"")</formula>
    </cfRule>
  </conditionalFormatting>
  <conditionalFormatting sqref="Q368:Q371">
    <cfRule type="expression" dxfId="1015" priority="1319">
      <formula>AND(Q$365="",Q$366="")</formula>
    </cfRule>
  </conditionalFormatting>
  <conditionalFormatting sqref="Q368:Q371">
    <cfRule type="expression" dxfId="1014" priority="1318">
      <formula>OR(Q$365&lt;&gt;"",Q$366&lt;&gt;"")</formula>
    </cfRule>
  </conditionalFormatting>
  <conditionalFormatting sqref="Q372">
    <cfRule type="expression" dxfId="1013" priority="1317">
      <formula>AND(Q$365="",Q$366="")</formula>
    </cfRule>
  </conditionalFormatting>
  <conditionalFormatting sqref="Q372">
    <cfRule type="expression" dxfId="1012" priority="1316">
      <formula>OR(Q$365&lt;&gt;"",Q$366&lt;&gt;"")</formula>
    </cfRule>
  </conditionalFormatting>
  <conditionalFormatting sqref="R365:R366">
    <cfRule type="expression" dxfId="1011" priority="1314">
      <formula>OR(R$365&lt;&gt;"",R$366&lt;&gt;"")</formula>
    </cfRule>
    <cfRule type="expression" dxfId="1010" priority="1315">
      <formula>AND(R$365="",R$366="")</formula>
    </cfRule>
  </conditionalFormatting>
  <conditionalFormatting sqref="R367">
    <cfRule type="expression" dxfId="1009" priority="1313">
      <formula>AND(R$365="",R$366="")</formula>
    </cfRule>
  </conditionalFormatting>
  <conditionalFormatting sqref="R367">
    <cfRule type="expression" dxfId="1008" priority="1312">
      <formula>OR(R$365&lt;&gt;"",R$366&lt;&gt;"")</formula>
    </cfRule>
  </conditionalFormatting>
  <conditionalFormatting sqref="R368:R371">
    <cfRule type="expression" dxfId="1007" priority="1311">
      <formula>AND(R$365="",R$366="")</formula>
    </cfRule>
  </conditionalFormatting>
  <conditionalFormatting sqref="R368:R371">
    <cfRule type="expression" dxfId="1006" priority="1310">
      <formula>OR(R$365&lt;&gt;"",R$366&lt;&gt;"")</formula>
    </cfRule>
  </conditionalFormatting>
  <conditionalFormatting sqref="R372">
    <cfRule type="expression" dxfId="1005" priority="1309">
      <formula>AND(R$365="",R$366="")</formula>
    </cfRule>
  </conditionalFormatting>
  <conditionalFormatting sqref="R372">
    <cfRule type="expression" dxfId="1004" priority="1308">
      <formula>OR(R$365&lt;&gt;"",R$366&lt;&gt;"")</formula>
    </cfRule>
  </conditionalFormatting>
  <conditionalFormatting sqref="S365:S366">
    <cfRule type="expression" dxfId="1003" priority="1306">
      <formula>OR(S$365&lt;&gt;"",S$366&lt;&gt;"")</formula>
    </cfRule>
    <cfRule type="expression" dxfId="1002" priority="1307">
      <formula>AND(S$365="",S$366="")</formula>
    </cfRule>
  </conditionalFormatting>
  <conditionalFormatting sqref="S367">
    <cfRule type="expression" dxfId="1001" priority="1305">
      <formula>AND(S$365="",S$366="")</formula>
    </cfRule>
  </conditionalFormatting>
  <conditionalFormatting sqref="S367">
    <cfRule type="expression" dxfId="1000" priority="1304">
      <formula>OR(S$365&lt;&gt;"",S$366&lt;&gt;"")</formula>
    </cfRule>
  </conditionalFormatting>
  <conditionalFormatting sqref="S368:S371">
    <cfRule type="expression" dxfId="999" priority="1303">
      <formula>AND(S$365="",S$366="")</formula>
    </cfRule>
  </conditionalFormatting>
  <conditionalFormatting sqref="S368:S371">
    <cfRule type="expression" dxfId="998" priority="1302">
      <formula>OR(S$365&lt;&gt;"",S$366&lt;&gt;"")</formula>
    </cfRule>
  </conditionalFormatting>
  <conditionalFormatting sqref="S372">
    <cfRule type="expression" dxfId="997" priority="1301">
      <formula>AND(S$365="",S$366="")</formula>
    </cfRule>
  </conditionalFormatting>
  <conditionalFormatting sqref="S372">
    <cfRule type="expression" dxfId="996" priority="1300">
      <formula>OR(S$365&lt;&gt;"",S$366&lt;&gt;"")</formula>
    </cfRule>
  </conditionalFormatting>
  <conditionalFormatting sqref="T365:T366">
    <cfRule type="expression" dxfId="995" priority="1298">
      <formula>OR(T$365&lt;&gt;"",T$366&lt;&gt;"")</formula>
    </cfRule>
    <cfRule type="expression" dxfId="994" priority="1299">
      <formula>AND(T$365="",T$366="")</formula>
    </cfRule>
  </conditionalFormatting>
  <conditionalFormatting sqref="T367">
    <cfRule type="expression" dxfId="993" priority="1297">
      <formula>AND(T$365="",T$366="")</formula>
    </cfRule>
  </conditionalFormatting>
  <conditionalFormatting sqref="T367">
    <cfRule type="expression" dxfId="992" priority="1296">
      <formula>OR(T$365&lt;&gt;"",T$366&lt;&gt;"")</formula>
    </cfRule>
  </conditionalFormatting>
  <conditionalFormatting sqref="T368:T371">
    <cfRule type="expression" dxfId="991" priority="1295">
      <formula>AND(T$365="",T$366="")</formula>
    </cfRule>
  </conditionalFormatting>
  <conditionalFormatting sqref="T368:T371">
    <cfRule type="expression" dxfId="990" priority="1294">
      <formula>OR(T$365&lt;&gt;"",T$366&lt;&gt;"")</formula>
    </cfRule>
  </conditionalFormatting>
  <conditionalFormatting sqref="T372">
    <cfRule type="expression" dxfId="989" priority="1293">
      <formula>AND(T$365="",T$366="")</formula>
    </cfRule>
  </conditionalFormatting>
  <conditionalFormatting sqref="T372">
    <cfRule type="expression" dxfId="988" priority="1292">
      <formula>OR(T$365&lt;&gt;"",T$366&lt;&gt;"")</formula>
    </cfRule>
  </conditionalFormatting>
  <conditionalFormatting sqref="U365:U366">
    <cfRule type="expression" dxfId="987" priority="1290">
      <formula>OR(U$365&lt;&gt;"",U$366&lt;&gt;"")</formula>
    </cfRule>
    <cfRule type="expression" dxfId="986" priority="1291">
      <formula>AND(U$365="",U$366="")</formula>
    </cfRule>
  </conditionalFormatting>
  <conditionalFormatting sqref="U367">
    <cfRule type="expression" dxfId="985" priority="1289">
      <formula>AND(U$365="",U$366="")</formula>
    </cfRule>
  </conditionalFormatting>
  <conditionalFormatting sqref="U367">
    <cfRule type="expression" dxfId="984" priority="1288">
      <formula>OR(U$365&lt;&gt;"",U$366&lt;&gt;"")</formula>
    </cfRule>
  </conditionalFormatting>
  <conditionalFormatting sqref="U368:U371">
    <cfRule type="expression" dxfId="983" priority="1287">
      <formula>AND(U$365="",U$366="")</formula>
    </cfRule>
  </conditionalFormatting>
  <conditionalFormatting sqref="U368:U371">
    <cfRule type="expression" dxfId="982" priority="1286">
      <formula>OR(U$365&lt;&gt;"",U$366&lt;&gt;"")</formula>
    </cfRule>
  </conditionalFormatting>
  <conditionalFormatting sqref="U372">
    <cfRule type="expression" dxfId="981" priority="1285">
      <formula>AND(U$365="",U$366="")</formula>
    </cfRule>
  </conditionalFormatting>
  <conditionalFormatting sqref="U372">
    <cfRule type="expression" dxfId="980" priority="1284">
      <formula>OR(U$365&lt;&gt;"",U$366&lt;&gt;"")</formula>
    </cfRule>
  </conditionalFormatting>
  <conditionalFormatting sqref="V365:V366">
    <cfRule type="expression" dxfId="979" priority="1282">
      <formula>OR(V$365&lt;&gt;"",V$366&lt;&gt;"")</formula>
    </cfRule>
    <cfRule type="expression" dxfId="978" priority="1283">
      <formula>AND(V$365="",V$366="")</formula>
    </cfRule>
  </conditionalFormatting>
  <conditionalFormatting sqref="V367">
    <cfRule type="expression" dxfId="977" priority="1281">
      <formula>AND(V$365="",V$366="")</formula>
    </cfRule>
  </conditionalFormatting>
  <conditionalFormatting sqref="V367">
    <cfRule type="expression" dxfId="976" priority="1280">
      <formula>OR(V$365&lt;&gt;"",V$366&lt;&gt;"")</formula>
    </cfRule>
  </conditionalFormatting>
  <conditionalFormatting sqref="V368:V371">
    <cfRule type="expression" dxfId="975" priority="1279">
      <formula>AND(V$365="",V$366="")</formula>
    </cfRule>
  </conditionalFormatting>
  <conditionalFormatting sqref="V368:V371">
    <cfRule type="expression" dxfId="974" priority="1278">
      <formula>OR(V$365&lt;&gt;"",V$366&lt;&gt;"")</formula>
    </cfRule>
  </conditionalFormatting>
  <conditionalFormatting sqref="V372">
    <cfRule type="expression" dxfId="973" priority="1277">
      <formula>AND(V$365="",V$366="")</formula>
    </cfRule>
  </conditionalFormatting>
  <conditionalFormatting sqref="V372">
    <cfRule type="expression" dxfId="972" priority="1276">
      <formula>OR(V$365&lt;&gt;"",V$366&lt;&gt;"")</formula>
    </cfRule>
  </conditionalFormatting>
  <conditionalFormatting sqref="W365:W366">
    <cfRule type="expression" dxfId="971" priority="1266">
      <formula>OR(W$365&lt;&gt;"",W$366&lt;&gt;"")</formula>
    </cfRule>
    <cfRule type="expression" dxfId="970" priority="1267">
      <formula>AND(W$365="",W$366="")</formula>
    </cfRule>
  </conditionalFormatting>
  <conditionalFormatting sqref="W367">
    <cfRule type="expression" dxfId="969" priority="1265">
      <formula>AND(W$365="",W$366="")</formula>
    </cfRule>
  </conditionalFormatting>
  <conditionalFormatting sqref="W367">
    <cfRule type="expression" dxfId="968" priority="1264">
      <formula>OR(W$365&lt;&gt;"",W$366&lt;&gt;"")</formula>
    </cfRule>
  </conditionalFormatting>
  <conditionalFormatting sqref="W368:W371">
    <cfRule type="expression" dxfId="967" priority="1263">
      <formula>AND(W$365="",W$366="")</formula>
    </cfRule>
  </conditionalFormatting>
  <conditionalFormatting sqref="W368:W371">
    <cfRule type="expression" dxfId="966" priority="1262">
      <formula>OR(W$365&lt;&gt;"",W$366&lt;&gt;"")</formula>
    </cfRule>
  </conditionalFormatting>
  <conditionalFormatting sqref="W372">
    <cfRule type="expression" dxfId="965" priority="1261">
      <formula>AND(W$365="",W$366="")</formula>
    </cfRule>
  </conditionalFormatting>
  <conditionalFormatting sqref="W372">
    <cfRule type="expression" dxfId="964" priority="1260">
      <formula>OR(W$365&lt;&gt;"",W$366&lt;&gt;"")</formula>
    </cfRule>
  </conditionalFormatting>
  <conditionalFormatting sqref="X365:X366">
    <cfRule type="expression" dxfId="963" priority="1258">
      <formula>OR(X$365&lt;&gt;"",X$366&lt;&gt;"")</formula>
    </cfRule>
    <cfRule type="expression" dxfId="962" priority="1259">
      <formula>AND(X$365="",X$366="")</formula>
    </cfRule>
  </conditionalFormatting>
  <conditionalFormatting sqref="X367">
    <cfRule type="expression" dxfId="961" priority="1257">
      <formula>AND(X$365="",X$366="")</formula>
    </cfRule>
  </conditionalFormatting>
  <conditionalFormatting sqref="X367">
    <cfRule type="expression" dxfId="960" priority="1256">
      <formula>OR(X$365&lt;&gt;"",X$366&lt;&gt;"")</formula>
    </cfRule>
  </conditionalFormatting>
  <conditionalFormatting sqref="X368:X371">
    <cfRule type="expression" dxfId="959" priority="1255">
      <formula>AND(X$365="",X$366="")</formula>
    </cfRule>
  </conditionalFormatting>
  <conditionalFormatting sqref="X368:X371">
    <cfRule type="expression" dxfId="958" priority="1254">
      <formula>OR(X$365&lt;&gt;"",X$366&lt;&gt;"")</formula>
    </cfRule>
  </conditionalFormatting>
  <conditionalFormatting sqref="X372">
    <cfRule type="expression" dxfId="957" priority="1253">
      <formula>AND(X$365="",X$366="")</formula>
    </cfRule>
  </conditionalFormatting>
  <conditionalFormatting sqref="X372">
    <cfRule type="expression" dxfId="956" priority="1252">
      <formula>OR(X$365&lt;&gt;"",X$366&lt;&gt;"")</formula>
    </cfRule>
  </conditionalFormatting>
  <conditionalFormatting sqref="Y365:Y366">
    <cfRule type="expression" dxfId="955" priority="1250">
      <formula>OR(Y$365&lt;&gt;"",Y$366&lt;&gt;"")</formula>
    </cfRule>
    <cfRule type="expression" dxfId="954" priority="1251">
      <formula>AND(Y$365="",Y$366="")</formula>
    </cfRule>
  </conditionalFormatting>
  <conditionalFormatting sqref="Y367">
    <cfRule type="expression" dxfId="953" priority="1249">
      <formula>AND(Y$365="",Y$366="")</formula>
    </cfRule>
  </conditionalFormatting>
  <conditionalFormatting sqref="Y367">
    <cfRule type="expression" dxfId="952" priority="1248">
      <formula>OR(Y$365&lt;&gt;"",Y$366&lt;&gt;"")</formula>
    </cfRule>
  </conditionalFormatting>
  <conditionalFormatting sqref="Y368:Y371">
    <cfRule type="expression" dxfId="951" priority="1247">
      <formula>AND(Y$365="",Y$366="")</formula>
    </cfRule>
  </conditionalFormatting>
  <conditionalFormatting sqref="Y368:Y371">
    <cfRule type="expression" dxfId="950" priority="1246">
      <formula>OR(Y$365&lt;&gt;"",Y$366&lt;&gt;"")</formula>
    </cfRule>
  </conditionalFormatting>
  <conditionalFormatting sqref="Y372">
    <cfRule type="expression" dxfId="949" priority="1245">
      <formula>AND(Y$365="",Y$366="")</formula>
    </cfRule>
  </conditionalFormatting>
  <conditionalFormatting sqref="Y372">
    <cfRule type="expression" dxfId="948" priority="1244">
      <formula>OR(Y$365&lt;&gt;"",Y$366&lt;&gt;"")</formula>
    </cfRule>
  </conditionalFormatting>
  <conditionalFormatting sqref="Z365:Z366">
    <cfRule type="expression" dxfId="947" priority="1242">
      <formula>OR(Z$365&lt;&gt;"",Z$366&lt;&gt;"")</formula>
    </cfRule>
    <cfRule type="expression" dxfId="946" priority="1243">
      <formula>AND(Z$365="",Z$366="")</formula>
    </cfRule>
  </conditionalFormatting>
  <conditionalFormatting sqref="Z367">
    <cfRule type="expression" dxfId="945" priority="1241">
      <formula>AND(Z$365="",Z$366="")</formula>
    </cfRule>
  </conditionalFormatting>
  <conditionalFormatting sqref="Z367">
    <cfRule type="expression" dxfId="944" priority="1240">
      <formula>OR(Z$365&lt;&gt;"",Z$366&lt;&gt;"")</formula>
    </cfRule>
  </conditionalFormatting>
  <conditionalFormatting sqref="Z368:Z371">
    <cfRule type="expression" dxfId="943" priority="1239">
      <formula>AND(Z$365="",Z$366="")</formula>
    </cfRule>
  </conditionalFormatting>
  <conditionalFormatting sqref="Z368:Z371">
    <cfRule type="expression" dxfId="942" priority="1238">
      <formula>OR(Z$365&lt;&gt;"",Z$366&lt;&gt;"")</formula>
    </cfRule>
  </conditionalFormatting>
  <conditionalFormatting sqref="Z372">
    <cfRule type="expression" dxfId="941" priority="1237">
      <formula>AND(Z$365="",Z$366="")</formula>
    </cfRule>
  </conditionalFormatting>
  <conditionalFormatting sqref="Z372">
    <cfRule type="expression" dxfId="940" priority="1236">
      <formula>OR(Z$365&lt;&gt;"",Z$366&lt;&gt;"")</formula>
    </cfRule>
  </conditionalFormatting>
  <conditionalFormatting sqref="AA365:AA366">
    <cfRule type="expression" dxfId="939" priority="1234">
      <formula>OR(AA$365&lt;&gt;"",AA$366&lt;&gt;"")</formula>
    </cfRule>
    <cfRule type="expression" dxfId="938" priority="1235">
      <formula>AND(AA$365="",AA$366="")</formula>
    </cfRule>
  </conditionalFormatting>
  <conditionalFormatting sqref="AA367">
    <cfRule type="expression" dxfId="937" priority="1233">
      <formula>AND(AA$365="",AA$366="")</formula>
    </cfRule>
  </conditionalFormatting>
  <conditionalFormatting sqref="AA367">
    <cfRule type="expression" dxfId="936" priority="1232">
      <formula>OR(AA$365&lt;&gt;"",AA$366&lt;&gt;"")</formula>
    </cfRule>
  </conditionalFormatting>
  <conditionalFormatting sqref="AA368:AA371">
    <cfRule type="expression" dxfId="935" priority="1231">
      <formula>AND(AA$365="",AA$366="")</formula>
    </cfRule>
  </conditionalFormatting>
  <conditionalFormatting sqref="AA368:AA371">
    <cfRule type="expression" dxfId="934" priority="1230">
      <formula>OR(AA$365&lt;&gt;"",AA$366&lt;&gt;"")</formula>
    </cfRule>
  </conditionalFormatting>
  <conditionalFormatting sqref="AA372">
    <cfRule type="expression" dxfId="933" priority="1229">
      <formula>AND(AA$365="",AA$366="")</formula>
    </cfRule>
  </conditionalFormatting>
  <conditionalFormatting sqref="AA372">
    <cfRule type="expression" dxfId="932" priority="1228">
      <formula>OR(AA$365&lt;&gt;"",AA$366&lt;&gt;"")</formula>
    </cfRule>
  </conditionalFormatting>
  <conditionalFormatting sqref="AB365:AB366">
    <cfRule type="expression" dxfId="931" priority="1226">
      <formula>OR(AB$365&lt;&gt;"",AB$366&lt;&gt;"")</formula>
    </cfRule>
    <cfRule type="expression" dxfId="930" priority="1227">
      <formula>AND(AB$365="",AB$366="")</formula>
    </cfRule>
  </conditionalFormatting>
  <conditionalFormatting sqref="AB367">
    <cfRule type="expression" dxfId="929" priority="1225">
      <formula>AND(AB$365="",AB$366="")</formula>
    </cfRule>
  </conditionalFormatting>
  <conditionalFormatting sqref="AB367">
    <cfRule type="expression" dxfId="928" priority="1224">
      <formula>OR(AB$365&lt;&gt;"",AB$366&lt;&gt;"")</formula>
    </cfRule>
  </conditionalFormatting>
  <conditionalFormatting sqref="AB368:AB371">
    <cfRule type="expression" dxfId="927" priority="1223">
      <formula>AND(AB$365="",AB$366="")</formula>
    </cfRule>
  </conditionalFormatting>
  <conditionalFormatting sqref="AB368:AB371">
    <cfRule type="expression" dxfId="926" priority="1222">
      <formula>OR(AB$365&lt;&gt;"",AB$366&lt;&gt;"")</formula>
    </cfRule>
  </conditionalFormatting>
  <conditionalFormatting sqref="AB372">
    <cfRule type="expression" dxfId="925" priority="1221">
      <formula>AND(AB$365="",AB$366="")</formula>
    </cfRule>
  </conditionalFormatting>
  <conditionalFormatting sqref="AB372">
    <cfRule type="expression" dxfId="924" priority="1220">
      <formula>OR(AB$365&lt;&gt;"",AB$366&lt;&gt;"")</formula>
    </cfRule>
  </conditionalFormatting>
  <conditionalFormatting sqref="AC365:AC366">
    <cfRule type="expression" dxfId="923" priority="1218">
      <formula>OR(AC$365&lt;&gt;"",AC$366&lt;&gt;"")</formula>
    </cfRule>
    <cfRule type="expression" dxfId="922" priority="1219">
      <formula>AND(AC$365="",AC$366="")</formula>
    </cfRule>
  </conditionalFormatting>
  <conditionalFormatting sqref="AC367">
    <cfRule type="expression" dxfId="921" priority="1217">
      <formula>AND(AC$365="",AC$366="")</formula>
    </cfRule>
  </conditionalFormatting>
  <conditionalFormatting sqref="AC367">
    <cfRule type="expression" dxfId="920" priority="1216">
      <formula>OR(AC$365&lt;&gt;"",AC$366&lt;&gt;"")</formula>
    </cfRule>
  </conditionalFormatting>
  <conditionalFormatting sqref="AC368:AC371">
    <cfRule type="expression" dxfId="919" priority="1215">
      <formula>AND(AC$365="",AC$366="")</formula>
    </cfRule>
  </conditionalFormatting>
  <conditionalFormatting sqref="AC368:AC371">
    <cfRule type="expression" dxfId="918" priority="1214">
      <formula>OR(AC$365&lt;&gt;"",AC$366&lt;&gt;"")</formula>
    </cfRule>
  </conditionalFormatting>
  <conditionalFormatting sqref="AC372">
    <cfRule type="expression" dxfId="917" priority="1213">
      <formula>AND(AC$365="",AC$366="")</formula>
    </cfRule>
  </conditionalFormatting>
  <conditionalFormatting sqref="AC372">
    <cfRule type="expression" dxfId="916" priority="1212">
      <formula>OR(AC$365&lt;&gt;"",AC$366&lt;&gt;"")</formula>
    </cfRule>
  </conditionalFormatting>
  <conditionalFormatting sqref="AD365:AD366">
    <cfRule type="expression" dxfId="915" priority="1210">
      <formula>OR(AD$365&lt;&gt;"",AD$366&lt;&gt;"")</formula>
    </cfRule>
    <cfRule type="expression" dxfId="914" priority="1211">
      <formula>AND(AD$365="",AD$366="")</formula>
    </cfRule>
  </conditionalFormatting>
  <conditionalFormatting sqref="AD367">
    <cfRule type="expression" dxfId="913" priority="1209">
      <formula>AND(AD$365="",AD$366="")</formula>
    </cfRule>
  </conditionalFormatting>
  <conditionalFormatting sqref="AD367">
    <cfRule type="expression" dxfId="912" priority="1208">
      <formula>OR(AD$365&lt;&gt;"",AD$366&lt;&gt;"")</formula>
    </cfRule>
  </conditionalFormatting>
  <conditionalFormatting sqref="AD368:AD371">
    <cfRule type="expression" dxfId="911" priority="1207">
      <formula>AND(AD$365="",AD$366="")</formula>
    </cfRule>
  </conditionalFormatting>
  <conditionalFormatting sqref="AD368:AD371">
    <cfRule type="expression" dxfId="910" priority="1206">
      <formula>OR(AD$365&lt;&gt;"",AD$366&lt;&gt;"")</formula>
    </cfRule>
  </conditionalFormatting>
  <conditionalFormatting sqref="AD372">
    <cfRule type="expression" dxfId="909" priority="1205">
      <formula>AND(AD$365="",AD$366="")</formula>
    </cfRule>
  </conditionalFormatting>
  <conditionalFormatting sqref="AD372">
    <cfRule type="expression" dxfId="908" priority="1204">
      <formula>OR(AD$365&lt;&gt;"",AD$366&lt;&gt;"")</formula>
    </cfRule>
  </conditionalFormatting>
  <conditionalFormatting sqref="AE365:AE366">
    <cfRule type="expression" dxfId="907" priority="1202">
      <formula>OR(AE$365&lt;&gt;"",AE$366&lt;&gt;"")</formula>
    </cfRule>
    <cfRule type="expression" dxfId="906" priority="1203">
      <formula>AND(AE$365="",AE$366="")</formula>
    </cfRule>
  </conditionalFormatting>
  <conditionalFormatting sqref="AE367">
    <cfRule type="expression" dxfId="905" priority="1201">
      <formula>AND(AE$365="",AE$366="")</formula>
    </cfRule>
  </conditionalFormatting>
  <conditionalFormatting sqref="AE367">
    <cfRule type="expression" dxfId="904" priority="1200">
      <formula>OR(AE$365&lt;&gt;"",AE$366&lt;&gt;"")</formula>
    </cfRule>
  </conditionalFormatting>
  <conditionalFormatting sqref="AE368:AE371">
    <cfRule type="expression" dxfId="903" priority="1199">
      <formula>AND(AE$365="",AE$366="")</formula>
    </cfRule>
  </conditionalFormatting>
  <conditionalFormatting sqref="AE368:AE371">
    <cfRule type="expression" dxfId="902" priority="1198">
      <formula>OR(AE$365&lt;&gt;"",AE$366&lt;&gt;"")</formula>
    </cfRule>
  </conditionalFormatting>
  <conditionalFormatting sqref="AE372">
    <cfRule type="expression" dxfId="901" priority="1197">
      <formula>AND(AE$365="",AE$366="")</formula>
    </cfRule>
  </conditionalFormatting>
  <conditionalFormatting sqref="AE372">
    <cfRule type="expression" dxfId="900" priority="1196">
      <formula>OR(AE$365&lt;&gt;"",AE$366&lt;&gt;"")</formula>
    </cfRule>
  </conditionalFormatting>
  <conditionalFormatting sqref="AF365:AF366">
    <cfRule type="expression" dxfId="899" priority="1194">
      <formula>OR(AF$365&lt;&gt;"",AF$366&lt;&gt;"")</formula>
    </cfRule>
    <cfRule type="expression" dxfId="898" priority="1195">
      <formula>AND(AF$365="",AF$366="")</formula>
    </cfRule>
  </conditionalFormatting>
  <conditionalFormatting sqref="AF367">
    <cfRule type="expression" dxfId="897" priority="1193">
      <formula>AND(AF$365="",AF$366="")</formula>
    </cfRule>
  </conditionalFormatting>
  <conditionalFormatting sqref="AF367">
    <cfRule type="expression" dxfId="896" priority="1192">
      <formula>OR(AF$365&lt;&gt;"",AF$366&lt;&gt;"")</formula>
    </cfRule>
  </conditionalFormatting>
  <conditionalFormatting sqref="AF368:AF371">
    <cfRule type="expression" dxfId="895" priority="1191">
      <formula>AND(AF$365="",AF$366="")</formula>
    </cfRule>
  </conditionalFormatting>
  <conditionalFormatting sqref="AF368:AF371">
    <cfRule type="expression" dxfId="894" priority="1190">
      <formula>OR(AF$365&lt;&gt;"",AF$366&lt;&gt;"")</formula>
    </cfRule>
  </conditionalFormatting>
  <conditionalFormatting sqref="AF372">
    <cfRule type="expression" dxfId="893" priority="1189">
      <formula>AND(AF$365="",AF$366="")</formula>
    </cfRule>
  </conditionalFormatting>
  <conditionalFormatting sqref="AF372">
    <cfRule type="expression" dxfId="892" priority="1188">
      <formula>OR(AF$365&lt;&gt;"",AF$366&lt;&gt;"")</formula>
    </cfRule>
  </conditionalFormatting>
  <conditionalFormatting sqref="AG365:AG366">
    <cfRule type="expression" dxfId="891" priority="1186">
      <formula>OR(AG$365&lt;&gt;"",AG$366&lt;&gt;"")</formula>
    </cfRule>
    <cfRule type="expression" dxfId="890" priority="1187">
      <formula>AND(AG$365="",AG$366="")</formula>
    </cfRule>
  </conditionalFormatting>
  <conditionalFormatting sqref="AG367">
    <cfRule type="expression" dxfId="889" priority="1185">
      <formula>AND(AG$365="",AG$366="")</formula>
    </cfRule>
  </conditionalFormatting>
  <conditionalFormatting sqref="AG367">
    <cfRule type="expression" dxfId="888" priority="1184">
      <formula>OR(AG$365&lt;&gt;"",AG$366&lt;&gt;"")</formula>
    </cfRule>
  </conditionalFormatting>
  <conditionalFormatting sqref="AG368:AG371">
    <cfRule type="expression" dxfId="887" priority="1183">
      <formula>AND(AG$365="",AG$366="")</formula>
    </cfRule>
  </conditionalFormatting>
  <conditionalFormatting sqref="AG368:AG371">
    <cfRule type="expression" dxfId="886" priority="1182">
      <formula>OR(AG$365&lt;&gt;"",AG$366&lt;&gt;"")</formula>
    </cfRule>
  </conditionalFormatting>
  <conditionalFormatting sqref="AG372">
    <cfRule type="expression" dxfId="885" priority="1181">
      <formula>AND(AG$365="",AG$366="")</formula>
    </cfRule>
  </conditionalFormatting>
  <conditionalFormatting sqref="AG372">
    <cfRule type="expression" dxfId="884" priority="1180">
      <formula>OR(AG$365&lt;&gt;"",AG$366&lt;&gt;"")</formula>
    </cfRule>
  </conditionalFormatting>
  <conditionalFormatting sqref="AH365:AH366">
    <cfRule type="expression" dxfId="883" priority="1178">
      <formula>OR(AH$365&lt;&gt;"",AH$366&lt;&gt;"")</formula>
    </cfRule>
    <cfRule type="expression" dxfId="882" priority="1179">
      <formula>AND(AH$365="",AH$366="")</formula>
    </cfRule>
  </conditionalFormatting>
  <conditionalFormatting sqref="AH367">
    <cfRule type="expression" dxfId="881" priority="1177">
      <formula>AND(AH$365="",AH$366="")</formula>
    </cfRule>
  </conditionalFormatting>
  <conditionalFormatting sqref="AH367">
    <cfRule type="expression" dxfId="880" priority="1176">
      <formula>OR(AH$365&lt;&gt;"",AH$366&lt;&gt;"")</formula>
    </cfRule>
  </conditionalFormatting>
  <conditionalFormatting sqref="AH368:AH371">
    <cfRule type="expression" dxfId="879" priority="1175">
      <formula>AND(AH$365="",AH$366="")</formula>
    </cfRule>
  </conditionalFormatting>
  <conditionalFormatting sqref="AH368:AH371">
    <cfRule type="expression" dxfId="878" priority="1174">
      <formula>OR(AH$365&lt;&gt;"",AH$366&lt;&gt;"")</formula>
    </cfRule>
  </conditionalFormatting>
  <conditionalFormatting sqref="AH372">
    <cfRule type="expression" dxfId="877" priority="1173">
      <formula>AND(AH$365="",AH$366="")</formula>
    </cfRule>
  </conditionalFormatting>
  <conditionalFormatting sqref="AH372">
    <cfRule type="expression" dxfId="876" priority="1172">
      <formula>OR(AH$365&lt;&gt;"",AH$366&lt;&gt;"")</formula>
    </cfRule>
  </conditionalFormatting>
  <conditionalFormatting sqref="AI365:AI366">
    <cfRule type="expression" dxfId="875" priority="1170">
      <formula>OR(AI$365&lt;&gt;"",AI$366&lt;&gt;"")</formula>
    </cfRule>
    <cfRule type="expression" dxfId="874" priority="1171">
      <formula>AND(AI$365="",AI$366="")</formula>
    </cfRule>
  </conditionalFormatting>
  <conditionalFormatting sqref="AI367">
    <cfRule type="expression" dxfId="873" priority="1169">
      <formula>AND(AI$365="",AI$366="")</formula>
    </cfRule>
  </conditionalFormatting>
  <conditionalFormatting sqref="AI367">
    <cfRule type="expression" dxfId="872" priority="1168">
      <formula>OR(AI$365&lt;&gt;"",AI$366&lt;&gt;"")</formula>
    </cfRule>
  </conditionalFormatting>
  <conditionalFormatting sqref="AI368:AI371">
    <cfRule type="expression" dxfId="871" priority="1167">
      <formula>AND(AI$365="",AI$366="")</formula>
    </cfRule>
  </conditionalFormatting>
  <conditionalFormatting sqref="AI368:AI371">
    <cfRule type="expression" dxfId="870" priority="1166">
      <formula>OR(AI$365&lt;&gt;"",AI$366&lt;&gt;"")</formula>
    </cfRule>
  </conditionalFormatting>
  <conditionalFormatting sqref="AI372">
    <cfRule type="expression" dxfId="869" priority="1165">
      <formula>AND(AI$365="",AI$366="")</formula>
    </cfRule>
  </conditionalFormatting>
  <conditionalFormatting sqref="AI372">
    <cfRule type="expression" dxfId="868" priority="1164">
      <formula>OR(AI$365&lt;&gt;"",AI$366&lt;&gt;"")</formula>
    </cfRule>
  </conditionalFormatting>
  <conditionalFormatting sqref="AJ365:AJ366">
    <cfRule type="expression" dxfId="867" priority="1162">
      <formula>OR(AJ$365&lt;&gt;"",AJ$366&lt;&gt;"")</formula>
    </cfRule>
    <cfRule type="expression" dxfId="866" priority="1163">
      <formula>AND(AJ$365="",AJ$366="")</formula>
    </cfRule>
  </conditionalFormatting>
  <conditionalFormatting sqref="AJ367">
    <cfRule type="expression" dxfId="865" priority="1161">
      <formula>AND(AJ$365="",AJ$366="")</formula>
    </cfRule>
  </conditionalFormatting>
  <conditionalFormatting sqref="AJ367">
    <cfRule type="expression" dxfId="864" priority="1160">
      <formula>OR(AJ$365&lt;&gt;"",AJ$366&lt;&gt;"")</formula>
    </cfRule>
  </conditionalFormatting>
  <conditionalFormatting sqref="AJ368:AJ371">
    <cfRule type="expression" dxfId="863" priority="1159">
      <formula>AND(AJ$365="",AJ$366="")</formula>
    </cfRule>
  </conditionalFormatting>
  <conditionalFormatting sqref="AJ368:AJ371">
    <cfRule type="expression" dxfId="862" priority="1158">
      <formula>OR(AJ$365&lt;&gt;"",AJ$366&lt;&gt;"")</formula>
    </cfRule>
  </conditionalFormatting>
  <conditionalFormatting sqref="AJ372">
    <cfRule type="expression" dxfId="861" priority="1157">
      <formula>AND(AJ$365="",AJ$366="")</formula>
    </cfRule>
  </conditionalFormatting>
  <conditionalFormatting sqref="AJ372">
    <cfRule type="expression" dxfId="860" priority="1156">
      <formula>OR(AJ$365&lt;&gt;"",AJ$366&lt;&gt;"")</formula>
    </cfRule>
  </conditionalFormatting>
  <conditionalFormatting sqref="AK365:AK366">
    <cfRule type="expression" dxfId="859" priority="1154">
      <formula>OR(AK$365&lt;&gt;"",AK$366&lt;&gt;"")</formula>
    </cfRule>
    <cfRule type="expression" dxfId="858" priority="1155">
      <formula>AND(AK$365="",AK$366="")</formula>
    </cfRule>
  </conditionalFormatting>
  <conditionalFormatting sqref="AK367">
    <cfRule type="expression" dxfId="857" priority="1153">
      <formula>AND(AK$365="",AK$366="")</formula>
    </cfRule>
  </conditionalFormatting>
  <conditionalFormatting sqref="AK367">
    <cfRule type="expression" dxfId="856" priority="1152">
      <formula>OR(AK$365&lt;&gt;"",AK$366&lt;&gt;"")</formula>
    </cfRule>
  </conditionalFormatting>
  <conditionalFormatting sqref="AK368:AK371">
    <cfRule type="expression" dxfId="855" priority="1151">
      <formula>AND(AK$365="",AK$366="")</formula>
    </cfRule>
  </conditionalFormatting>
  <conditionalFormatting sqref="AK368:AK371">
    <cfRule type="expression" dxfId="854" priority="1150">
      <formula>OR(AK$365&lt;&gt;"",AK$366&lt;&gt;"")</formula>
    </cfRule>
  </conditionalFormatting>
  <conditionalFormatting sqref="AK372">
    <cfRule type="expression" dxfId="853" priority="1149">
      <formula>AND(AK$365="",AK$366="")</formula>
    </cfRule>
  </conditionalFormatting>
  <conditionalFormatting sqref="AK372">
    <cfRule type="expression" dxfId="852" priority="1148">
      <formula>OR(AK$365&lt;&gt;"",AK$366&lt;&gt;"")</formula>
    </cfRule>
  </conditionalFormatting>
  <conditionalFormatting sqref="AL365:AL366">
    <cfRule type="expression" dxfId="851" priority="1146">
      <formula>OR(AL$365&lt;&gt;"",AL$366&lt;&gt;"")</formula>
    </cfRule>
    <cfRule type="expression" dxfId="850" priority="1147">
      <formula>AND(AL$365="",AL$366="")</formula>
    </cfRule>
  </conditionalFormatting>
  <conditionalFormatting sqref="AL367">
    <cfRule type="expression" dxfId="849" priority="1145">
      <formula>AND(AL$365="",AL$366="")</formula>
    </cfRule>
  </conditionalFormatting>
  <conditionalFormatting sqref="AL367">
    <cfRule type="expression" dxfId="848" priority="1144">
      <formula>OR(AL$365&lt;&gt;"",AL$366&lt;&gt;"")</formula>
    </cfRule>
  </conditionalFormatting>
  <conditionalFormatting sqref="AL368:AL371">
    <cfRule type="expression" dxfId="847" priority="1143">
      <formula>AND(AL$365="",AL$366="")</formula>
    </cfRule>
  </conditionalFormatting>
  <conditionalFormatting sqref="AL368:AL371">
    <cfRule type="expression" dxfId="846" priority="1142">
      <formula>OR(AL$365&lt;&gt;"",AL$366&lt;&gt;"")</formula>
    </cfRule>
  </conditionalFormatting>
  <conditionalFormatting sqref="AL372">
    <cfRule type="expression" dxfId="845" priority="1141">
      <formula>AND(AL$365="",AL$366="")</formula>
    </cfRule>
  </conditionalFormatting>
  <conditionalFormatting sqref="AL372">
    <cfRule type="expression" dxfId="844" priority="1140">
      <formula>OR(AL$365&lt;&gt;"",AL$366&lt;&gt;"")</formula>
    </cfRule>
  </conditionalFormatting>
  <conditionalFormatting sqref="AM365:AM366">
    <cfRule type="expression" dxfId="843" priority="1138">
      <formula>OR(AM$365&lt;&gt;"",AM$366&lt;&gt;"")</formula>
    </cfRule>
    <cfRule type="expression" dxfId="842" priority="1139">
      <formula>AND(AM$365="",AM$366="")</formula>
    </cfRule>
  </conditionalFormatting>
  <conditionalFormatting sqref="AM367">
    <cfRule type="expression" dxfId="841" priority="1137">
      <formula>AND(AM$365="",AM$366="")</formula>
    </cfRule>
  </conditionalFormatting>
  <conditionalFormatting sqref="AM367">
    <cfRule type="expression" dxfId="840" priority="1136">
      <formula>OR(AM$365&lt;&gt;"",AM$366&lt;&gt;"")</formula>
    </cfRule>
  </conditionalFormatting>
  <conditionalFormatting sqref="AM368:AM371">
    <cfRule type="expression" dxfId="839" priority="1135">
      <formula>AND(AM$365="",AM$366="")</formula>
    </cfRule>
  </conditionalFormatting>
  <conditionalFormatting sqref="AM368:AM371">
    <cfRule type="expression" dxfId="838" priority="1134">
      <formula>OR(AM$365&lt;&gt;"",AM$366&lt;&gt;"")</formula>
    </cfRule>
  </conditionalFormatting>
  <conditionalFormatting sqref="AM372">
    <cfRule type="expression" dxfId="837" priority="1133">
      <formula>AND(AM$365="",AM$366="")</formula>
    </cfRule>
  </conditionalFormatting>
  <conditionalFormatting sqref="AM372">
    <cfRule type="expression" dxfId="836" priority="1132">
      <formula>OR(AM$365&lt;&gt;"",AM$366&lt;&gt;"")</formula>
    </cfRule>
  </conditionalFormatting>
  <conditionalFormatting sqref="BS365:BS366">
    <cfRule type="expression" dxfId="835" priority="1122">
      <formula>OR(BS$365&lt;&gt;"",BS$366&lt;&gt;"")</formula>
    </cfRule>
    <cfRule type="expression" dxfId="834" priority="1123">
      <formula>AND(BS$365="",BS$366="")</formula>
    </cfRule>
  </conditionalFormatting>
  <conditionalFormatting sqref="BS367">
    <cfRule type="expression" dxfId="833" priority="1121">
      <formula>AND(BS$365="",BS$366="")</formula>
    </cfRule>
  </conditionalFormatting>
  <conditionalFormatting sqref="BS367">
    <cfRule type="expression" dxfId="832" priority="1120">
      <formula>OR(BS$365&lt;&gt;"",BS$366&lt;&gt;"")</formula>
    </cfRule>
  </conditionalFormatting>
  <conditionalFormatting sqref="BS368:BS371">
    <cfRule type="expression" dxfId="831" priority="1119">
      <formula>AND(BS$365="",BS$366="")</formula>
    </cfRule>
  </conditionalFormatting>
  <conditionalFormatting sqref="BS368:BS371">
    <cfRule type="expression" dxfId="830" priority="1118">
      <formula>OR(BS$365&lt;&gt;"",BS$366&lt;&gt;"")</formula>
    </cfRule>
  </conditionalFormatting>
  <conditionalFormatting sqref="BS372">
    <cfRule type="expression" dxfId="829" priority="1117">
      <formula>AND(BS$365="",BS$366="")</formula>
    </cfRule>
  </conditionalFormatting>
  <conditionalFormatting sqref="BS372">
    <cfRule type="expression" dxfId="828" priority="1116">
      <formula>OR(BS$365&lt;&gt;"",BS$366&lt;&gt;"")</formula>
    </cfRule>
  </conditionalFormatting>
  <conditionalFormatting sqref="BR365:BR366">
    <cfRule type="expression" dxfId="827" priority="1114">
      <formula>OR(BR$365&lt;&gt;"",BR$366&lt;&gt;"")</formula>
    </cfRule>
    <cfRule type="expression" dxfId="826" priority="1115">
      <formula>AND(BR$365="",BR$366="")</formula>
    </cfRule>
  </conditionalFormatting>
  <conditionalFormatting sqref="BR367">
    <cfRule type="expression" dxfId="825" priority="1113">
      <formula>AND(BR$365="",BR$366="")</formula>
    </cfRule>
  </conditionalFormatting>
  <conditionalFormatting sqref="BR367">
    <cfRule type="expression" dxfId="824" priority="1112">
      <formula>OR(BR$365&lt;&gt;"",BR$366&lt;&gt;"")</formula>
    </cfRule>
  </conditionalFormatting>
  <conditionalFormatting sqref="BR368:BR371">
    <cfRule type="expression" dxfId="823" priority="1111">
      <formula>AND(BR$365="",BR$366="")</formula>
    </cfRule>
  </conditionalFormatting>
  <conditionalFormatting sqref="BR368:BR371">
    <cfRule type="expression" dxfId="822" priority="1110">
      <formula>OR(BR$365&lt;&gt;"",BR$366&lt;&gt;"")</formula>
    </cfRule>
  </conditionalFormatting>
  <conditionalFormatting sqref="BR372">
    <cfRule type="expression" dxfId="821" priority="1109">
      <formula>AND(BR$365="",BR$366="")</formula>
    </cfRule>
  </conditionalFormatting>
  <conditionalFormatting sqref="BR372">
    <cfRule type="expression" dxfId="820" priority="1108">
      <formula>OR(BR$365&lt;&gt;"",BR$366&lt;&gt;"")</formula>
    </cfRule>
  </conditionalFormatting>
  <conditionalFormatting sqref="BQ365:BQ366">
    <cfRule type="expression" dxfId="819" priority="1106">
      <formula>OR(BQ$365&lt;&gt;"",BQ$366&lt;&gt;"")</formula>
    </cfRule>
    <cfRule type="expression" dxfId="818" priority="1107">
      <formula>AND(BQ$365="",BQ$366="")</formula>
    </cfRule>
  </conditionalFormatting>
  <conditionalFormatting sqref="BQ367">
    <cfRule type="expression" dxfId="817" priority="1105">
      <formula>AND(BQ$365="",BQ$366="")</formula>
    </cfRule>
  </conditionalFormatting>
  <conditionalFormatting sqref="BQ367">
    <cfRule type="expression" dxfId="816" priority="1104">
      <formula>OR(BQ$365&lt;&gt;"",BQ$366&lt;&gt;"")</formula>
    </cfRule>
  </conditionalFormatting>
  <conditionalFormatting sqref="BQ368:BQ371">
    <cfRule type="expression" dxfId="815" priority="1103">
      <formula>AND(BQ$365="",BQ$366="")</formula>
    </cfRule>
  </conditionalFormatting>
  <conditionalFormatting sqref="BQ368:BQ371">
    <cfRule type="expression" dxfId="814" priority="1102">
      <formula>OR(BQ$365&lt;&gt;"",BQ$366&lt;&gt;"")</formula>
    </cfRule>
  </conditionalFormatting>
  <conditionalFormatting sqref="BQ372">
    <cfRule type="expression" dxfId="813" priority="1101">
      <formula>AND(BQ$365="",BQ$366="")</formula>
    </cfRule>
  </conditionalFormatting>
  <conditionalFormatting sqref="BQ372">
    <cfRule type="expression" dxfId="812" priority="1100">
      <formula>OR(BQ$365&lt;&gt;"",BQ$366&lt;&gt;"")</formula>
    </cfRule>
  </conditionalFormatting>
  <conditionalFormatting sqref="BP365:BP366">
    <cfRule type="expression" dxfId="811" priority="1098">
      <formula>OR(BP$365&lt;&gt;"",BP$366&lt;&gt;"")</formula>
    </cfRule>
    <cfRule type="expression" dxfId="810" priority="1099">
      <formula>AND(BP$365="",BP$366="")</formula>
    </cfRule>
  </conditionalFormatting>
  <conditionalFormatting sqref="BP367">
    <cfRule type="expression" dxfId="809" priority="1097">
      <formula>AND(BP$365="",BP$366="")</formula>
    </cfRule>
  </conditionalFormatting>
  <conditionalFormatting sqref="BP367">
    <cfRule type="expression" dxfId="808" priority="1096">
      <formula>OR(BP$365&lt;&gt;"",BP$366&lt;&gt;"")</formula>
    </cfRule>
  </conditionalFormatting>
  <conditionalFormatting sqref="BP368:BP371">
    <cfRule type="expression" dxfId="807" priority="1095">
      <formula>AND(BP$365="",BP$366="")</formula>
    </cfRule>
  </conditionalFormatting>
  <conditionalFormatting sqref="BP368:BP371">
    <cfRule type="expression" dxfId="806" priority="1094">
      <formula>OR(BP$365&lt;&gt;"",BP$366&lt;&gt;"")</formula>
    </cfRule>
  </conditionalFormatting>
  <conditionalFormatting sqref="BP372">
    <cfRule type="expression" dxfId="805" priority="1093">
      <formula>AND(BP$365="",BP$366="")</formula>
    </cfRule>
  </conditionalFormatting>
  <conditionalFormatting sqref="BP372">
    <cfRule type="expression" dxfId="804" priority="1092">
      <formula>OR(BP$365&lt;&gt;"",BP$366&lt;&gt;"")</formula>
    </cfRule>
  </conditionalFormatting>
  <conditionalFormatting sqref="BO365:BO366">
    <cfRule type="expression" dxfId="803" priority="1090">
      <formula>OR(BO$365&lt;&gt;"",BO$366&lt;&gt;"")</formula>
    </cfRule>
    <cfRule type="expression" dxfId="802" priority="1091">
      <formula>AND(BO$365="",BO$366="")</formula>
    </cfRule>
  </conditionalFormatting>
  <conditionalFormatting sqref="BO367">
    <cfRule type="expression" dxfId="801" priority="1089">
      <formula>AND(BO$365="",BO$366="")</formula>
    </cfRule>
  </conditionalFormatting>
  <conditionalFormatting sqref="BO367">
    <cfRule type="expression" dxfId="800" priority="1088">
      <formula>OR(BO$365&lt;&gt;"",BO$366&lt;&gt;"")</formula>
    </cfRule>
  </conditionalFormatting>
  <conditionalFormatting sqref="BO368:BO371">
    <cfRule type="expression" dxfId="799" priority="1087">
      <formula>AND(BO$365="",BO$366="")</formula>
    </cfRule>
  </conditionalFormatting>
  <conditionalFormatting sqref="BO368:BO371">
    <cfRule type="expression" dxfId="798" priority="1086">
      <formula>OR(BO$365&lt;&gt;"",BO$366&lt;&gt;"")</formula>
    </cfRule>
  </conditionalFormatting>
  <conditionalFormatting sqref="BO372">
    <cfRule type="expression" dxfId="797" priority="1085">
      <formula>AND(BO$365="",BO$366="")</formula>
    </cfRule>
  </conditionalFormatting>
  <conditionalFormatting sqref="BO372">
    <cfRule type="expression" dxfId="796" priority="1084">
      <formula>OR(BO$365&lt;&gt;"",BO$366&lt;&gt;"")</formula>
    </cfRule>
  </conditionalFormatting>
  <conditionalFormatting sqref="BN365:BN366">
    <cfRule type="expression" dxfId="795" priority="1082">
      <formula>OR(BN$365&lt;&gt;"",BN$366&lt;&gt;"")</formula>
    </cfRule>
    <cfRule type="expression" dxfId="794" priority="1083">
      <formula>AND(BN$365="",BN$366="")</formula>
    </cfRule>
  </conditionalFormatting>
  <conditionalFormatting sqref="BN367">
    <cfRule type="expression" dxfId="793" priority="1081">
      <formula>AND(BN$365="",BN$366="")</formula>
    </cfRule>
  </conditionalFormatting>
  <conditionalFormatting sqref="BN367">
    <cfRule type="expression" dxfId="792" priority="1080">
      <formula>OR(BN$365&lt;&gt;"",BN$366&lt;&gt;"")</formula>
    </cfRule>
  </conditionalFormatting>
  <conditionalFormatting sqref="BN368:BN371">
    <cfRule type="expression" dxfId="791" priority="1079">
      <formula>AND(BN$365="",BN$366="")</formula>
    </cfRule>
  </conditionalFormatting>
  <conditionalFormatting sqref="BN368:BN371">
    <cfRule type="expression" dxfId="790" priority="1078">
      <formula>OR(BN$365&lt;&gt;"",BN$366&lt;&gt;"")</formula>
    </cfRule>
  </conditionalFormatting>
  <conditionalFormatting sqref="BN372">
    <cfRule type="expression" dxfId="789" priority="1077">
      <formula>AND(BN$365="",BN$366="")</formula>
    </cfRule>
  </conditionalFormatting>
  <conditionalFormatting sqref="BN372">
    <cfRule type="expression" dxfId="788" priority="1076">
      <formula>OR(BN$365&lt;&gt;"",BN$366&lt;&gt;"")</formula>
    </cfRule>
  </conditionalFormatting>
  <conditionalFormatting sqref="BM365:BM366">
    <cfRule type="expression" dxfId="787" priority="1074">
      <formula>OR(BM$365&lt;&gt;"",BM$366&lt;&gt;"")</formula>
    </cfRule>
    <cfRule type="expression" dxfId="786" priority="1075">
      <formula>AND(BM$365="",BM$366="")</formula>
    </cfRule>
  </conditionalFormatting>
  <conditionalFormatting sqref="BM367">
    <cfRule type="expression" dxfId="785" priority="1073">
      <formula>AND(BM$365="",BM$366="")</formula>
    </cfRule>
  </conditionalFormatting>
  <conditionalFormatting sqref="BM367">
    <cfRule type="expression" dxfId="784" priority="1072">
      <formula>OR(BM$365&lt;&gt;"",BM$366&lt;&gt;"")</formula>
    </cfRule>
  </conditionalFormatting>
  <conditionalFormatting sqref="BM368:BM371">
    <cfRule type="expression" dxfId="783" priority="1071">
      <formula>AND(BM$365="",BM$366="")</formula>
    </cfRule>
  </conditionalFormatting>
  <conditionalFormatting sqref="BM368:BM371">
    <cfRule type="expression" dxfId="782" priority="1070">
      <formula>OR(BM$365&lt;&gt;"",BM$366&lt;&gt;"")</formula>
    </cfRule>
  </conditionalFormatting>
  <conditionalFormatting sqref="BM372">
    <cfRule type="expression" dxfId="781" priority="1069">
      <formula>AND(BM$365="",BM$366="")</formula>
    </cfRule>
  </conditionalFormatting>
  <conditionalFormatting sqref="BM372">
    <cfRule type="expression" dxfId="780" priority="1068">
      <formula>OR(BM$365&lt;&gt;"",BM$366&lt;&gt;"")</formula>
    </cfRule>
  </conditionalFormatting>
  <conditionalFormatting sqref="BL365:BL366">
    <cfRule type="expression" dxfId="779" priority="1066">
      <formula>OR(BL$365&lt;&gt;"",BL$366&lt;&gt;"")</formula>
    </cfRule>
    <cfRule type="expression" dxfId="778" priority="1067">
      <formula>AND(BL$365="",BL$366="")</formula>
    </cfRule>
  </conditionalFormatting>
  <conditionalFormatting sqref="BL367">
    <cfRule type="expression" dxfId="777" priority="1065">
      <formula>AND(BL$365="",BL$366="")</formula>
    </cfRule>
  </conditionalFormatting>
  <conditionalFormatting sqref="BL367">
    <cfRule type="expression" dxfId="776" priority="1064">
      <formula>OR(BL$365&lt;&gt;"",BL$366&lt;&gt;"")</formula>
    </cfRule>
  </conditionalFormatting>
  <conditionalFormatting sqref="BL368:BL371">
    <cfRule type="expression" dxfId="775" priority="1063">
      <formula>AND(BL$365="",BL$366="")</formula>
    </cfRule>
  </conditionalFormatting>
  <conditionalFormatting sqref="BL368:BL371">
    <cfRule type="expression" dxfId="774" priority="1062">
      <formula>OR(BL$365&lt;&gt;"",BL$366&lt;&gt;"")</formula>
    </cfRule>
  </conditionalFormatting>
  <conditionalFormatting sqref="BL372">
    <cfRule type="expression" dxfId="773" priority="1061">
      <formula>AND(BL$365="",BL$366="")</formula>
    </cfRule>
  </conditionalFormatting>
  <conditionalFormatting sqref="BL372">
    <cfRule type="expression" dxfId="772" priority="1060">
      <formula>OR(BL$365&lt;&gt;"",BL$366&lt;&gt;"")</formula>
    </cfRule>
  </conditionalFormatting>
  <conditionalFormatting sqref="BK365:BK366">
    <cfRule type="expression" dxfId="771" priority="1058">
      <formula>OR(BK$365&lt;&gt;"",BK$366&lt;&gt;"")</formula>
    </cfRule>
    <cfRule type="expression" dxfId="770" priority="1059">
      <formula>AND(BK$365="",BK$366="")</formula>
    </cfRule>
  </conditionalFormatting>
  <conditionalFormatting sqref="BK367">
    <cfRule type="expression" dxfId="769" priority="1057">
      <formula>AND(BK$365="",BK$366="")</formula>
    </cfRule>
  </conditionalFormatting>
  <conditionalFormatting sqref="BK367">
    <cfRule type="expression" dxfId="768" priority="1056">
      <formula>OR(BK$365&lt;&gt;"",BK$366&lt;&gt;"")</formula>
    </cfRule>
  </conditionalFormatting>
  <conditionalFormatting sqref="BK368:BK371">
    <cfRule type="expression" dxfId="767" priority="1055">
      <formula>AND(BK$365="",BK$366="")</formula>
    </cfRule>
  </conditionalFormatting>
  <conditionalFormatting sqref="BK368:BK371">
    <cfRule type="expression" dxfId="766" priority="1054">
      <formula>OR(BK$365&lt;&gt;"",BK$366&lt;&gt;"")</formula>
    </cfRule>
  </conditionalFormatting>
  <conditionalFormatting sqref="BK372">
    <cfRule type="expression" dxfId="765" priority="1053">
      <formula>AND(BK$365="",BK$366="")</formula>
    </cfRule>
  </conditionalFormatting>
  <conditionalFormatting sqref="BK372">
    <cfRule type="expression" dxfId="764" priority="1052">
      <formula>OR(BK$365&lt;&gt;"",BK$366&lt;&gt;"")</formula>
    </cfRule>
  </conditionalFormatting>
  <conditionalFormatting sqref="BJ365:BJ366">
    <cfRule type="expression" dxfId="763" priority="1050">
      <formula>OR(BJ$365&lt;&gt;"",BJ$366&lt;&gt;"")</formula>
    </cfRule>
    <cfRule type="expression" dxfId="762" priority="1051">
      <formula>AND(BJ$365="",BJ$366="")</formula>
    </cfRule>
  </conditionalFormatting>
  <conditionalFormatting sqref="BJ367">
    <cfRule type="expression" dxfId="761" priority="1049">
      <formula>AND(BJ$365="",BJ$366="")</formula>
    </cfRule>
  </conditionalFormatting>
  <conditionalFormatting sqref="BJ367">
    <cfRule type="expression" dxfId="760" priority="1048">
      <formula>OR(BJ$365&lt;&gt;"",BJ$366&lt;&gt;"")</formula>
    </cfRule>
  </conditionalFormatting>
  <conditionalFormatting sqref="BJ368:BJ371">
    <cfRule type="expression" dxfId="759" priority="1047">
      <formula>AND(BJ$365="",BJ$366="")</formula>
    </cfRule>
  </conditionalFormatting>
  <conditionalFormatting sqref="BJ368:BJ371">
    <cfRule type="expression" dxfId="758" priority="1046">
      <formula>OR(BJ$365&lt;&gt;"",BJ$366&lt;&gt;"")</formula>
    </cfRule>
  </conditionalFormatting>
  <conditionalFormatting sqref="BJ372">
    <cfRule type="expression" dxfId="757" priority="1045">
      <formula>AND(BJ$365="",BJ$366="")</formula>
    </cfRule>
  </conditionalFormatting>
  <conditionalFormatting sqref="BJ372">
    <cfRule type="expression" dxfId="756" priority="1044">
      <formula>OR(BJ$365&lt;&gt;"",BJ$366&lt;&gt;"")</formula>
    </cfRule>
  </conditionalFormatting>
  <conditionalFormatting sqref="BI365:BI366">
    <cfRule type="expression" dxfId="755" priority="1042">
      <formula>OR(BI$365&lt;&gt;"",BI$366&lt;&gt;"")</formula>
    </cfRule>
    <cfRule type="expression" dxfId="754" priority="1043">
      <formula>AND(BI$365="",BI$366="")</formula>
    </cfRule>
  </conditionalFormatting>
  <conditionalFormatting sqref="BI367">
    <cfRule type="expression" dxfId="753" priority="1041">
      <formula>AND(BI$365="",BI$366="")</formula>
    </cfRule>
  </conditionalFormatting>
  <conditionalFormatting sqref="BI367">
    <cfRule type="expression" dxfId="752" priority="1040">
      <formula>OR(BI$365&lt;&gt;"",BI$366&lt;&gt;"")</formula>
    </cfRule>
  </conditionalFormatting>
  <conditionalFormatting sqref="BI368:BI371">
    <cfRule type="expression" dxfId="751" priority="1039">
      <formula>AND(BI$365="",BI$366="")</formula>
    </cfRule>
  </conditionalFormatting>
  <conditionalFormatting sqref="BI368:BI371">
    <cfRule type="expression" dxfId="750" priority="1038">
      <formula>OR(BI$365&lt;&gt;"",BI$366&lt;&gt;"")</formula>
    </cfRule>
  </conditionalFormatting>
  <conditionalFormatting sqref="BI372">
    <cfRule type="expression" dxfId="749" priority="1037">
      <formula>AND(BI$365="",BI$366="")</formula>
    </cfRule>
  </conditionalFormatting>
  <conditionalFormatting sqref="BI372">
    <cfRule type="expression" dxfId="748" priority="1036">
      <formula>OR(BI$365&lt;&gt;"",BI$366&lt;&gt;"")</formula>
    </cfRule>
  </conditionalFormatting>
  <conditionalFormatting sqref="BH365:BH366">
    <cfRule type="expression" dxfId="747" priority="1034">
      <formula>OR(BH$365&lt;&gt;"",BH$366&lt;&gt;"")</formula>
    </cfRule>
    <cfRule type="expression" dxfId="746" priority="1035">
      <formula>AND(BH$365="",BH$366="")</formula>
    </cfRule>
  </conditionalFormatting>
  <conditionalFormatting sqref="BH367">
    <cfRule type="expression" dxfId="745" priority="1033">
      <formula>AND(BH$365="",BH$366="")</formula>
    </cfRule>
  </conditionalFormatting>
  <conditionalFormatting sqref="BH367">
    <cfRule type="expression" dxfId="744" priority="1032">
      <formula>OR(BH$365&lt;&gt;"",BH$366&lt;&gt;"")</formula>
    </cfRule>
  </conditionalFormatting>
  <conditionalFormatting sqref="BH368:BH371">
    <cfRule type="expression" dxfId="743" priority="1031">
      <formula>AND(BH$365="",BH$366="")</formula>
    </cfRule>
  </conditionalFormatting>
  <conditionalFormatting sqref="BH368:BH371">
    <cfRule type="expression" dxfId="742" priority="1030">
      <formula>OR(BH$365&lt;&gt;"",BH$366&lt;&gt;"")</formula>
    </cfRule>
  </conditionalFormatting>
  <conditionalFormatting sqref="BH372">
    <cfRule type="expression" dxfId="741" priority="1029">
      <formula>AND(BH$365="",BH$366="")</formula>
    </cfRule>
  </conditionalFormatting>
  <conditionalFormatting sqref="BH372">
    <cfRule type="expression" dxfId="740" priority="1028">
      <formula>OR(BH$365&lt;&gt;"",BH$366&lt;&gt;"")</formula>
    </cfRule>
  </conditionalFormatting>
  <conditionalFormatting sqref="BG365:BG366">
    <cfRule type="expression" dxfId="739" priority="1026">
      <formula>OR(BG$365&lt;&gt;"",BG$366&lt;&gt;"")</formula>
    </cfRule>
    <cfRule type="expression" dxfId="738" priority="1027">
      <formula>AND(BG$365="",BG$366="")</formula>
    </cfRule>
  </conditionalFormatting>
  <conditionalFormatting sqref="BG367">
    <cfRule type="expression" dxfId="737" priority="1025">
      <formula>AND(BG$365="",BG$366="")</formula>
    </cfRule>
  </conditionalFormatting>
  <conditionalFormatting sqref="BG367">
    <cfRule type="expression" dxfId="736" priority="1024">
      <formula>OR(BG$365&lt;&gt;"",BG$366&lt;&gt;"")</formula>
    </cfRule>
  </conditionalFormatting>
  <conditionalFormatting sqref="BG368:BG371">
    <cfRule type="expression" dxfId="735" priority="1023">
      <formula>AND(BG$365="",BG$366="")</formula>
    </cfRule>
  </conditionalFormatting>
  <conditionalFormatting sqref="BG368:BG371">
    <cfRule type="expression" dxfId="734" priority="1022">
      <formula>OR(BG$365&lt;&gt;"",BG$366&lt;&gt;"")</formula>
    </cfRule>
  </conditionalFormatting>
  <conditionalFormatting sqref="BG372">
    <cfRule type="expression" dxfId="733" priority="1021">
      <formula>AND(BG$365="",BG$366="")</formula>
    </cfRule>
  </conditionalFormatting>
  <conditionalFormatting sqref="BG372">
    <cfRule type="expression" dxfId="732" priority="1020">
      <formula>OR(BG$365&lt;&gt;"",BG$366&lt;&gt;"")</formula>
    </cfRule>
  </conditionalFormatting>
  <conditionalFormatting sqref="BF365:BF366">
    <cfRule type="expression" dxfId="731" priority="1018">
      <formula>OR(BF$365&lt;&gt;"",BF$366&lt;&gt;"")</formula>
    </cfRule>
    <cfRule type="expression" dxfId="730" priority="1019">
      <formula>AND(BF$365="",BF$366="")</formula>
    </cfRule>
  </conditionalFormatting>
  <conditionalFormatting sqref="BF367">
    <cfRule type="expression" dxfId="729" priority="1017">
      <formula>AND(BF$365="",BF$366="")</formula>
    </cfRule>
  </conditionalFormatting>
  <conditionalFormatting sqref="BF367">
    <cfRule type="expression" dxfId="728" priority="1016">
      <formula>OR(BF$365&lt;&gt;"",BF$366&lt;&gt;"")</formula>
    </cfRule>
  </conditionalFormatting>
  <conditionalFormatting sqref="BF368:BF371">
    <cfRule type="expression" dxfId="727" priority="1015">
      <formula>AND(BF$365="",BF$366="")</formula>
    </cfRule>
  </conditionalFormatting>
  <conditionalFormatting sqref="BF368:BF371">
    <cfRule type="expression" dxfId="726" priority="1014">
      <formula>OR(BF$365&lt;&gt;"",BF$366&lt;&gt;"")</formula>
    </cfRule>
  </conditionalFormatting>
  <conditionalFormatting sqref="BF372">
    <cfRule type="expression" dxfId="725" priority="1013">
      <formula>AND(BF$365="",BF$366="")</formula>
    </cfRule>
  </conditionalFormatting>
  <conditionalFormatting sqref="BF372">
    <cfRule type="expression" dxfId="724" priority="1012">
      <formula>OR(BF$365&lt;&gt;"",BF$366&lt;&gt;"")</formula>
    </cfRule>
  </conditionalFormatting>
  <conditionalFormatting sqref="BE365:BE366">
    <cfRule type="expression" dxfId="723" priority="1010">
      <formula>OR(BE$365&lt;&gt;"",BE$366&lt;&gt;"")</formula>
    </cfRule>
    <cfRule type="expression" dxfId="722" priority="1011">
      <formula>AND(BE$365="",BE$366="")</formula>
    </cfRule>
  </conditionalFormatting>
  <conditionalFormatting sqref="BE367">
    <cfRule type="expression" dxfId="721" priority="1009">
      <formula>AND(BE$365="",BE$366="")</formula>
    </cfRule>
  </conditionalFormatting>
  <conditionalFormatting sqref="BE367">
    <cfRule type="expression" dxfId="720" priority="1008">
      <formula>OR(BE$365&lt;&gt;"",BE$366&lt;&gt;"")</formula>
    </cfRule>
  </conditionalFormatting>
  <conditionalFormatting sqref="BE368:BE371">
    <cfRule type="expression" dxfId="719" priority="1007">
      <formula>AND(BE$365="",BE$366="")</formula>
    </cfRule>
  </conditionalFormatting>
  <conditionalFormatting sqref="BE368:BE371">
    <cfRule type="expression" dxfId="718" priority="1006">
      <formula>OR(BE$365&lt;&gt;"",BE$366&lt;&gt;"")</formula>
    </cfRule>
  </conditionalFormatting>
  <conditionalFormatting sqref="BE372">
    <cfRule type="expression" dxfId="717" priority="1005">
      <formula>AND(BE$365="",BE$366="")</formula>
    </cfRule>
  </conditionalFormatting>
  <conditionalFormatting sqref="BE372">
    <cfRule type="expression" dxfId="716" priority="1004">
      <formula>OR(BE$365&lt;&gt;"",BE$366&lt;&gt;"")</formula>
    </cfRule>
  </conditionalFormatting>
  <conditionalFormatting sqref="BD365:BD366">
    <cfRule type="expression" dxfId="715" priority="1002">
      <formula>OR(BD$365&lt;&gt;"",BD$366&lt;&gt;"")</formula>
    </cfRule>
    <cfRule type="expression" dxfId="714" priority="1003">
      <formula>AND(BD$365="",BD$366="")</formula>
    </cfRule>
  </conditionalFormatting>
  <conditionalFormatting sqref="BD367">
    <cfRule type="expression" dxfId="713" priority="1001">
      <formula>AND(BD$365="",BD$366="")</formula>
    </cfRule>
  </conditionalFormatting>
  <conditionalFormatting sqref="BD367">
    <cfRule type="expression" dxfId="712" priority="1000">
      <formula>OR(BD$365&lt;&gt;"",BD$366&lt;&gt;"")</formula>
    </cfRule>
  </conditionalFormatting>
  <conditionalFormatting sqref="BD368:BD371">
    <cfRule type="expression" dxfId="711" priority="999">
      <formula>AND(BD$365="",BD$366="")</formula>
    </cfRule>
  </conditionalFormatting>
  <conditionalFormatting sqref="BD368:BD371">
    <cfRule type="expression" dxfId="710" priority="998">
      <formula>OR(BD$365&lt;&gt;"",BD$366&lt;&gt;"")</formula>
    </cfRule>
  </conditionalFormatting>
  <conditionalFormatting sqref="BD372">
    <cfRule type="expression" dxfId="709" priority="997">
      <formula>AND(BD$365="",BD$366="")</formula>
    </cfRule>
  </conditionalFormatting>
  <conditionalFormatting sqref="BD372">
    <cfRule type="expression" dxfId="708" priority="996">
      <formula>OR(BD$365&lt;&gt;"",BD$366&lt;&gt;"")</formula>
    </cfRule>
  </conditionalFormatting>
  <conditionalFormatting sqref="BC365:BC366">
    <cfRule type="expression" dxfId="707" priority="994">
      <formula>OR(BC$365&lt;&gt;"",BC$366&lt;&gt;"")</formula>
    </cfRule>
    <cfRule type="expression" dxfId="706" priority="995">
      <formula>AND(BC$365="",BC$366="")</formula>
    </cfRule>
  </conditionalFormatting>
  <conditionalFormatting sqref="BC367">
    <cfRule type="expression" dxfId="705" priority="993">
      <formula>AND(BC$365="",BC$366="")</formula>
    </cfRule>
  </conditionalFormatting>
  <conditionalFormatting sqref="BC367">
    <cfRule type="expression" dxfId="704" priority="992">
      <formula>OR(BC$365&lt;&gt;"",BC$366&lt;&gt;"")</formula>
    </cfRule>
  </conditionalFormatting>
  <conditionalFormatting sqref="BC368:BC371">
    <cfRule type="expression" dxfId="703" priority="991">
      <formula>AND(BC$365="",BC$366="")</formula>
    </cfRule>
  </conditionalFormatting>
  <conditionalFormatting sqref="BC368:BC371">
    <cfRule type="expression" dxfId="702" priority="990">
      <formula>OR(BC$365&lt;&gt;"",BC$366&lt;&gt;"")</formula>
    </cfRule>
  </conditionalFormatting>
  <conditionalFormatting sqref="BC372">
    <cfRule type="expression" dxfId="701" priority="989">
      <formula>AND(BC$365="",BC$366="")</formula>
    </cfRule>
  </conditionalFormatting>
  <conditionalFormatting sqref="BC372">
    <cfRule type="expression" dxfId="700" priority="988">
      <formula>OR(BC$365&lt;&gt;"",BC$366&lt;&gt;"")</formula>
    </cfRule>
  </conditionalFormatting>
  <conditionalFormatting sqref="BB365:BB366">
    <cfRule type="expression" dxfId="699" priority="986">
      <formula>OR(BB$365&lt;&gt;"",BB$366&lt;&gt;"")</formula>
    </cfRule>
    <cfRule type="expression" dxfId="698" priority="987">
      <formula>AND(BB$365="",BB$366="")</formula>
    </cfRule>
  </conditionalFormatting>
  <conditionalFormatting sqref="BB367">
    <cfRule type="expression" dxfId="697" priority="985">
      <formula>AND(BB$365="",BB$366="")</formula>
    </cfRule>
  </conditionalFormatting>
  <conditionalFormatting sqref="BB367">
    <cfRule type="expression" dxfId="696" priority="984">
      <formula>OR(BB$365&lt;&gt;"",BB$366&lt;&gt;"")</formula>
    </cfRule>
  </conditionalFormatting>
  <conditionalFormatting sqref="BB368:BB371">
    <cfRule type="expression" dxfId="695" priority="983">
      <formula>AND(BB$365="",BB$366="")</formula>
    </cfRule>
  </conditionalFormatting>
  <conditionalFormatting sqref="BB368:BB371">
    <cfRule type="expression" dxfId="694" priority="982">
      <formula>OR(BB$365&lt;&gt;"",BB$366&lt;&gt;"")</formula>
    </cfRule>
  </conditionalFormatting>
  <conditionalFormatting sqref="BB372">
    <cfRule type="expression" dxfId="693" priority="981">
      <formula>AND(BB$365="",BB$366="")</formula>
    </cfRule>
  </conditionalFormatting>
  <conditionalFormatting sqref="BB372">
    <cfRule type="expression" dxfId="692" priority="980">
      <formula>OR(BB$365&lt;&gt;"",BB$366&lt;&gt;"")</formula>
    </cfRule>
  </conditionalFormatting>
  <conditionalFormatting sqref="BA365:BA366">
    <cfRule type="expression" dxfId="691" priority="978">
      <formula>OR(BA$365&lt;&gt;"",BA$366&lt;&gt;"")</formula>
    </cfRule>
    <cfRule type="expression" dxfId="690" priority="979">
      <formula>AND(BA$365="",BA$366="")</formula>
    </cfRule>
  </conditionalFormatting>
  <conditionalFormatting sqref="BA367">
    <cfRule type="expression" dxfId="689" priority="977">
      <formula>AND(BA$365="",BA$366="")</formula>
    </cfRule>
  </conditionalFormatting>
  <conditionalFormatting sqref="BA367">
    <cfRule type="expression" dxfId="688" priority="976">
      <formula>OR(BA$365&lt;&gt;"",BA$366&lt;&gt;"")</formula>
    </cfRule>
  </conditionalFormatting>
  <conditionalFormatting sqref="BA368:BA371">
    <cfRule type="expression" dxfId="687" priority="975">
      <formula>AND(BA$365="",BA$366="")</formula>
    </cfRule>
  </conditionalFormatting>
  <conditionalFormatting sqref="BA368:BA371">
    <cfRule type="expression" dxfId="686" priority="974">
      <formula>OR(BA$365&lt;&gt;"",BA$366&lt;&gt;"")</formula>
    </cfRule>
  </conditionalFormatting>
  <conditionalFormatting sqref="BA372">
    <cfRule type="expression" dxfId="685" priority="973">
      <formula>AND(BA$365="",BA$366="")</formula>
    </cfRule>
  </conditionalFormatting>
  <conditionalFormatting sqref="BA372">
    <cfRule type="expression" dxfId="684" priority="972">
      <formula>OR(BA$365&lt;&gt;"",BA$366&lt;&gt;"")</formula>
    </cfRule>
  </conditionalFormatting>
  <conditionalFormatting sqref="AZ365:AZ366">
    <cfRule type="expression" dxfId="683" priority="970">
      <formula>OR(AZ$365&lt;&gt;"",AZ$366&lt;&gt;"")</formula>
    </cfRule>
    <cfRule type="expression" dxfId="682" priority="971">
      <formula>AND(AZ$365="",AZ$366="")</formula>
    </cfRule>
  </conditionalFormatting>
  <conditionalFormatting sqref="AZ367">
    <cfRule type="expression" dxfId="681" priority="969">
      <formula>AND(AZ$365="",AZ$366="")</formula>
    </cfRule>
  </conditionalFormatting>
  <conditionalFormatting sqref="AZ367">
    <cfRule type="expression" dxfId="680" priority="968">
      <formula>OR(AZ$365&lt;&gt;"",AZ$366&lt;&gt;"")</formula>
    </cfRule>
  </conditionalFormatting>
  <conditionalFormatting sqref="AZ368:AZ371">
    <cfRule type="expression" dxfId="679" priority="967">
      <formula>AND(AZ$365="",AZ$366="")</formula>
    </cfRule>
  </conditionalFormatting>
  <conditionalFormatting sqref="AZ368:AZ371">
    <cfRule type="expression" dxfId="678" priority="966">
      <formula>OR(AZ$365&lt;&gt;"",AZ$366&lt;&gt;"")</formula>
    </cfRule>
  </conditionalFormatting>
  <conditionalFormatting sqref="AZ372">
    <cfRule type="expression" dxfId="677" priority="965">
      <formula>AND(AZ$365="",AZ$366="")</formula>
    </cfRule>
  </conditionalFormatting>
  <conditionalFormatting sqref="AZ372">
    <cfRule type="expression" dxfId="676" priority="964">
      <formula>OR(AZ$365&lt;&gt;"",AZ$366&lt;&gt;"")</formula>
    </cfRule>
  </conditionalFormatting>
  <conditionalFormatting sqref="AY365:AY366">
    <cfRule type="expression" dxfId="675" priority="962">
      <formula>OR(AY$365&lt;&gt;"",AY$366&lt;&gt;"")</formula>
    </cfRule>
    <cfRule type="expression" dxfId="674" priority="963">
      <formula>AND(AY$365="",AY$366="")</formula>
    </cfRule>
  </conditionalFormatting>
  <conditionalFormatting sqref="AY367">
    <cfRule type="expression" dxfId="673" priority="961">
      <formula>AND(AY$365="",AY$366="")</formula>
    </cfRule>
  </conditionalFormatting>
  <conditionalFormatting sqref="AY367">
    <cfRule type="expression" dxfId="672" priority="960">
      <formula>OR(AY$365&lt;&gt;"",AY$366&lt;&gt;"")</formula>
    </cfRule>
  </conditionalFormatting>
  <conditionalFormatting sqref="AY368:AY371">
    <cfRule type="expression" dxfId="671" priority="959">
      <formula>AND(AY$365="",AY$366="")</formula>
    </cfRule>
  </conditionalFormatting>
  <conditionalFormatting sqref="AY368:AY371">
    <cfRule type="expression" dxfId="670" priority="958">
      <formula>OR(AY$365&lt;&gt;"",AY$366&lt;&gt;"")</formula>
    </cfRule>
  </conditionalFormatting>
  <conditionalFormatting sqref="AY372">
    <cfRule type="expression" dxfId="669" priority="957">
      <formula>AND(AY$365="",AY$366="")</formula>
    </cfRule>
  </conditionalFormatting>
  <conditionalFormatting sqref="AY372">
    <cfRule type="expression" dxfId="668" priority="956">
      <formula>OR(AY$365&lt;&gt;"",AY$366&lt;&gt;"")</formula>
    </cfRule>
  </conditionalFormatting>
  <conditionalFormatting sqref="AX365:AX366">
    <cfRule type="expression" dxfId="667" priority="954">
      <formula>OR(AX$365&lt;&gt;"",AX$366&lt;&gt;"")</formula>
    </cfRule>
    <cfRule type="expression" dxfId="666" priority="955">
      <formula>AND(AX$365="",AX$366="")</formula>
    </cfRule>
  </conditionalFormatting>
  <conditionalFormatting sqref="AX367">
    <cfRule type="expression" dxfId="665" priority="953">
      <formula>AND(AX$365="",AX$366="")</formula>
    </cfRule>
  </conditionalFormatting>
  <conditionalFormatting sqref="AX367">
    <cfRule type="expression" dxfId="664" priority="952">
      <formula>OR(AX$365&lt;&gt;"",AX$366&lt;&gt;"")</formula>
    </cfRule>
  </conditionalFormatting>
  <conditionalFormatting sqref="AX368:AX371">
    <cfRule type="expression" dxfId="663" priority="951">
      <formula>AND(AX$365="",AX$366="")</formula>
    </cfRule>
  </conditionalFormatting>
  <conditionalFormatting sqref="AX368:AX371">
    <cfRule type="expression" dxfId="662" priority="950">
      <formula>OR(AX$365&lt;&gt;"",AX$366&lt;&gt;"")</formula>
    </cfRule>
  </conditionalFormatting>
  <conditionalFormatting sqref="AX372">
    <cfRule type="expression" dxfId="661" priority="949">
      <formula>AND(AX$365="",AX$366="")</formula>
    </cfRule>
  </conditionalFormatting>
  <conditionalFormatting sqref="AX372">
    <cfRule type="expression" dxfId="660" priority="948">
      <formula>OR(AX$365&lt;&gt;"",AX$366&lt;&gt;"")</formula>
    </cfRule>
  </conditionalFormatting>
  <conditionalFormatting sqref="AW365:AW366">
    <cfRule type="expression" dxfId="659" priority="946">
      <formula>OR(AW$365&lt;&gt;"",AW$366&lt;&gt;"")</formula>
    </cfRule>
    <cfRule type="expression" dxfId="658" priority="947">
      <formula>AND(AW$365="",AW$366="")</formula>
    </cfRule>
  </conditionalFormatting>
  <conditionalFormatting sqref="AW367">
    <cfRule type="expression" dxfId="657" priority="945">
      <formula>AND(AW$365="",AW$366="")</formula>
    </cfRule>
  </conditionalFormatting>
  <conditionalFormatting sqref="AW367">
    <cfRule type="expression" dxfId="656" priority="944">
      <formula>OR(AW$365&lt;&gt;"",AW$366&lt;&gt;"")</formula>
    </cfRule>
  </conditionalFormatting>
  <conditionalFormatting sqref="AW368:AW371">
    <cfRule type="expression" dxfId="655" priority="943">
      <formula>AND(AW$365="",AW$366="")</formula>
    </cfRule>
  </conditionalFormatting>
  <conditionalFormatting sqref="AW368:AW371">
    <cfRule type="expression" dxfId="654" priority="942">
      <formula>OR(AW$365&lt;&gt;"",AW$366&lt;&gt;"")</formula>
    </cfRule>
  </conditionalFormatting>
  <conditionalFormatting sqref="AW372">
    <cfRule type="expression" dxfId="653" priority="941">
      <formula>AND(AW$365="",AW$366="")</formula>
    </cfRule>
  </conditionalFormatting>
  <conditionalFormatting sqref="AW372">
    <cfRule type="expression" dxfId="652" priority="940">
      <formula>OR(AW$365&lt;&gt;"",AW$366&lt;&gt;"")</formula>
    </cfRule>
  </conditionalFormatting>
  <conditionalFormatting sqref="AV365:AV366">
    <cfRule type="expression" dxfId="651" priority="938">
      <formula>OR(AV$365&lt;&gt;"",AV$366&lt;&gt;"")</formula>
    </cfRule>
    <cfRule type="expression" dxfId="650" priority="939">
      <formula>AND(AV$365="",AV$366="")</formula>
    </cfRule>
  </conditionalFormatting>
  <conditionalFormatting sqref="AV367">
    <cfRule type="expression" dxfId="649" priority="937">
      <formula>AND(AV$365="",AV$366="")</formula>
    </cfRule>
  </conditionalFormatting>
  <conditionalFormatting sqref="AV367">
    <cfRule type="expression" dxfId="648" priority="936">
      <formula>OR(AV$365&lt;&gt;"",AV$366&lt;&gt;"")</formula>
    </cfRule>
  </conditionalFormatting>
  <conditionalFormatting sqref="AV368:AV371">
    <cfRule type="expression" dxfId="647" priority="935">
      <formula>AND(AV$365="",AV$366="")</formula>
    </cfRule>
  </conditionalFormatting>
  <conditionalFormatting sqref="AV368:AV371">
    <cfRule type="expression" dxfId="646" priority="934">
      <formula>OR(AV$365&lt;&gt;"",AV$366&lt;&gt;"")</formula>
    </cfRule>
  </conditionalFormatting>
  <conditionalFormatting sqref="AV372">
    <cfRule type="expression" dxfId="645" priority="933">
      <formula>AND(AV$365="",AV$366="")</formula>
    </cfRule>
  </conditionalFormatting>
  <conditionalFormatting sqref="AV372">
    <cfRule type="expression" dxfId="644" priority="932">
      <formula>OR(AV$365&lt;&gt;"",AV$366&lt;&gt;"")</formula>
    </cfRule>
  </conditionalFormatting>
  <conditionalFormatting sqref="AU365:AU366">
    <cfRule type="expression" dxfId="643" priority="930">
      <formula>OR(AU$365&lt;&gt;"",AU$366&lt;&gt;"")</formula>
    </cfRule>
    <cfRule type="expression" dxfId="642" priority="931">
      <formula>AND(AU$365="",AU$366="")</formula>
    </cfRule>
  </conditionalFormatting>
  <conditionalFormatting sqref="AU367">
    <cfRule type="expression" dxfId="641" priority="929">
      <formula>AND(AU$365="",AU$366="")</formula>
    </cfRule>
  </conditionalFormatting>
  <conditionalFormatting sqref="AU367">
    <cfRule type="expression" dxfId="640" priority="928">
      <formula>OR(AU$365&lt;&gt;"",AU$366&lt;&gt;"")</formula>
    </cfRule>
  </conditionalFormatting>
  <conditionalFormatting sqref="AU368:AU371">
    <cfRule type="expression" dxfId="639" priority="927">
      <formula>AND(AU$365="",AU$366="")</formula>
    </cfRule>
  </conditionalFormatting>
  <conditionalFormatting sqref="AU368:AU371">
    <cfRule type="expression" dxfId="638" priority="926">
      <formula>OR(AU$365&lt;&gt;"",AU$366&lt;&gt;"")</formula>
    </cfRule>
  </conditionalFormatting>
  <conditionalFormatting sqref="AU372">
    <cfRule type="expression" dxfId="637" priority="925">
      <formula>AND(AU$365="",AU$366="")</formula>
    </cfRule>
  </conditionalFormatting>
  <conditionalFormatting sqref="AU372">
    <cfRule type="expression" dxfId="636" priority="924">
      <formula>OR(AU$365&lt;&gt;"",AU$366&lt;&gt;"")</formula>
    </cfRule>
  </conditionalFormatting>
  <conditionalFormatting sqref="AT365:AT366">
    <cfRule type="expression" dxfId="635" priority="922">
      <formula>OR(AT$365&lt;&gt;"",AT$366&lt;&gt;"")</formula>
    </cfRule>
    <cfRule type="expression" dxfId="634" priority="923">
      <formula>AND(AT$365="",AT$366="")</formula>
    </cfRule>
  </conditionalFormatting>
  <conditionalFormatting sqref="AT367">
    <cfRule type="expression" dxfId="633" priority="921">
      <formula>AND(AT$365="",AT$366="")</formula>
    </cfRule>
  </conditionalFormatting>
  <conditionalFormatting sqref="AT367">
    <cfRule type="expression" dxfId="632" priority="920">
      <formula>OR(AT$365&lt;&gt;"",AT$366&lt;&gt;"")</formula>
    </cfRule>
  </conditionalFormatting>
  <conditionalFormatting sqref="AT368:AT371">
    <cfRule type="expression" dxfId="631" priority="919">
      <formula>AND(AT$365="",AT$366="")</formula>
    </cfRule>
  </conditionalFormatting>
  <conditionalFormatting sqref="AT368:AT371">
    <cfRule type="expression" dxfId="630" priority="918">
      <formula>OR(AT$365&lt;&gt;"",AT$366&lt;&gt;"")</formula>
    </cfRule>
  </conditionalFormatting>
  <conditionalFormatting sqref="AT372">
    <cfRule type="expression" dxfId="629" priority="917">
      <formula>AND(AT$365="",AT$366="")</formula>
    </cfRule>
  </conditionalFormatting>
  <conditionalFormatting sqref="AT372">
    <cfRule type="expression" dxfId="628" priority="916">
      <formula>OR(AT$365&lt;&gt;"",AT$366&lt;&gt;"")</formula>
    </cfRule>
  </conditionalFormatting>
  <conditionalFormatting sqref="AS365:AS366">
    <cfRule type="expression" dxfId="627" priority="914">
      <formula>OR(AS$365&lt;&gt;"",AS$366&lt;&gt;"")</formula>
    </cfRule>
    <cfRule type="expression" dxfId="626" priority="915">
      <formula>AND(AS$365="",AS$366="")</formula>
    </cfRule>
  </conditionalFormatting>
  <conditionalFormatting sqref="AS367">
    <cfRule type="expression" dxfId="625" priority="913">
      <formula>AND(AS$365="",AS$366="")</formula>
    </cfRule>
  </conditionalFormatting>
  <conditionalFormatting sqref="AS367">
    <cfRule type="expression" dxfId="624" priority="912">
      <formula>OR(AS$365&lt;&gt;"",AS$366&lt;&gt;"")</formula>
    </cfRule>
  </conditionalFormatting>
  <conditionalFormatting sqref="AS368:AS371">
    <cfRule type="expression" dxfId="623" priority="911">
      <formula>AND(AS$365="",AS$366="")</formula>
    </cfRule>
  </conditionalFormatting>
  <conditionalFormatting sqref="AS368:AS371">
    <cfRule type="expression" dxfId="622" priority="910">
      <formula>OR(AS$365&lt;&gt;"",AS$366&lt;&gt;"")</formula>
    </cfRule>
  </conditionalFormatting>
  <conditionalFormatting sqref="AS372">
    <cfRule type="expression" dxfId="621" priority="909">
      <formula>AND(AS$365="",AS$366="")</formula>
    </cfRule>
  </conditionalFormatting>
  <conditionalFormatting sqref="AS372">
    <cfRule type="expression" dxfId="620" priority="908">
      <formula>OR(AS$365&lt;&gt;"",AS$366&lt;&gt;"")</formula>
    </cfRule>
  </conditionalFormatting>
  <conditionalFormatting sqref="AR365:AR366">
    <cfRule type="expression" dxfId="619" priority="906">
      <formula>OR(AR$365&lt;&gt;"",AR$366&lt;&gt;"")</formula>
    </cfRule>
    <cfRule type="expression" dxfId="618" priority="907">
      <formula>AND(AR$365="",AR$366="")</formula>
    </cfRule>
  </conditionalFormatting>
  <conditionalFormatting sqref="AR367">
    <cfRule type="expression" dxfId="617" priority="905">
      <formula>AND(AR$365="",AR$366="")</formula>
    </cfRule>
  </conditionalFormatting>
  <conditionalFormatting sqref="AR367">
    <cfRule type="expression" dxfId="616" priority="904">
      <formula>OR(AR$365&lt;&gt;"",AR$366&lt;&gt;"")</formula>
    </cfRule>
  </conditionalFormatting>
  <conditionalFormatting sqref="AR368:AR371">
    <cfRule type="expression" dxfId="615" priority="903">
      <formula>AND(AR$365="",AR$366="")</formula>
    </cfRule>
  </conditionalFormatting>
  <conditionalFormatting sqref="AR368:AR371">
    <cfRule type="expression" dxfId="614" priority="902">
      <formula>OR(AR$365&lt;&gt;"",AR$366&lt;&gt;"")</formula>
    </cfRule>
  </conditionalFormatting>
  <conditionalFormatting sqref="AR372">
    <cfRule type="expression" dxfId="613" priority="901">
      <formula>AND(AR$365="",AR$366="")</formula>
    </cfRule>
  </conditionalFormatting>
  <conditionalFormatting sqref="AR372">
    <cfRule type="expression" dxfId="612" priority="900">
      <formula>OR(AR$365&lt;&gt;"",AR$366&lt;&gt;"")</formula>
    </cfRule>
  </conditionalFormatting>
  <conditionalFormatting sqref="AQ365:AQ366">
    <cfRule type="expression" dxfId="611" priority="898">
      <formula>OR(AQ$365&lt;&gt;"",AQ$366&lt;&gt;"")</formula>
    </cfRule>
    <cfRule type="expression" dxfId="610" priority="899">
      <formula>AND(AQ$365="",AQ$366="")</formula>
    </cfRule>
  </conditionalFormatting>
  <conditionalFormatting sqref="AQ367">
    <cfRule type="expression" dxfId="609" priority="897">
      <formula>AND(AQ$365="",AQ$366="")</formula>
    </cfRule>
  </conditionalFormatting>
  <conditionalFormatting sqref="AQ367">
    <cfRule type="expression" dxfId="608" priority="896">
      <formula>OR(AQ$365&lt;&gt;"",AQ$366&lt;&gt;"")</formula>
    </cfRule>
  </conditionalFormatting>
  <conditionalFormatting sqref="AQ368:AQ371">
    <cfRule type="expression" dxfId="607" priority="895">
      <formula>AND(AQ$365="",AQ$366="")</formula>
    </cfRule>
  </conditionalFormatting>
  <conditionalFormatting sqref="AQ368:AQ371">
    <cfRule type="expression" dxfId="606" priority="894">
      <formula>OR(AQ$365&lt;&gt;"",AQ$366&lt;&gt;"")</formula>
    </cfRule>
  </conditionalFormatting>
  <conditionalFormatting sqref="AQ372">
    <cfRule type="expression" dxfId="605" priority="893">
      <formula>AND(AQ$365="",AQ$366="")</formula>
    </cfRule>
  </conditionalFormatting>
  <conditionalFormatting sqref="AQ372">
    <cfRule type="expression" dxfId="604" priority="892">
      <formula>OR(AQ$365&lt;&gt;"",AQ$366&lt;&gt;"")</formula>
    </cfRule>
  </conditionalFormatting>
  <conditionalFormatting sqref="AP365:AP366">
    <cfRule type="expression" dxfId="603" priority="890">
      <formula>OR(AP$365&lt;&gt;"",AP$366&lt;&gt;"")</formula>
    </cfRule>
    <cfRule type="expression" dxfId="602" priority="891">
      <formula>AND(AP$365="",AP$366="")</formula>
    </cfRule>
  </conditionalFormatting>
  <conditionalFormatting sqref="AP367">
    <cfRule type="expression" dxfId="601" priority="889">
      <formula>AND(AP$365="",AP$366="")</formula>
    </cfRule>
  </conditionalFormatting>
  <conditionalFormatting sqref="AP367">
    <cfRule type="expression" dxfId="600" priority="888">
      <formula>OR(AP$365&lt;&gt;"",AP$366&lt;&gt;"")</formula>
    </cfRule>
  </conditionalFormatting>
  <conditionalFormatting sqref="AP368:AP371">
    <cfRule type="expression" dxfId="599" priority="887">
      <formula>AND(AP$365="",AP$366="")</formula>
    </cfRule>
  </conditionalFormatting>
  <conditionalFormatting sqref="AP368:AP371">
    <cfRule type="expression" dxfId="598" priority="886">
      <formula>OR(AP$365&lt;&gt;"",AP$366&lt;&gt;"")</formula>
    </cfRule>
  </conditionalFormatting>
  <conditionalFormatting sqref="AP372">
    <cfRule type="expression" dxfId="597" priority="885">
      <formula>AND(AP$365="",AP$366="")</formula>
    </cfRule>
  </conditionalFormatting>
  <conditionalFormatting sqref="AP372">
    <cfRule type="expression" dxfId="596" priority="884">
      <formula>OR(AP$365&lt;&gt;"",AP$366&lt;&gt;"")</formula>
    </cfRule>
  </conditionalFormatting>
  <conditionalFormatting sqref="AO365:AO366">
    <cfRule type="expression" dxfId="595" priority="882">
      <formula>OR(AO$365&lt;&gt;"",AO$366&lt;&gt;"")</formula>
    </cfRule>
    <cfRule type="expression" dxfId="594" priority="883">
      <formula>AND(AO$365="",AO$366="")</formula>
    </cfRule>
  </conditionalFormatting>
  <conditionalFormatting sqref="AO367">
    <cfRule type="expression" dxfId="593" priority="881">
      <formula>AND(AO$365="",AO$366="")</formula>
    </cfRule>
  </conditionalFormatting>
  <conditionalFormatting sqref="AO367">
    <cfRule type="expression" dxfId="592" priority="880">
      <formula>OR(AO$365&lt;&gt;"",AO$366&lt;&gt;"")</formula>
    </cfRule>
  </conditionalFormatting>
  <conditionalFormatting sqref="AO368:AO371">
    <cfRule type="expression" dxfId="591" priority="879">
      <formula>AND(AO$365="",AO$366="")</formula>
    </cfRule>
  </conditionalFormatting>
  <conditionalFormatting sqref="AO368:AO371">
    <cfRule type="expression" dxfId="590" priority="878">
      <formula>OR(AO$365&lt;&gt;"",AO$366&lt;&gt;"")</formula>
    </cfRule>
  </conditionalFormatting>
  <conditionalFormatting sqref="AO372">
    <cfRule type="expression" dxfId="589" priority="877">
      <formula>AND(AO$365="",AO$366="")</formula>
    </cfRule>
  </conditionalFormatting>
  <conditionalFormatting sqref="AO372">
    <cfRule type="expression" dxfId="588" priority="876">
      <formula>OR(AO$365&lt;&gt;"",AO$366&lt;&gt;"")</formula>
    </cfRule>
  </conditionalFormatting>
  <conditionalFormatting sqref="AN365:AN366">
    <cfRule type="expression" dxfId="587" priority="874">
      <formula>OR(AN$365&lt;&gt;"",AN$366&lt;&gt;"")</formula>
    </cfRule>
    <cfRule type="expression" dxfId="586" priority="875">
      <formula>AND(AN$365="",AN$366="")</formula>
    </cfRule>
  </conditionalFormatting>
  <conditionalFormatting sqref="AN367">
    <cfRule type="expression" dxfId="585" priority="873">
      <formula>AND(AN$365="",AN$366="")</formula>
    </cfRule>
  </conditionalFormatting>
  <conditionalFormatting sqref="AN367">
    <cfRule type="expression" dxfId="584" priority="872">
      <formula>OR(AN$365&lt;&gt;"",AN$366&lt;&gt;"")</formula>
    </cfRule>
  </conditionalFormatting>
  <conditionalFormatting sqref="AN368:AN371">
    <cfRule type="expression" dxfId="583" priority="871">
      <formula>AND(AN$365="",AN$366="")</formula>
    </cfRule>
  </conditionalFormatting>
  <conditionalFormatting sqref="AN368:AN371">
    <cfRule type="expression" dxfId="582" priority="870">
      <formula>OR(AN$365&lt;&gt;"",AN$366&lt;&gt;"")</formula>
    </cfRule>
  </conditionalFormatting>
  <conditionalFormatting sqref="AN372">
    <cfRule type="expression" dxfId="581" priority="869">
      <formula>AND(AN$365="",AN$366="")</formula>
    </cfRule>
  </conditionalFormatting>
  <conditionalFormatting sqref="AN372">
    <cfRule type="expression" dxfId="580" priority="868">
      <formula>OR(AN$365&lt;&gt;"",AN$366&lt;&gt;"")</formula>
    </cfRule>
  </conditionalFormatting>
  <conditionalFormatting sqref="M675:M676">
    <cfRule type="expression" dxfId="579" priority="866">
      <formula>OR(M$675&lt;&gt;"",M$676&lt;&gt;"")</formula>
    </cfRule>
    <cfRule type="expression" dxfId="578" priority="867">
      <formula>AND(M$675="",M$676="")</formula>
    </cfRule>
  </conditionalFormatting>
  <conditionalFormatting sqref="M16">
    <cfRule type="expression" dxfId="577" priority="584">
      <formula>$M$16&lt;&gt;""</formula>
    </cfRule>
    <cfRule type="cellIs" dxfId="576" priority="585" operator="equal">
      <formula>""</formula>
    </cfRule>
  </conditionalFormatting>
  <conditionalFormatting sqref="M9">
    <cfRule type="expression" dxfId="575" priority="582">
      <formula>M$9&lt;&gt;""</formula>
    </cfRule>
    <cfRule type="cellIs" dxfId="574" priority="583" operator="equal">
      <formula>""</formula>
    </cfRule>
  </conditionalFormatting>
  <conditionalFormatting sqref="N9">
    <cfRule type="expression" dxfId="573" priority="579">
      <formula>N$9&lt;&gt;""</formula>
    </cfRule>
    <cfRule type="cellIs" dxfId="572" priority="580" operator="equal">
      <formula>""</formula>
    </cfRule>
  </conditionalFormatting>
  <conditionalFormatting sqref="O9">
    <cfRule type="expression" dxfId="571" priority="577">
      <formula>O$9&lt;&gt;""</formula>
    </cfRule>
    <cfRule type="cellIs" dxfId="570" priority="578" operator="equal">
      <formula>""</formula>
    </cfRule>
  </conditionalFormatting>
  <conditionalFormatting sqref="P9">
    <cfRule type="expression" dxfId="569" priority="575">
      <formula>P$9&lt;&gt;""</formula>
    </cfRule>
    <cfRule type="cellIs" dxfId="568" priority="576" operator="equal">
      <formula>""</formula>
    </cfRule>
  </conditionalFormatting>
  <conditionalFormatting sqref="Q9">
    <cfRule type="expression" dxfId="567" priority="573">
      <formula>Q$9&lt;&gt;""</formula>
    </cfRule>
    <cfRule type="cellIs" dxfId="566" priority="574" operator="equal">
      <formula>""</formula>
    </cfRule>
  </conditionalFormatting>
  <conditionalFormatting sqref="R9">
    <cfRule type="expression" dxfId="565" priority="571">
      <formula>R$9&lt;&gt;""</formula>
    </cfRule>
    <cfRule type="cellIs" dxfId="564" priority="572" operator="equal">
      <formula>""</formula>
    </cfRule>
  </conditionalFormatting>
  <conditionalFormatting sqref="S9">
    <cfRule type="expression" dxfId="563" priority="569">
      <formula>S$9&lt;&gt;""</formula>
    </cfRule>
    <cfRule type="cellIs" dxfId="562" priority="570" operator="equal">
      <formula>""</formula>
    </cfRule>
  </conditionalFormatting>
  <conditionalFormatting sqref="T9">
    <cfRule type="expression" dxfId="561" priority="567">
      <formula>T$9&lt;&gt;""</formula>
    </cfRule>
    <cfRule type="cellIs" dxfId="560" priority="568" operator="equal">
      <formula>""</formula>
    </cfRule>
  </conditionalFormatting>
  <conditionalFormatting sqref="U9">
    <cfRule type="expression" dxfId="559" priority="565">
      <formula>U$9&lt;&gt;""</formula>
    </cfRule>
    <cfRule type="cellIs" dxfId="558" priority="566" operator="equal">
      <formula>""</formula>
    </cfRule>
  </conditionalFormatting>
  <conditionalFormatting sqref="V9">
    <cfRule type="expression" dxfId="557" priority="561">
      <formula>V$9&lt;&gt;""</formula>
    </cfRule>
    <cfRule type="cellIs" dxfId="556" priority="562" operator="equal">
      <formula>""</formula>
    </cfRule>
  </conditionalFormatting>
  <conditionalFormatting sqref="W9">
    <cfRule type="expression" dxfId="555" priority="559">
      <formula>W$9&lt;&gt;""</formula>
    </cfRule>
    <cfRule type="cellIs" dxfId="554" priority="560" operator="equal">
      <formula>""</formula>
    </cfRule>
  </conditionalFormatting>
  <conditionalFormatting sqref="X9">
    <cfRule type="expression" dxfId="553" priority="557">
      <formula>X$9&lt;&gt;""</formula>
    </cfRule>
    <cfRule type="cellIs" dxfId="552" priority="558" operator="equal">
      <formula>""</formula>
    </cfRule>
  </conditionalFormatting>
  <conditionalFormatting sqref="Y9">
    <cfRule type="expression" dxfId="551" priority="555">
      <formula>Y$9&lt;&gt;""</formula>
    </cfRule>
    <cfRule type="cellIs" dxfId="550" priority="556" operator="equal">
      <formula>""</formula>
    </cfRule>
  </conditionalFormatting>
  <conditionalFormatting sqref="Z9">
    <cfRule type="expression" dxfId="549" priority="553">
      <formula>Z$9&lt;&gt;""</formula>
    </cfRule>
    <cfRule type="cellIs" dxfId="548" priority="554" operator="equal">
      <formula>""</formula>
    </cfRule>
  </conditionalFormatting>
  <conditionalFormatting sqref="AA9">
    <cfRule type="expression" dxfId="547" priority="551">
      <formula>AA$9&lt;&gt;""</formula>
    </cfRule>
    <cfRule type="cellIs" dxfId="546" priority="552" operator="equal">
      <formula>""</formula>
    </cfRule>
  </conditionalFormatting>
  <conditionalFormatting sqref="AB9">
    <cfRule type="expression" dxfId="545" priority="549">
      <formula>AB$9&lt;&gt;""</formula>
    </cfRule>
    <cfRule type="cellIs" dxfId="544" priority="550" operator="equal">
      <formula>""</formula>
    </cfRule>
  </conditionalFormatting>
  <conditionalFormatting sqref="AC9">
    <cfRule type="expression" dxfId="543" priority="547">
      <formula>AC$9&lt;&gt;""</formula>
    </cfRule>
    <cfRule type="cellIs" dxfId="542" priority="548" operator="equal">
      <formula>""</formula>
    </cfRule>
  </conditionalFormatting>
  <conditionalFormatting sqref="AD9">
    <cfRule type="expression" dxfId="541" priority="545">
      <formula>AD$9&lt;&gt;""</formula>
    </cfRule>
    <cfRule type="cellIs" dxfId="540" priority="546" operator="equal">
      <formula>""</formula>
    </cfRule>
  </conditionalFormatting>
  <conditionalFormatting sqref="AE9">
    <cfRule type="expression" dxfId="539" priority="543">
      <formula>AE$9&lt;&gt;""</formula>
    </cfRule>
    <cfRule type="cellIs" dxfId="538" priority="544" operator="equal">
      <formula>""</formula>
    </cfRule>
  </conditionalFormatting>
  <conditionalFormatting sqref="AF9">
    <cfRule type="expression" dxfId="537" priority="541">
      <formula>AF$9&lt;&gt;""</formula>
    </cfRule>
    <cfRule type="cellIs" dxfId="536" priority="542" operator="equal">
      <formula>""</formula>
    </cfRule>
  </conditionalFormatting>
  <conditionalFormatting sqref="AG9">
    <cfRule type="expression" dxfId="535" priority="539">
      <formula>AG$9&lt;&gt;""</formula>
    </cfRule>
    <cfRule type="cellIs" dxfId="534" priority="540" operator="equal">
      <formula>""</formula>
    </cfRule>
  </conditionalFormatting>
  <conditionalFormatting sqref="AH9">
    <cfRule type="expression" dxfId="533" priority="537">
      <formula>AH$9&lt;&gt;""</formula>
    </cfRule>
    <cfRule type="cellIs" dxfId="532" priority="538" operator="equal">
      <formula>""</formula>
    </cfRule>
  </conditionalFormatting>
  <conditionalFormatting sqref="AI9">
    <cfRule type="expression" dxfId="531" priority="535">
      <formula>AI$9&lt;&gt;""</formula>
    </cfRule>
    <cfRule type="cellIs" dxfId="530" priority="536" operator="equal">
      <formula>""</formula>
    </cfRule>
  </conditionalFormatting>
  <conditionalFormatting sqref="AJ9">
    <cfRule type="expression" dxfId="529" priority="533">
      <formula>AJ$9&lt;&gt;""</formula>
    </cfRule>
    <cfRule type="cellIs" dxfId="528" priority="534" operator="equal">
      <formula>""</formula>
    </cfRule>
  </conditionalFormatting>
  <conditionalFormatting sqref="AK9">
    <cfRule type="expression" dxfId="527" priority="531">
      <formula>AK$9&lt;&gt;""</formula>
    </cfRule>
    <cfRule type="cellIs" dxfId="526" priority="532" operator="equal">
      <formula>""</formula>
    </cfRule>
  </conditionalFormatting>
  <conditionalFormatting sqref="AL9">
    <cfRule type="expression" dxfId="525" priority="529">
      <formula>AL$9&lt;&gt;""</formula>
    </cfRule>
    <cfRule type="cellIs" dxfId="524" priority="530" operator="equal">
      <formula>""</formula>
    </cfRule>
  </conditionalFormatting>
  <conditionalFormatting sqref="AM9">
    <cfRule type="expression" dxfId="523" priority="527">
      <formula>AM$9&lt;&gt;""</formula>
    </cfRule>
    <cfRule type="cellIs" dxfId="522" priority="528" operator="equal">
      <formula>""</formula>
    </cfRule>
  </conditionalFormatting>
  <conditionalFormatting sqref="AN9">
    <cfRule type="expression" dxfId="521" priority="525">
      <formula>AN$9&lt;&gt;""</formula>
    </cfRule>
    <cfRule type="cellIs" dxfId="520" priority="526" operator="equal">
      <formula>""</formula>
    </cfRule>
  </conditionalFormatting>
  <conditionalFormatting sqref="AO9">
    <cfRule type="expression" dxfId="519" priority="523">
      <formula>AO$9&lt;&gt;""</formula>
    </cfRule>
    <cfRule type="cellIs" dxfId="518" priority="524" operator="equal">
      <formula>""</formula>
    </cfRule>
  </conditionalFormatting>
  <conditionalFormatting sqref="AP9">
    <cfRule type="expression" dxfId="517" priority="521">
      <formula>AP$9&lt;&gt;""</formula>
    </cfRule>
    <cfRule type="cellIs" dxfId="516" priority="522" operator="equal">
      <formula>""</formula>
    </cfRule>
  </conditionalFormatting>
  <conditionalFormatting sqref="AQ9">
    <cfRule type="expression" dxfId="515" priority="519">
      <formula>AQ$9&lt;&gt;""</formula>
    </cfRule>
    <cfRule type="cellIs" dxfId="514" priority="520" operator="equal">
      <formula>""</formula>
    </cfRule>
  </conditionalFormatting>
  <conditionalFormatting sqref="AR9">
    <cfRule type="expression" dxfId="513" priority="517">
      <formula>AR$9&lt;&gt;""</formula>
    </cfRule>
    <cfRule type="cellIs" dxfId="512" priority="518" operator="equal">
      <formula>""</formula>
    </cfRule>
  </conditionalFormatting>
  <conditionalFormatting sqref="AS9">
    <cfRule type="expression" dxfId="511" priority="515">
      <formula>AS$9&lt;&gt;""</formula>
    </cfRule>
    <cfRule type="cellIs" dxfId="510" priority="516" operator="equal">
      <formula>""</formula>
    </cfRule>
  </conditionalFormatting>
  <conditionalFormatting sqref="AT9">
    <cfRule type="expression" dxfId="509" priority="513">
      <formula>AT$9&lt;&gt;""</formula>
    </cfRule>
    <cfRule type="cellIs" dxfId="508" priority="514" operator="equal">
      <formula>""</formula>
    </cfRule>
  </conditionalFormatting>
  <conditionalFormatting sqref="AU9">
    <cfRule type="expression" dxfId="507" priority="511">
      <formula>AU$9&lt;&gt;""</formula>
    </cfRule>
    <cfRule type="cellIs" dxfId="506" priority="512" operator="equal">
      <formula>""</formula>
    </cfRule>
  </conditionalFormatting>
  <conditionalFormatting sqref="AV9">
    <cfRule type="expression" dxfId="505" priority="509">
      <formula>AV$9&lt;&gt;""</formula>
    </cfRule>
    <cfRule type="cellIs" dxfId="504" priority="510" operator="equal">
      <formula>""</formula>
    </cfRule>
  </conditionalFormatting>
  <conditionalFormatting sqref="AW9">
    <cfRule type="expression" dxfId="503" priority="507">
      <formula>AW$9&lt;&gt;""</formula>
    </cfRule>
    <cfRule type="cellIs" dxfId="502" priority="508" operator="equal">
      <formula>""</formula>
    </cfRule>
  </conditionalFormatting>
  <conditionalFormatting sqref="AX9">
    <cfRule type="expression" dxfId="501" priority="505">
      <formula>AX$9&lt;&gt;""</formula>
    </cfRule>
    <cfRule type="cellIs" dxfId="500" priority="506" operator="equal">
      <formula>""</formula>
    </cfRule>
  </conditionalFormatting>
  <conditionalFormatting sqref="AY9">
    <cfRule type="expression" dxfId="499" priority="503">
      <formula>AY$9&lt;&gt;""</formula>
    </cfRule>
    <cfRule type="cellIs" dxfId="498" priority="504" operator="equal">
      <formula>""</formula>
    </cfRule>
  </conditionalFormatting>
  <conditionalFormatting sqref="AZ9">
    <cfRule type="expression" dxfId="497" priority="501">
      <formula>AZ$9&lt;&gt;""</formula>
    </cfRule>
    <cfRule type="cellIs" dxfId="496" priority="502" operator="equal">
      <formula>""</formula>
    </cfRule>
  </conditionalFormatting>
  <conditionalFormatting sqref="BA9">
    <cfRule type="expression" dxfId="495" priority="499">
      <formula>BA$9&lt;&gt;""</formula>
    </cfRule>
    <cfRule type="cellIs" dxfId="494" priority="500" operator="equal">
      <formula>""</formula>
    </cfRule>
  </conditionalFormatting>
  <conditionalFormatting sqref="BB9">
    <cfRule type="expression" dxfId="493" priority="497">
      <formula>BB$9&lt;&gt;""</formula>
    </cfRule>
    <cfRule type="cellIs" dxfId="492" priority="498" operator="equal">
      <formula>""</formula>
    </cfRule>
  </conditionalFormatting>
  <conditionalFormatting sqref="BC9">
    <cfRule type="expression" dxfId="491" priority="495">
      <formula>BC$9&lt;&gt;""</formula>
    </cfRule>
    <cfRule type="cellIs" dxfId="490" priority="496" operator="equal">
      <formula>""</formula>
    </cfRule>
  </conditionalFormatting>
  <conditionalFormatting sqref="BD9">
    <cfRule type="expression" dxfId="489" priority="493">
      <formula>BD$9&lt;&gt;""</formula>
    </cfRule>
    <cfRule type="cellIs" dxfId="488" priority="494" operator="equal">
      <formula>""</formula>
    </cfRule>
  </conditionalFormatting>
  <conditionalFormatting sqref="BE9">
    <cfRule type="expression" dxfId="487" priority="491">
      <formula>BE$9&lt;&gt;""</formula>
    </cfRule>
    <cfRule type="cellIs" dxfId="486" priority="492" operator="equal">
      <formula>""</formula>
    </cfRule>
  </conditionalFormatting>
  <conditionalFormatting sqref="BF9">
    <cfRule type="expression" dxfId="485" priority="489">
      <formula>BF$9&lt;&gt;""</formula>
    </cfRule>
    <cfRule type="cellIs" dxfId="484" priority="490" operator="equal">
      <formula>""</formula>
    </cfRule>
  </conditionalFormatting>
  <conditionalFormatting sqref="BG9">
    <cfRule type="expression" dxfId="483" priority="487">
      <formula>BG$9&lt;&gt;""</formula>
    </cfRule>
    <cfRule type="cellIs" dxfId="482" priority="488" operator="equal">
      <formula>""</formula>
    </cfRule>
  </conditionalFormatting>
  <conditionalFormatting sqref="BH9">
    <cfRule type="expression" dxfId="481" priority="485">
      <formula>BH$9&lt;&gt;""</formula>
    </cfRule>
    <cfRule type="cellIs" dxfId="480" priority="486" operator="equal">
      <formula>""</formula>
    </cfRule>
  </conditionalFormatting>
  <conditionalFormatting sqref="BI9">
    <cfRule type="expression" dxfId="479" priority="483">
      <formula>BI$9&lt;&gt;""</formula>
    </cfRule>
    <cfRule type="cellIs" dxfId="478" priority="484" operator="equal">
      <formula>""</formula>
    </cfRule>
  </conditionalFormatting>
  <conditionalFormatting sqref="BJ9">
    <cfRule type="expression" dxfId="477" priority="481">
      <formula>BJ$9&lt;&gt;""</formula>
    </cfRule>
    <cfRule type="cellIs" dxfId="476" priority="482" operator="equal">
      <formula>""</formula>
    </cfRule>
  </conditionalFormatting>
  <conditionalFormatting sqref="BK9">
    <cfRule type="expression" dxfId="475" priority="479">
      <formula>BK$9&lt;&gt;""</formula>
    </cfRule>
    <cfRule type="cellIs" dxfId="474" priority="480" operator="equal">
      <formula>""</formula>
    </cfRule>
  </conditionalFormatting>
  <conditionalFormatting sqref="BL9">
    <cfRule type="expression" dxfId="473" priority="477">
      <formula>BL$9&lt;&gt;""</formula>
    </cfRule>
    <cfRule type="cellIs" dxfId="472" priority="478" operator="equal">
      <formula>""</formula>
    </cfRule>
  </conditionalFormatting>
  <conditionalFormatting sqref="BM9">
    <cfRule type="expression" dxfId="471" priority="475">
      <formula>BM$9&lt;&gt;""</formula>
    </cfRule>
    <cfRule type="cellIs" dxfId="470" priority="476" operator="equal">
      <formula>""</formula>
    </cfRule>
  </conditionalFormatting>
  <conditionalFormatting sqref="BN9">
    <cfRule type="expression" dxfId="469" priority="473">
      <formula>BN$9&lt;&gt;""</formula>
    </cfRule>
    <cfRule type="cellIs" dxfId="468" priority="474" operator="equal">
      <formula>""</formula>
    </cfRule>
  </conditionalFormatting>
  <conditionalFormatting sqref="BO9">
    <cfRule type="expression" dxfId="467" priority="471">
      <formula>BO$9&lt;&gt;""</formula>
    </cfRule>
    <cfRule type="cellIs" dxfId="466" priority="472" operator="equal">
      <formula>""</formula>
    </cfRule>
  </conditionalFormatting>
  <conditionalFormatting sqref="BP9">
    <cfRule type="expression" dxfId="465" priority="469">
      <formula>BP$9&lt;&gt;""</formula>
    </cfRule>
    <cfRule type="cellIs" dxfId="464" priority="470" operator="equal">
      <formula>""</formula>
    </cfRule>
  </conditionalFormatting>
  <conditionalFormatting sqref="BQ9">
    <cfRule type="expression" dxfId="463" priority="467">
      <formula>BQ$9&lt;&gt;""</formula>
    </cfRule>
    <cfRule type="cellIs" dxfId="462" priority="468" operator="equal">
      <formula>""</formula>
    </cfRule>
  </conditionalFormatting>
  <conditionalFormatting sqref="BR9">
    <cfRule type="expression" dxfId="461" priority="465">
      <formula>BR$9&lt;&gt;""</formula>
    </cfRule>
    <cfRule type="cellIs" dxfId="460" priority="466" operator="equal">
      <formula>""</formula>
    </cfRule>
  </conditionalFormatting>
  <conditionalFormatting sqref="BS9">
    <cfRule type="expression" dxfId="459" priority="463">
      <formula>BS$9&lt;&gt;""</formula>
    </cfRule>
    <cfRule type="cellIs" dxfId="458" priority="464" operator="equal">
      <formula>""</formula>
    </cfRule>
  </conditionalFormatting>
  <conditionalFormatting sqref="O16">
    <cfRule type="expression" dxfId="457" priority="461">
      <formula>O$16&lt;&gt;""</formula>
    </cfRule>
    <cfRule type="cellIs" dxfId="456" priority="462" operator="equal">
      <formula>""</formula>
    </cfRule>
  </conditionalFormatting>
  <conditionalFormatting sqref="P16">
    <cfRule type="expression" dxfId="455" priority="459">
      <formula>P$16&lt;&gt;""</formula>
    </cfRule>
    <cfRule type="cellIs" dxfId="454" priority="460" operator="equal">
      <formula>""</formula>
    </cfRule>
  </conditionalFormatting>
  <conditionalFormatting sqref="Q16">
    <cfRule type="expression" dxfId="453" priority="457">
      <formula>Q$16&lt;&gt;""</formula>
    </cfRule>
    <cfRule type="cellIs" dxfId="452" priority="458" operator="equal">
      <formula>""</formula>
    </cfRule>
  </conditionalFormatting>
  <conditionalFormatting sqref="R16">
    <cfRule type="expression" dxfId="451" priority="455">
      <formula>R$16&lt;&gt;""</formula>
    </cfRule>
    <cfRule type="cellIs" dxfId="450" priority="456" operator="equal">
      <formula>""</formula>
    </cfRule>
  </conditionalFormatting>
  <conditionalFormatting sqref="S16">
    <cfRule type="expression" dxfId="449" priority="453">
      <formula>S$16&lt;&gt;""</formula>
    </cfRule>
    <cfRule type="cellIs" dxfId="448" priority="454" operator="equal">
      <formula>""</formula>
    </cfRule>
  </conditionalFormatting>
  <conditionalFormatting sqref="T16">
    <cfRule type="expression" dxfId="447" priority="451">
      <formula>T$16&lt;&gt;""</formula>
    </cfRule>
    <cfRule type="cellIs" dxfId="446" priority="452" operator="equal">
      <formula>""</formula>
    </cfRule>
  </conditionalFormatting>
  <conditionalFormatting sqref="U16">
    <cfRule type="expression" dxfId="445" priority="449">
      <formula>U$16&lt;&gt;""</formula>
    </cfRule>
    <cfRule type="cellIs" dxfId="444" priority="450" operator="equal">
      <formula>""</formula>
    </cfRule>
  </conditionalFormatting>
  <conditionalFormatting sqref="V16">
    <cfRule type="expression" dxfId="443" priority="447">
      <formula>V$16&lt;&gt;""</formula>
    </cfRule>
    <cfRule type="cellIs" dxfId="442" priority="448" operator="equal">
      <formula>""</formula>
    </cfRule>
  </conditionalFormatting>
  <conditionalFormatting sqref="W16">
    <cfRule type="expression" dxfId="441" priority="445">
      <formula>W$16&lt;&gt;""</formula>
    </cfRule>
    <cfRule type="cellIs" dxfId="440" priority="446" operator="equal">
      <formula>""</formula>
    </cfRule>
  </conditionalFormatting>
  <conditionalFormatting sqref="X16">
    <cfRule type="expression" dxfId="439" priority="443">
      <formula>X$16&lt;&gt;""</formula>
    </cfRule>
    <cfRule type="cellIs" dxfId="438" priority="444" operator="equal">
      <formula>""</formula>
    </cfRule>
  </conditionalFormatting>
  <conditionalFormatting sqref="Y16">
    <cfRule type="expression" dxfId="437" priority="441">
      <formula>Y$16&lt;&gt;""</formula>
    </cfRule>
    <cfRule type="cellIs" dxfId="436" priority="442" operator="equal">
      <formula>""</formula>
    </cfRule>
  </conditionalFormatting>
  <conditionalFormatting sqref="Z16">
    <cfRule type="expression" dxfId="435" priority="439">
      <formula>Z$16&lt;&gt;""</formula>
    </cfRule>
    <cfRule type="cellIs" dxfId="434" priority="440" operator="equal">
      <formula>""</formula>
    </cfRule>
  </conditionalFormatting>
  <conditionalFormatting sqref="AA16">
    <cfRule type="expression" dxfId="433" priority="437">
      <formula>AA$16&lt;&gt;""</formula>
    </cfRule>
    <cfRule type="cellIs" dxfId="432" priority="438" operator="equal">
      <formula>""</formula>
    </cfRule>
  </conditionalFormatting>
  <conditionalFormatting sqref="AB16">
    <cfRule type="expression" dxfId="431" priority="435">
      <formula>AB$16&lt;&gt;""</formula>
    </cfRule>
    <cfRule type="cellIs" dxfId="430" priority="436" operator="equal">
      <formula>""</formula>
    </cfRule>
  </conditionalFormatting>
  <conditionalFormatting sqref="AC16">
    <cfRule type="expression" dxfId="429" priority="433">
      <formula>AC$16&lt;&gt;""</formula>
    </cfRule>
    <cfRule type="cellIs" dxfId="428" priority="434" operator="equal">
      <formula>""</formula>
    </cfRule>
  </conditionalFormatting>
  <conditionalFormatting sqref="AD16">
    <cfRule type="expression" dxfId="427" priority="431">
      <formula>AD$16&lt;&gt;""</formula>
    </cfRule>
    <cfRule type="cellIs" dxfId="426" priority="432" operator="equal">
      <formula>""</formula>
    </cfRule>
  </conditionalFormatting>
  <conditionalFormatting sqref="AE16">
    <cfRule type="expression" dxfId="425" priority="429">
      <formula>AE$16&lt;&gt;""</formula>
    </cfRule>
    <cfRule type="cellIs" dxfId="424" priority="430" operator="equal">
      <formula>""</formula>
    </cfRule>
  </conditionalFormatting>
  <conditionalFormatting sqref="AF16">
    <cfRule type="expression" dxfId="423" priority="427">
      <formula>AF$16&lt;&gt;""</formula>
    </cfRule>
    <cfRule type="cellIs" dxfId="422" priority="428" operator="equal">
      <formula>""</formula>
    </cfRule>
  </conditionalFormatting>
  <conditionalFormatting sqref="AG16">
    <cfRule type="expression" dxfId="421" priority="425">
      <formula>AG$16&lt;&gt;""</formula>
    </cfRule>
    <cfRule type="cellIs" dxfId="420" priority="426" operator="equal">
      <formula>""</formula>
    </cfRule>
  </conditionalFormatting>
  <conditionalFormatting sqref="AH16">
    <cfRule type="expression" dxfId="419" priority="423">
      <formula>AH$16&lt;&gt;""</formula>
    </cfRule>
    <cfRule type="cellIs" dxfId="418" priority="424" operator="equal">
      <formula>""</formula>
    </cfRule>
  </conditionalFormatting>
  <conditionalFormatting sqref="AI16">
    <cfRule type="expression" dxfId="417" priority="421">
      <formula>AI$16&lt;&gt;""</formula>
    </cfRule>
    <cfRule type="cellIs" dxfId="416" priority="422" operator="equal">
      <formula>""</formula>
    </cfRule>
  </conditionalFormatting>
  <conditionalFormatting sqref="AJ16">
    <cfRule type="expression" dxfId="415" priority="419">
      <formula>AJ$16&lt;&gt;""</formula>
    </cfRule>
    <cfRule type="cellIs" dxfId="414" priority="420" operator="equal">
      <formula>""</formula>
    </cfRule>
  </conditionalFormatting>
  <conditionalFormatting sqref="AK16">
    <cfRule type="expression" dxfId="413" priority="417">
      <formula>AK$16&lt;&gt;""</formula>
    </cfRule>
    <cfRule type="cellIs" dxfId="412" priority="418" operator="equal">
      <formula>""</formula>
    </cfRule>
  </conditionalFormatting>
  <conditionalFormatting sqref="AL16">
    <cfRule type="expression" dxfId="411" priority="415">
      <formula>AL$16&lt;&gt;""</formula>
    </cfRule>
    <cfRule type="cellIs" dxfId="410" priority="416" operator="equal">
      <formula>""</formula>
    </cfRule>
  </conditionalFormatting>
  <conditionalFormatting sqref="AM16">
    <cfRule type="expression" dxfId="409" priority="413">
      <formula>AM$16&lt;&gt;""</formula>
    </cfRule>
    <cfRule type="cellIs" dxfId="408" priority="414" operator="equal">
      <formula>""</formula>
    </cfRule>
  </conditionalFormatting>
  <conditionalFormatting sqref="AN16">
    <cfRule type="expression" dxfId="407" priority="411">
      <formula>AN$16&lt;&gt;""</formula>
    </cfRule>
    <cfRule type="cellIs" dxfId="406" priority="412" operator="equal">
      <formula>""</formula>
    </cfRule>
  </conditionalFormatting>
  <conditionalFormatting sqref="AO16">
    <cfRule type="expression" dxfId="405" priority="409">
      <formula>AO$16&lt;&gt;""</formula>
    </cfRule>
    <cfRule type="cellIs" dxfId="404" priority="410" operator="equal">
      <formula>""</formula>
    </cfRule>
  </conditionalFormatting>
  <conditionalFormatting sqref="AP16">
    <cfRule type="expression" dxfId="403" priority="407">
      <formula>AP$16&lt;&gt;""</formula>
    </cfRule>
    <cfRule type="cellIs" dxfId="402" priority="408" operator="equal">
      <formula>""</formula>
    </cfRule>
  </conditionalFormatting>
  <conditionalFormatting sqref="AQ16">
    <cfRule type="expression" dxfId="401" priority="405">
      <formula>AQ$16&lt;&gt;""</formula>
    </cfRule>
    <cfRule type="cellIs" dxfId="400" priority="406" operator="equal">
      <formula>""</formula>
    </cfRule>
  </conditionalFormatting>
  <conditionalFormatting sqref="AR16">
    <cfRule type="expression" dxfId="399" priority="403">
      <formula>AR$16&lt;&gt;""</formula>
    </cfRule>
    <cfRule type="cellIs" dxfId="398" priority="404" operator="equal">
      <formula>""</formula>
    </cfRule>
  </conditionalFormatting>
  <conditionalFormatting sqref="AS16">
    <cfRule type="expression" dxfId="397" priority="401">
      <formula>AS$16&lt;&gt;""</formula>
    </cfRule>
    <cfRule type="cellIs" dxfId="396" priority="402" operator="equal">
      <formula>""</formula>
    </cfRule>
  </conditionalFormatting>
  <conditionalFormatting sqref="AT16">
    <cfRule type="expression" dxfId="395" priority="399">
      <formula>AT$16&lt;&gt;""</formula>
    </cfRule>
    <cfRule type="cellIs" dxfId="394" priority="400" operator="equal">
      <formula>""</formula>
    </cfRule>
  </conditionalFormatting>
  <conditionalFormatting sqref="AU16">
    <cfRule type="expression" dxfId="393" priority="397">
      <formula>AU$16&lt;&gt;""</formula>
    </cfRule>
    <cfRule type="cellIs" dxfId="392" priority="398" operator="equal">
      <formula>""</formula>
    </cfRule>
  </conditionalFormatting>
  <conditionalFormatting sqref="AV16">
    <cfRule type="expression" dxfId="391" priority="395">
      <formula>AV$16&lt;&gt;""</formula>
    </cfRule>
    <cfRule type="cellIs" dxfId="390" priority="396" operator="equal">
      <formula>""</formula>
    </cfRule>
  </conditionalFormatting>
  <conditionalFormatting sqref="AW16">
    <cfRule type="expression" dxfId="389" priority="393">
      <formula>AW$16&lt;&gt;""</formula>
    </cfRule>
    <cfRule type="cellIs" dxfId="388" priority="394" operator="equal">
      <formula>""</formula>
    </cfRule>
  </conditionalFormatting>
  <conditionalFormatting sqref="AX16">
    <cfRule type="expression" dxfId="387" priority="391">
      <formula>AX$16&lt;&gt;""</formula>
    </cfRule>
    <cfRule type="cellIs" dxfId="386" priority="392" operator="equal">
      <formula>""</formula>
    </cfRule>
  </conditionalFormatting>
  <conditionalFormatting sqref="AY16">
    <cfRule type="expression" dxfId="385" priority="389">
      <formula>AY$16&lt;&gt;""</formula>
    </cfRule>
    <cfRule type="cellIs" dxfId="384" priority="390" operator="equal">
      <formula>""</formula>
    </cfRule>
  </conditionalFormatting>
  <conditionalFormatting sqref="AZ16">
    <cfRule type="expression" dxfId="383" priority="387">
      <formula>AZ$16&lt;&gt;""</formula>
    </cfRule>
    <cfRule type="cellIs" dxfId="382" priority="388" operator="equal">
      <formula>""</formula>
    </cfRule>
  </conditionalFormatting>
  <conditionalFormatting sqref="BA16">
    <cfRule type="expression" dxfId="381" priority="385">
      <formula>BA$16&lt;&gt;""</formula>
    </cfRule>
    <cfRule type="cellIs" dxfId="380" priority="386" operator="equal">
      <formula>""</formula>
    </cfRule>
  </conditionalFormatting>
  <conditionalFormatting sqref="BB16">
    <cfRule type="expression" dxfId="379" priority="383">
      <formula>BB$16&lt;&gt;""</formula>
    </cfRule>
    <cfRule type="cellIs" dxfId="378" priority="384" operator="equal">
      <formula>""</formula>
    </cfRule>
  </conditionalFormatting>
  <conditionalFormatting sqref="BC16">
    <cfRule type="expression" dxfId="377" priority="381">
      <formula>BC$16&lt;&gt;""</formula>
    </cfRule>
    <cfRule type="cellIs" dxfId="376" priority="382" operator="equal">
      <formula>""</formula>
    </cfRule>
  </conditionalFormatting>
  <conditionalFormatting sqref="BD16">
    <cfRule type="expression" dxfId="375" priority="379">
      <formula>BD$16&lt;&gt;""</formula>
    </cfRule>
    <cfRule type="cellIs" dxfId="374" priority="380" operator="equal">
      <formula>""</formula>
    </cfRule>
  </conditionalFormatting>
  <conditionalFormatting sqref="BE16">
    <cfRule type="expression" dxfId="373" priority="377">
      <formula>BE$16&lt;&gt;""</formula>
    </cfRule>
    <cfRule type="cellIs" dxfId="372" priority="378" operator="equal">
      <formula>""</formula>
    </cfRule>
  </conditionalFormatting>
  <conditionalFormatting sqref="BF16">
    <cfRule type="expression" dxfId="371" priority="375">
      <formula>BF$16&lt;&gt;""</formula>
    </cfRule>
    <cfRule type="cellIs" dxfId="370" priority="376" operator="equal">
      <formula>""</formula>
    </cfRule>
  </conditionalFormatting>
  <conditionalFormatting sqref="BG16">
    <cfRule type="expression" dxfId="369" priority="373">
      <formula>BG$16&lt;&gt;""</formula>
    </cfRule>
    <cfRule type="cellIs" dxfId="368" priority="374" operator="equal">
      <formula>""</formula>
    </cfRule>
  </conditionalFormatting>
  <conditionalFormatting sqref="BH16">
    <cfRule type="expression" dxfId="367" priority="371">
      <formula>BH$16&lt;&gt;""</formula>
    </cfRule>
    <cfRule type="cellIs" dxfId="366" priority="372" operator="equal">
      <formula>""</formula>
    </cfRule>
  </conditionalFormatting>
  <conditionalFormatting sqref="BI16">
    <cfRule type="expression" dxfId="365" priority="369">
      <formula>BI$16&lt;&gt;""</formula>
    </cfRule>
    <cfRule type="cellIs" dxfId="364" priority="370" operator="equal">
      <formula>""</formula>
    </cfRule>
  </conditionalFormatting>
  <conditionalFormatting sqref="BJ16">
    <cfRule type="expression" dxfId="363" priority="367">
      <formula>BJ$16&lt;&gt;""</formula>
    </cfRule>
    <cfRule type="cellIs" dxfId="362" priority="368" operator="equal">
      <formula>""</formula>
    </cfRule>
  </conditionalFormatting>
  <conditionalFormatting sqref="BK16">
    <cfRule type="expression" dxfId="361" priority="365">
      <formula>BK$16&lt;&gt;""</formula>
    </cfRule>
    <cfRule type="cellIs" dxfId="360" priority="366" operator="equal">
      <formula>""</formula>
    </cfRule>
  </conditionalFormatting>
  <conditionalFormatting sqref="BL16">
    <cfRule type="expression" dxfId="359" priority="363">
      <formula>BL$16&lt;&gt;""</formula>
    </cfRule>
    <cfRule type="cellIs" dxfId="358" priority="364" operator="equal">
      <formula>""</formula>
    </cfRule>
  </conditionalFormatting>
  <conditionalFormatting sqref="BM16">
    <cfRule type="expression" dxfId="357" priority="361">
      <formula>BM$16&lt;&gt;""</formula>
    </cfRule>
    <cfRule type="cellIs" dxfId="356" priority="362" operator="equal">
      <formula>""</formula>
    </cfRule>
  </conditionalFormatting>
  <conditionalFormatting sqref="BN16">
    <cfRule type="expression" dxfId="355" priority="359">
      <formula>BN$16&lt;&gt;""</formula>
    </cfRule>
    <cfRule type="cellIs" dxfId="354" priority="360" operator="equal">
      <formula>""</formula>
    </cfRule>
  </conditionalFormatting>
  <conditionalFormatting sqref="BO16">
    <cfRule type="expression" dxfId="353" priority="357">
      <formula>BO$16&lt;&gt;""</formula>
    </cfRule>
    <cfRule type="cellIs" dxfId="352" priority="358" operator="equal">
      <formula>""</formula>
    </cfRule>
  </conditionalFormatting>
  <conditionalFormatting sqref="BP16">
    <cfRule type="expression" dxfId="351" priority="355">
      <formula>BP$16&lt;&gt;""</formula>
    </cfRule>
    <cfRule type="cellIs" dxfId="350" priority="356" operator="equal">
      <formula>""</formula>
    </cfRule>
  </conditionalFormatting>
  <conditionalFormatting sqref="BQ16">
    <cfRule type="expression" dxfId="349" priority="353">
      <formula>BQ$16&lt;&gt;""</formula>
    </cfRule>
    <cfRule type="cellIs" dxfId="348" priority="354" operator="equal">
      <formula>""</formula>
    </cfRule>
  </conditionalFormatting>
  <conditionalFormatting sqref="BR16">
    <cfRule type="expression" dxfId="347" priority="351">
      <formula>BR$16&lt;&gt;""</formula>
    </cfRule>
    <cfRule type="cellIs" dxfId="346" priority="352" operator="equal">
      <formula>""</formula>
    </cfRule>
  </conditionalFormatting>
  <conditionalFormatting sqref="BS16">
    <cfRule type="expression" dxfId="345" priority="349">
      <formula>BS$16&lt;&gt;""</formula>
    </cfRule>
    <cfRule type="cellIs" dxfId="344" priority="350" operator="equal">
      <formula>""</formula>
    </cfRule>
  </conditionalFormatting>
  <conditionalFormatting sqref="N27">
    <cfRule type="expression" dxfId="343" priority="347">
      <formula>N$27&lt;&gt;""</formula>
    </cfRule>
    <cfRule type="cellIs" dxfId="342" priority="348" operator="equal">
      <formula>""</formula>
    </cfRule>
  </conditionalFormatting>
  <conditionalFormatting sqref="M27">
    <cfRule type="expression" dxfId="341" priority="345">
      <formula>$M$27&lt;&gt;""</formula>
    </cfRule>
    <cfRule type="cellIs" dxfId="340" priority="346" operator="equal">
      <formula>""</formula>
    </cfRule>
  </conditionalFormatting>
  <conditionalFormatting sqref="O27">
    <cfRule type="expression" dxfId="339" priority="341">
      <formula>O$27&lt;&gt;""</formula>
    </cfRule>
    <cfRule type="cellIs" dxfId="338" priority="342" operator="equal">
      <formula>""</formula>
    </cfRule>
  </conditionalFormatting>
  <conditionalFormatting sqref="P27">
    <cfRule type="expression" dxfId="337" priority="339">
      <formula>P$27&lt;&gt;""</formula>
    </cfRule>
    <cfRule type="cellIs" dxfId="336" priority="340" operator="equal">
      <formula>""</formula>
    </cfRule>
  </conditionalFormatting>
  <conditionalFormatting sqref="Q27">
    <cfRule type="expression" dxfId="335" priority="337">
      <formula>Q$27&lt;&gt;""</formula>
    </cfRule>
    <cfRule type="cellIs" dxfId="334" priority="338" operator="equal">
      <formula>""</formula>
    </cfRule>
  </conditionalFormatting>
  <conditionalFormatting sqref="R27">
    <cfRule type="expression" dxfId="333" priority="335">
      <formula>R$27&lt;&gt;""</formula>
    </cfRule>
    <cfRule type="cellIs" dxfId="332" priority="336" operator="equal">
      <formula>""</formula>
    </cfRule>
  </conditionalFormatting>
  <conditionalFormatting sqref="S27">
    <cfRule type="expression" dxfId="331" priority="333">
      <formula>S$27&lt;&gt;""</formula>
    </cfRule>
    <cfRule type="cellIs" dxfId="330" priority="334" operator="equal">
      <formula>""</formula>
    </cfRule>
  </conditionalFormatting>
  <conditionalFormatting sqref="T27">
    <cfRule type="expression" dxfId="329" priority="331">
      <formula>T$27&lt;&gt;""</formula>
    </cfRule>
    <cfRule type="cellIs" dxfId="328" priority="332" operator="equal">
      <formula>""</formula>
    </cfRule>
  </conditionalFormatting>
  <conditionalFormatting sqref="U27">
    <cfRule type="expression" dxfId="327" priority="329">
      <formula>U$27&lt;&gt;""</formula>
    </cfRule>
    <cfRule type="cellIs" dxfId="326" priority="330" operator="equal">
      <formula>""</formula>
    </cfRule>
  </conditionalFormatting>
  <conditionalFormatting sqref="V27">
    <cfRule type="expression" dxfId="325" priority="327">
      <formula>V$27&lt;&gt;""</formula>
    </cfRule>
    <cfRule type="cellIs" dxfId="324" priority="328" operator="equal">
      <formula>""</formula>
    </cfRule>
  </conditionalFormatting>
  <conditionalFormatting sqref="W27">
    <cfRule type="expression" dxfId="323" priority="325">
      <formula>W$27&lt;&gt;""</formula>
    </cfRule>
    <cfRule type="cellIs" dxfId="322" priority="326" operator="equal">
      <formula>""</formula>
    </cfRule>
  </conditionalFormatting>
  <conditionalFormatting sqref="X27">
    <cfRule type="expression" dxfId="321" priority="323">
      <formula>X$27&lt;&gt;""</formula>
    </cfRule>
    <cfRule type="cellIs" dxfId="320" priority="324" operator="equal">
      <formula>""</formula>
    </cfRule>
  </conditionalFormatting>
  <conditionalFormatting sqref="Y27">
    <cfRule type="expression" dxfId="319" priority="321">
      <formula>Y$27&lt;&gt;""</formula>
    </cfRule>
    <cfRule type="cellIs" dxfId="318" priority="322" operator="equal">
      <formula>""</formula>
    </cfRule>
  </conditionalFormatting>
  <conditionalFormatting sqref="Z27">
    <cfRule type="expression" dxfId="317" priority="319">
      <formula>Z$27&lt;&gt;""</formula>
    </cfRule>
    <cfRule type="cellIs" dxfId="316" priority="320" operator="equal">
      <formula>""</formula>
    </cfRule>
  </conditionalFormatting>
  <conditionalFormatting sqref="AA27">
    <cfRule type="expression" dxfId="315" priority="317">
      <formula>AA$27&lt;&gt;""</formula>
    </cfRule>
    <cfRule type="cellIs" dxfId="314" priority="318" operator="equal">
      <formula>""</formula>
    </cfRule>
  </conditionalFormatting>
  <conditionalFormatting sqref="AB27">
    <cfRule type="expression" dxfId="313" priority="315">
      <formula>AB$27&lt;&gt;""</formula>
    </cfRule>
    <cfRule type="cellIs" dxfId="312" priority="316" operator="equal">
      <formula>""</formula>
    </cfRule>
  </conditionalFormatting>
  <conditionalFormatting sqref="AC27">
    <cfRule type="expression" dxfId="311" priority="313">
      <formula>AC$27&lt;&gt;""</formula>
    </cfRule>
    <cfRule type="cellIs" dxfId="310" priority="314" operator="equal">
      <formula>""</formula>
    </cfRule>
  </conditionalFormatting>
  <conditionalFormatting sqref="AD27">
    <cfRule type="expression" dxfId="309" priority="311">
      <formula>AD$27&lt;&gt;""</formula>
    </cfRule>
    <cfRule type="cellIs" dxfId="308" priority="312" operator="equal">
      <formula>""</formula>
    </cfRule>
  </conditionalFormatting>
  <conditionalFormatting sqref="AE27">
    <cfRule type="expression" dxfId="307" priority="309">
      <formula>AE$27&lt;&gt;""</formula>
    </cfRule>
    <cfRule type="cellIs" dxfId="306" priority="310" operator="equal">
      <formula>""</formula>
    </cfRule>
  </conditionalFormatting>
  <conditionalFormatting sqref="AF27">
    <cfRule type="expression" dxfId="305" priority="307">
      <formula>AF$27&lt;&gt;""</formula>
    </cfRule>
    <cfRule type="cellIs" dxfId="304" priority="308" operator="equal">
      <formula>""</formula>
    </cfRule>
  </conditionalFormatting>
  <conditionalFormatting sqref="AG27">
    <cfRule type="expression" dxfId="303" priority="305">
      <formula>AG$27&lt;&gt;""</formula>
    </cfRule>
    <cfRule type="cellIs" dxfId="302" priority="306" operator="equal">
      <formula>""</formula>
    </cfRule>
  </conditionalFormatting>
  <conditionalFormatting sqref="AH27">
    <cfRule type="expression" dxfId="301" priority="303">
      <formula>AH$27&lt;&gt;""</formula>
    </cfRule>
    <cfRule type="cellIs" dxfId="300" priority="304" operator="equal">
      <formula>""</formula>
    </cfRule>
  </conditionalFormatting>
  <conditionalFormatting sqref="AI27">
    <cfRule type="expression" dxfId="299" priority="301">
      <formula>AI$27&lt;&gt;""</formula>
    </cfRule>
    <cfRule type="cellIs" dxfId="298" priority="302" operator="equal">
      <formula>""</formula>
    </cfRule>
  </conditionalFormatting>
  <conditionalFormatting sqref="AJ27">
    <cfRule type="expression" dxfId="297" priority="299">
      <formula>AJ$27&lt;&gt;""</formula>
    </cfRule>
    <cfRule type="cellIs" dxfId="296" priority="300" operator="equal">
      <formula>""</formula>
    </cfRule>
  </conditionalFormatting>
  <conditionalFormatting sqref="AK27">
    <cfRule type="expression" dxfId="295" priority="297">
      <formula>AK$27&lt;&gt;""</formula>
    </cfRule>
    <cfRule type="cellIs" dxfId="294" priority="298" operator="equal">
      <formula>""</formula>
    </cfRule>
  </conditionalFormatting>
  <conditionalFormatting sqref="AL27">
    <cfRule type="expression" dxfId="293" priority="295">
      <formula>AL$27&lt;&gt;""</formula>
    </cfRule>
    <cfRule type="cellIs" dxfId="292" priority="296" operator="equal">
      <formula>""</formula>
    </cfRule>
  </conditionalFormatting>
  <conditionalFormatting sqref="AM27">
    <cfRule type="expression" dxfId="291" priority="293">
      <formula>AM$27&lt;&gt;""</formula>
    </cfRule>
    <cfRule type="cellIs" dxfId="290" priority="294" operator="equal">
      <formula>""</formula>
    </cfRule>
  </conditionalFormatting>
  <conditionalFormatting sqref="AN27">
    <cfRule type="expression" dxfId="289" priority="291">
      <formula>AN$27&lt;&gt;""</formula>
    </cfRule>
    <cfRule type="cellIs" dxfId="288" priority="292" operator="equal">
      <formula>""</formula>
    </cfRule>
  </conditionalFormatting>
  <conditionalFormatting sqref="AO27">
    <cfRule type="expression" dxfId="287" priority="289">
      <formula>AO$27&lt;&gt;""</formula>
    </cfRule>
    <cfRule type="cellIs" dxfId="286" priority="290" operator="equal">
      <formula>""</formula>
    </cfRule>
  </conditionalFormatting>
  <conditionalFormatting sqref="AP27">
    <cfRule type="expression" dxfId="285" priority="287">
      <formula>AP$27&lt;&gt;""</formula>
    </cfRule>
    <cfRule type="cellIs" dxfId="284" priority="288" operator="equal">
      <formula>""</formula>
    </cfRule>
  </conditionalFormatting>
  <conditionalFormatting sqref="AQ27">
    <cfRule type="expression" dxfId="283" priority="285">
      <formula>AQ$27&lt;&gt;""</formula>
    </cfRule>
    <cfRule type="cellIs" dxfId="282" priority="286" operator="equal">
      <formula>""</formula>
    </cfRule>
  </conditionalFormatting>
  <conditionalFormatting sqref="AR27">
    <cfRule type="expression" dxfId="281" priority="283">
      <formula>AR$27&lt;&gt;""</formula>
    </cfRule>
    <cfRule type="cellIs" dxfId="280" priority="284" operator="equal">
      <formula>""</formula>
    </cfRule>
  </conditionalFormatting>
  <conditionalFormatting sqref="AS27">
    <cfRule type="expression" dxfId="279" priority="281">
      <formula>AS$27&lt;&gt;""</formula>
    </cfRule>
    <cfRule type="cellIs" dxfId="278" priority="282" operator="equal">
      <formula>""</formula>
    </cfRule>
  </conditionalFormatting>
  <conditionalFormatting sqref="AT27">
    <cfRule type="expression" dxfId="277" priority="279">
      <formula>AT$27&lt;&gt;""</formula>
    </cfRule>
    <cfRule type="cellIs" dxfId="276" priority="280" operator="equal">
      <formula>""</formula>
    </cfRule>
  </conditionalFormatting>
  <conditionalFormatting sqref="AU27">
    <cfRule type="expression" dxfId="275" priority="277">
      <formula>AU$27&lt;&gt;""</formula>
    </cfRule>
    <cfRule type="cellIs" dxfId="274" priority="278" operator="equal">
      <formula>""</formula>
    </cfRule>
  </conditionalFormatting>
  <conditionalFormatting sqref="AV27">
    <cfRule type="expression" dxfId="273" priority="275">
      <formula>AV$27&lt;&gt;""</formula>
    </cfRule>
    <cfRule type="cellIs" dxfId="272" priority="276" operator="equal">
      <formula>""</formula>
    </cfRule>
  </conditionalFormatting>
  <conditionalFormatting sqref="AW27">
    <cfRule type="expression" dxfId="271" priority="273">
      <formula>AW$27&lt;&gt;""</formula>
    </cfRule>
    <cfRule type="cellIs" dxfId="270" priority="274" operator="equal">
      <formula>""</formula>
    </cfRule>
  </conditionalFormatting>
  <conditionalFormatting sqref="AX27">
    <cfRule type="expression" dxfId="269" priority="271">
      <formula>AX$27&lt;&gt;""</formula>
    </cfRule>
    <cfRule type="cellIs" dxfId="268" priority="272" operator="equal">
      <formula>""</formula>
    </cfRule>
  </conditionalFormatting>
  <conditionalFormatting sqref="AY27">
    <cfRule type="expression" dxfId="267" priority="269">
      <formula>AY$27&lt;&gt;""</formula>
    </cfRule>
    <cfRule type="cellIs" dxfId="266" priority="270" operator="equal">
      <formula>""</formula>
    </cfRule>
  </conditionalFormatting>
  <conditionalFormatting sqref="AZ27">
    <cfRule type="expression" dxfId="265" priority="267">
      <formula>AZ$27&lt;&gt;""</formula>
    </cfRule>
    <cfRule type="cellIs" dxfId="264" priority="268" operator="equal">
      <formula>""</formula>
    </cfRule>
  </conditionalFormatting>
  <conditionalFormatting sqref="BA27">
    <cfRule type="expression" dxfId="263" priority="265">
      <formula>BA$27&lt;&gt;""</formula>
    </cfRule>
    <cfRule type="cellIs" dxfId="262" priority="266" operator="equal">
      <formula>""</formula>
    </cfRule>
  </conditionalFormatting>
  <conditionalFormatting sqref="BB27">
    <cfRule type="expression" dxfId="261" priority="263">
      <formula>BB$27&lt;&gt;""</formula>
    </cfRule>
    <cfRule type="cellIs" dxfId="260" priority="264" operator="equal">
      <formula>""</formula>
    </cfRule>
  </conditionalFormatting>
  <conditionalFormatting sqref="BC27">
    <cfRule type="expression" dxfId="259" priority="261">
      <formula>BC$27&lt;&gt;""</formula>
    </cfRule>
    <cfRule type="cellIs" dxfId="258" priority="262" operator="equal">
      <formula>""</formula>
    </cfRule>
  </conditionalFormatting>
  <conditionalFormatting sqref="BD27">
    <cfRule type="expression" dxfId="257" priority="259">
      <formula>BD$27&lt;&gt;""</formula>
    </cfRule>
    <cfRule type="cellIs" dxfId="256" priority="260" operator="equal">
      <formula>""</formula>
    </cfRule>
  </conditionalFormatting>
  <conditionalFormatting sqref="BE27">
    <cfRule type="expression" dxfId="255" priority="257">
      <formula>BE$27&lt;&gt;""</formula>
    </cfRule>
    <cfRule type="cellIs" dxfId="254" priority="258" operator="equal">
      <formula>""</formula>
    </cfRule>
  </conditionalFormatting>
  <conditionalFormatting sqref="BF27">
    <cfRule type="expression" dxfId="253" priority="255">
      <formula>BF$27&lt;&gt;""</formula>
    </cfRule>
    <cfRule type="cellIs" dxfId="252" priority="256" operator="equal">
      <formula>""</formula>
    </cfRule>
  </conditionalFormatting>
  <conditionalFormatting sqref="BG27">
    <cfRule type="expression" dxfId="251" priority="253">
      <formula>BG$27&lt;&gt;""</formula>
    </cfRule>
    <cfRule type="cellIs" dxfId="250" priority="254" operator="equal">
      <formula>""</formula>
    </cfRule>
  </conditionalFormatting>
  <conditionalFormatting sqref="BH27">
    <cfRule type="expression" dxfId="249" priority="251">
      <formula>BH$27&lt;&gt;""</formula>
    </cfRule>
    <cfRule type="cellIs" dxfId="248" priority="252" operator="equal">
      <formula>""</formula>
    </cfRule>
  </conditionalFormatting>
  <conditionalFormatting sqref="BI27">
    <cfRule type="expression" dxfId="247" priority="249">
      <formula>BI$27&lt;&gt;""</formula>
    </cfRule>
    <cfRule type="cellIs" dxfId="246" priority="250" operator="equal">
      <formula>""</formula>
    </cfRule>
  </conditionalFormatting>
  <conditionalFormatting sqref="BJ27">
    <cfRule type="expression" dxfId="245" priority="247">
      <formula>BJ$27&lt;&gt;""</formula>
    </cfRule>
    <cfRule type="cellIs" dxfId="244" priority="248" operator="equal">
      <formula>""</formula>
    </cfRule>
  </conditionalFormatting>
  <conditionalFormatting sqref="BK27">
    <cfRule type="expression" dxfId="243" priority="245">
      <formula>BK$27&lt;&gt;""</formula>
    </cfRule>
    <cfRule type="cellIs" dxfId="242" priority="246" operator="equal">
      <formula>""</formula>
    </cfRule>
  </conditionalFormatting>
  <conditionalFormatting sqref="BL27">
    <cfRule type="expression" dxfId="241" priority="243">
      <formula>BL$27&lt;&gt;""</formula>
    </cfRule>
    <cfRule type="cellIs" dxfId="240" priority="244" operator="equal">
      <formula>""</formula>
    </cfRule>
  </conditionalFormatting>
  <conditionalFormatting sqref="BM27">
    <cfRule type="expression" dxfId="239" priority="241">
      <formula>BM$27&lt;&gt;""</formula>
    </cfRule>
    <cfRule type="cellIs" dxfId="238" priority="242" operator="equal">
      <formula>""</formula>
    </cfRule>
  </conditionalFormatting>
  <conditionalFormatting sqref="BN27">
    <cfRule type="expression" dxfId="237" priority="239">
      <formula>BN$27&lt;&gt;""</formula>
    </cfRule>
    <cfRule type="cellIs" dxfId="236" priority="240" operator="equal">
      <formula>""</formula>
    </cfRule>
  </conditionalFormatting>
  <conditionalFormatting sqref="BO27">
    <cfRule type="expression" dxfId="235" priority="237">
      <formula>BO$27&lt;&gt;""</formula>
    </cfRule>
    <cfRule type="cellIs" dxfId="234" priority="238" operator="equal">
      <formula>""</formula>
    </cfRule>
  </conditionalFormatting>
  <conditionalFormatting sqref="BP27">
    <cfRule type="expression" dxfId="233" priority="235">
      <formula>BP$27&lt;&gt;""</formula>
    </cfRule>
    <cfRule type="cellIs" dxfId="232" priority="236" operator="equal">
      <formula>""</formula>
    </cfRule>
  </conditionalFormatting>
  <conditionalFormatting sqref="BQ27">
    <cfRule type="expression" dxfId="231" priority="233">
      <formula>BQ$27&lt;&gt;""</formula>
    </cfRule>
    <cfRule type="cellIs" dxfId="230" priority="234" operator="equal">
      <formula>""</formula>
    </cfRule>
  </conditionalFormatting>
  <conditionalFormatting sqref="BR27">
    <cfRule type="expression" dxfId="229" priority="231">
      <formula>BR$27&lt;&gt;""</formula>
    </cfRule>
    <cfRule type="cellIs" dxfId="228" priority="232" operator="equal">
      <formula>""</formula>
    </cfRule>
  </conditionalFormatting>
  <conditionalFormatting sqref="O40">
    <cfRule type="expression" dxfId="227" priority="229">
      <formula>O$40&lt;&gt;""</formula>
    </cfRule>
    <cfRule type="cellIs" dxfId="226" priority="230" operator="equal">
      <formula>""</formula>
    </cfRule>
  </conditionalFormatting>
  <conditionalFormatting sqref="P40">
    <cfRule type="expression" dxfId="225" priority="227">
      <formula>P$40&lt;&gt;""</formula>
    </cfRule>
    <cfRule type="cellIs" dxfId="224" priority="228" operator="equal">
      <formula>""</formula>
    </cfRule>
  </conditionalFormatting>
  <conditionalFormatting sqref="Q40">
    <cfRule type="expression" dxfId="223" priority="225">
      <formula>Q$40&lt;&gt;""</formula>
    </cfRule>
    <cfRule type="cellIs" dxfId="222" priority="226" operator="equal">
      <formula>""</formula>
    </cfRule>
  </conditionalFormatting>
  <conditionalFormatting sqref="R40">
    <cfRule type="expression" dxfId="221" priority="223">
      <formula>R$40&lt;&gt;""</formula>
    </cfRule>
    <cfRule type="cellIs" dxfId="220" priority="224" operator="equal">
      <formula>""</formula>
    </cfRule>
  </conditionalFormatting>
  <conditionalFormatting sqref="S40">
    <cfRule type="expression" dxfId="219" priority="221">
      <formula>S$40&lt;&gt;""</formula>
    </cfRule>
    <cfRule type="cellIs" dxfId="218" priority="222" operator="equal">
      <formula>""</formula>
    </cfRule>
  </conditionalFormatting>
  <conditionalFormatting sqref="T40">
    <cfRule type="expression" dxfId="217" priority="219">
      <formula>T$40&lt;&gt;""</formula>
    </cfRule>
    <cfRule type="cellIs" dxfId="216" priority="220" operator="equal">
      <formula>""</formula>
    </cfRule>
  </conditionalFormatting>
  <conditionalFormatting sqref="U40">
    <cfRule type="expression" dxfId="215" priority="217">
      <formula>U$40&lt;&gt;""</formula>
    </cfRule>
    <cfRule type="cellIs" dxfId="214" priority="218" operator="equal">
      <formula>""</formula>
    </cfRule>
  </conditionalFormatting>
  <conditionalFormatting sqref="V40">
    <cfRule type="expression" dxfId="213" priority="215">
      <formula>V$40&lt;&gt;""</formula>
    </cfRule>
    <cfRule type="cellIs" dxfId="212" priority="216" operator="equal">
      <formula>""</formula>
    </cfRule>
  </conditionalFormatting>
  <conditionalFormatting sqref="W40">
    <cfRule type="expression" dxfId="211" priority="213">
      <formula>W$40&lt;&gt;""</formula>
    </cfRule>
    <cfRule type="cellIs" dxfId="210" priority="214" operator="equal">
      <formula>""</formula>
    </cfRule>
  </conditionalFormatting>
  <conditionalFormatting sqref="X40">
    <cfRule type="expression" dxfId="209" priority="211">
      <formula>X$40&lt;&gt;""</formula>
    </cfRule>
    <cfRule type="cellIs" dxfId="208" priority="212" operator="equal">
      <formula>""</formula>
    </cfRule>
  </conditionalFormatting>
  <conditionalFormatting sqref="Y40">
    <cfRule type="expression" dxfId="207" priority="209">
      <formula>Y$40&lt;&gt;""</formula>
    </cfRule>
    <cfRule type="cellIs" dxfId="206" priority="210" operator="equal">
      <formula>""</formula>
    </cfRule>
  </conditionalFormatting>
  <conditionalFormatting sqref="Z40">
    <cfRule type="expression" dxfId="205" priority="207">
      <formula>Z$40&lt;&gt;""</formula>
    </cfRule>
    <cfRule type="cellIs" dxfId="204" priority="208" operator="equal">
      <formula>""</formula>
    </cfRule>
  </conditionalFormatting>
  <conditionalFormatting sqref="AA40">
    <cfRule type="expression" dxfId="203" priority="205">
      <formula>AA$40&lt;&gt;""</formula>
    </cfRule>
    <cfRule type="cellIs" dxfId="202" priority="206" operator="equal">
      <formula>""</formula>
    </cfRule>
  </conditionalFormatting>
  <conditionalFormatting sqref="AB40">
    <cfRule type="expression" dxfId="201" priority="203">
      <formula>AB$40&lt;&gt;""</formula>
    </cfRule>
    <cfRule type="cellIs" dxfId="200" priority="204" operator="equal">
      <formula>""</formula>
    </cfRule>
  </conditionalFormatting>
  <conditionalFormatting sqref="AC40">
    <cfRule type="expression" dxfId="199" priority="201">
      <formula>AC$40&lt;&gt;""</formula>
    </cfRule>
    <cfRule type="cellIs" dxfId="198" priority="202" operator="equal">
      <formula>""</formula>
    </cfRule>
  </conditionalFormatting>
  <conditionalFormatting sqref="AD40">
    <cfRule type="expression" dxfId="197" priority="199">
      <formula>AD$40&lt;&gt;""</formula>
    </cfRule>
    <cfRule type="cellIs" dxfId="196" priority="200" operator="equal">
      <formula>""</formula>
    </cfRule>
  </conditionalFormatting>
  <conditionalFormatting sqref="AE40">
    <cfRule type="expression" dxfId="195" priority="197">
      <formula>AE$40&lt;&gt;""</formula>
    </cfRule>
    <cfRule type="cellIs" dxfId="194" priority="198" operator="equal">
      <formula>""</formula>
    </cfRule>
  </conditionalFormatting>
  <conditionalFormatting sqref="AF40">
    <cfRule type="expression" dxfId="193" priority="195">
      <formula>AF$40&lt;&gt;""</formula>
    </cfRule>
    <cfRule type="cellIs" dxfId="192" priority="196" operator="equal">
      <formula>""</formula>
    </cfRule>
  </conditionalFormatting>
  <conditionalFormatting sqref="AG40">
    <cfRule type="expression" dxfId="191" priority="193">
      <formula>AG$40&lt;&gt;""</formula>
    </cfRule>
    <cfRule type="cellIs" dxfId="190" priority="194" operator="equal">
      <formula>""</formula>
    </cfRule>
  </conditionalFormatting>
  <conditionalFormatting sqref="AH40">
    <cfRule type="expression" dxfId="189" priority="191">
      <formula>AH$40&lt;&gt;""</formula>
    </cfRule>
    <cfRule type="cellIs" dxfId="188" priority="192" operator="equal">
      <formula>""</formula>
    </cfRule>
  </conditionalFormatting>
  <conditionalFormatting sqref="AI40">
    <cfRule type="expression" dxfId="187" priority="189">
      <formula>AI$40&lt;&gt;""</formula>
    </cfRule>
    <cfRule type="cellIs" dxfId="186" priority="190" operator="equal">
      <formula>""</formula>
    </cfRule>
  </conditionalFormatting>
  <conditionalFormatting sqref="AJ40">
    <cfRule type="expression" dxfId="185" priority="187">
      <formula>AJ$40&lt;&gt;""</formula>
    </cfRule>
    <cfRule type="cellIs" dxfId="184" priority="188" operator="equal">
      <formula>""</formula>
    </cfRule>
  </conditionalFormatting>
  <conditionalFormatting sqref="AK40">
    <cfRule type="expression" dxfId="183" priority="185">
      <formula>AK$40&lt;&gt;""</formula>
    </cfRule>
    <cfRule type="cellIs" dxfId="182" priority="186" operator="equal">
      <formula>""</formula>
    </cfRule>
  </conditionalFormatting>
  <conditionalFormatting sqref="AL40">
    <cfRule type="expression" dxfId="181" priority="183">
      <formula>AL$40&lt;&gt;""</formula>
    </cfRule>
    <cfRule type="cellIs" dxfId="180" priority="184" operator="equal">
      <formula>""</formula>
    </cfRule>
  </conditionalFormatting>
  <conditionalFormatting sqref="AM40">
    <cfRule type="expression" dxfId="179" priority="181">
      <formula>AM$40&lt;&gt;""</formula>
    </cfRule>
    <cfRule type="cellIs" dxfId="178" priority="182" operator="equal">
      <formula>""</formula>
    </cfRule>
  </conditionalFormatting>
  <conditionalFormatting sqref="AN40">
    <cfRule type="expression" dxfId="177" priority="179">
      <formula>AN$40&lt;&gt;""</formula>
    </cfRule>
    <cfRule type="cellIs" dxfId="176" priority="180" operator="equal">
      <formula>""</formula>
    </cfRule>
  </conditionalFormatting>
  <conditionalFormatting sqref="AO40">
    <cfRule type="expression" dxfId="175" priority="177">
      <formula>AO$40&lt;&gt;""</formula>
    </cfRule>
    <cfRule type="cellIs" dxfId="174" priority="178" operator="equal">
      <formula>""</formula>
    </cfRule>
  </conditionalFormatting>
  <conditionalFormatting sqref="AP40">
    <cfRule type="expression" dxfId="173" priority="175">
      <formula>AP$40&lt;&gt;""</formula>
    </cfRule>
    <cfRule type="cellIs" dxfId="172" priority="176" operator="equal">
      <formula>""</formula>
    </cfRule>
  </conditionalFormatting>
  <conditionalFormatting sqref="AQ40">
    <cfRule type="expression" dxfId="171" priority="173">
      <formula>AQ$40&lt;&gt;""</formula>
    </cfRule>
    <cfRule type="cellIs" dxfId="170" priority="174" operator="equal">
      <formula>""</formula>
    </cfRule>
  </conditionalFormatting>
  <conditionalFormatting sqref="AR40">
    <cfRule type="expression" dxfId="169" priority="171">
      <formula>AR$40&lt;&gt;""</formula>
    </cfRule>
    <cfRule type="cellIs" dxfId="168" priority="172" operator="equal">
      <formula>""</formula>
    </cfRule>
  </conditionalFormatting>
  <conditionalFormatting sqref="AS40">
    <cfRule type="expression" dxfId="167" priority="169">
      <formula>AS$40&lt;&gt;""</formula>
    </cfRule>
    <cfRule type="cellIs" dxfId="166" priority="170" operator="equal">
      <formula>""</formula>
    </cfRule>
  </conditionalFormatting>
  <conditionalFormatting sqref="AT40">
    <cfRule type="expression" dxfId="165" priority="167">
      <formula>AT$40&lt;&gt;""</formula>
    </cfRule>
    <cfRule type="cellIs" dxfId="164" priority="168" operator="equal">
      <formula>""</formula>
    </cfRule>
  </conditionalFormatting>
  <conditionalFormatting sqref="AU40">
    <cfRule type="expression" dxfId="163" priority="165">
      <formula>AU$40&lt;&gt;""</formula>
    </cfRule>
    <cfRule type="cellIs" dxfId="162" priority="166" operator="equal">
      <formula>""</formula>
    </cfRule>
  </conditionalFormatting>
  <conditionalFormatting sqref="AV40">
    <cfRule type="expression" dxfId="161" priority="163">
      <formula>AV$40&lt;&gt;""</formula>
    </cfRule>
    <cfRule type="cellIs" dxfId="160" priority="164" operator="equal">
      <formula>""</formula>
    </cfRule>
  </conditionalFormatting>
  <conditionalFormatting sqref="AW40">
    <cfRule type="expression" dxfId="159" priority="161">
      <formula>AW$40&lt;&gt;""</formula>
    </cfRule>
    <cfRule type="cellIs" dxfId="158" priority="162" operator="equal">
      <formula>""</formula>
    </cfRule>
  </conditionalFormatting>
  <conditionalFormatting sqref="AX40">
    <cfRule type="expression" dxfId="157" priority="159">
      <formula>AX$40&lt;&gt;""</formula>
    </cfRule>
    <cfRule type="cellIs" dxfId="156" priority="160" operator="equal">
      <formula>""</formula>
    </cfRule>
  </conditionalFormatting>
  <conditionalFormatting sqref="AY40">
    <cfRule type="expression" dxfId="155" priority="157">
      <formula>AY$40&lt;&gt;""</formula>
    </cfRule>
    <cfRule type="cellIs" dxfId="154" priority="158" operator="equal">
      <formula>""</formula>
    </cfRule>
  </conditionalFormatting>
  <conditionalFormatting sqref="AZ40">
    <cfRule type="expression" dxfId="153" priority="155">
      <formula>AZ$40&lt;&gt;""</formula>
    </cfRule>
    <cfRule type="cellIs" dxfId="152" priority="156" operator="equal">
      <formula>""</formula>
    </cfRule>
  </conditionalFormatting>
  <conditionalFormatting sqref="BA40">
    <cfRule type="expression" dxfId="151" priority="153">
      <formula>BA$40&lt;&gt;""</formula>
    </cfRule>
    <cfRule type="cellIs" dxfId="150" priority="154" operator="equal">
      <formula>""</formula>
    </cfRule>
  </conditionalFormatting>
  <conditionalFormatting sqref="BB40">
    <cfRule type="expression" dxfId="149" priority="151">
      <formula>BB$40&lt;&gt;""</formula>
    </cfRule>
    <cfRule type="cellIs" dxfId="148" priority="152" operator="equal">
      <formula>""</formula>
    </cfRule>
  </conditionalFormatting>
  <conditionalFormatting sqref="BC40">
    <cfRule type="expression" dxfId="147" priority="149">
      <formula>BC$40&lt;&gt;""</formula>
    </cfRule>
    <cfRule type="cellIs" dxfId="146" priority="150" operator="equal">
      <formula>""</formula>
    </cfRule>
  </conditionalFormatting>
  <conditionalFormatting sqref="BD40">
    <cfRule type="expression" dxfId="145" priority="147">
      <formula>BD$40&lt;&gt;""</formula>
    </cfRule>
    <cfRule type="cellIs" dxfId="144" priority="148" operator="equal">
      <formula>""</formula>
    </cfRule>
  </conditionalFormatting>
  <conditionalFormatting sqref="BE40">
    <cfRule type="expression" dxfId="143" priority="145">
      <formula>BE$40&lt;&gt;""</formula>
    </cfRule>
    <cfRule type="cellIs" dxfId="142" priority="146" operator="equal">
      <formula>""</formula>
    </cfRule>
  </conditionalFormatting>
  <conditionalFormatting sqref="BF40">
    <cfRule type="expression" dxfId="141" priority="143">
      <formula>BF$40&lt;&gt;""</formula>
    </cfRule>
    <cfRule type="cellIs" dxfId="140" priority="144" operator="equal">
      <formula>""</formula>
    </cfRule>
  </conditionalFormatting>
  <conditionalFormatting sqref="BG40">
    <cfRule type="expression" dxfId="139" priority="141">
      <formula>BG$40&lt;&gt;""</formula>
    </cfRule>
    <cfRule type="cellIs" dxfId="138" priority="142" operator="equal">
      <formula>""</formula>
    </cfRule>
  </conditionalFormatting>
  <conditionalFormatting sqref="BH40">
    <cfRule type="expression" dxfId="137" priority="139">
      <formula>BH$40&lt;&gt;""</formula>
    </cfRule>
    <cfRule type="cellIs" dxfId="136" priority="140" operator="equal">
      <formula>""</formula>
    </cfRule>
  </conditionalFormatting>
  <conditionalFormatting sqref="BI40">
    <cfRule type="expression" dxfId="135" priority="137">
      <formula>BI$40&lt;&gt;""</formula>
    </cfRule>
    <cfRule type="cellIs" dxfId="134" priority="138" operator="equal">
      <formula>""</formula>
    </cfRule>
  </conditionalFormatting>
  <conditionalFormatting sqref="BJ40">
    <cfRule type="expression" dxfId="133" priority="135">
      <formula>BJ$40&lt;&gt;""</formula>
    </cfRule>
    <cfRule type="cellIs" dxfId="132" priority="136" operator="equal">
      <formula>""</formula>
    </cfRule>
  </conditionalFormatting>
  <conditionalFormatting sqref="BK40">
    <cfRule type="expression" dxfId="131" priority="133">
      <formula>BK$40&lt;&gt;""</formula>
    </cfRule>
    <cfRule type="cellIs" dxfId="130" priority="134" operator="equal">
      <formula>""</formula>
    </cfRule>
  </conditionalFormatting>
  <conditionalFormatting sqref="BL40">
    <cfRule type="expression" dxfId="129" priority="131">
      <formula>BL$40&lt;&gt;""</formula>
    </cfRule>
    <cfRule type="cellIs" dxfId="128" priority="132" operator="equal">
      <formula>""</formula>
    </cfRule>
  </conditionalFormatting>
  <conditionalFormatting sqref="BM40">
    <cfRule type="expression" dxfId="127" priority="129">
      <formula>BM$40&lt;&gt;""</formula>
    </cfRule>
    <cfRule type="cellIs" dxfId="126" priority="130" operator="equal">
      <formula>""</formula>
    </cfRule>
  </conditionalFormatting>
  <conditionalFormatting sqref="BN40">
    <cfRule type="expression" dxfId="125" priority="127">
      <formula>BN$40&lt;&gt;""</formula>
    </cfRule>
    <cfRule type="cellIs" dxfId="124" priority="128" operator="equal">
      <formula>""</formula>
    </cfRule>
  </conditionalFormatting>
  <conditionalFormatting sqref="BO40">
    <cfRule type="expression" dxfId="123" priority="125">
      <formula>BO$40&lt;&gt;""</formula>
    </cfRule>
    <cfRule type="cellIs" dxfId="122" priority="126" operator="equal">
      <formula>""</formula>
    </cfRule>
  </conditionalFormatting>
  <conditionalFormatting sqref="BP40">
    <cfRule type="expression" dxfId="121" priority="123">
      <formula>BP$40&lt;&gt;""</formula>
    </cfRule>
    <cfRule type="cellIs" dxfId="120" priority="124" operator="equal">
      <formula>""</formula>
    </cfRule>
  </conditionalFormatting>
  <conditionalFormatting sqref="BQ40">
    <cfRule type="expression" dxfId="119" priority="121">
      <formula>BQ$40&lt;&gt;""</formula>
    </cfRule>
    <cfRule type="cellIs" dxfId="118" priority="122" operator="equal">
      <formula>""</formula>
    </cfRule>
  </conditionalFormatting>
  <conditionalFormatting sqref="BR40">
    <cfRule type="expression" dxfId="117" priority="119">
      <formula>BR$40&lt;&gt;""</formula>
    </cfRule>
    <cfRule type="cellIs" dxfId="116" priority="120" operator="equal">
      <formula>""</formula>
    </cfRule>
  </conditionalFormatting>
  <conditionalFormatting sqref="BS40">
    <cfRule type="expression" dxfId="115" priority="117">
      <formula>BS$40&lt;&gt;""</formula>
    </cfRule>
    <cfRule type="cellIs" dxfId="114" priority="118" operator="equal">
      <formula>""</formula>
    </cfRule>
  </conditionalFormatting>
  <conditionalFormatting sqref="O49">
    <cfRule type="expression" dxfId="113" priority="115">
      <formula>O$49&lt;&gt;""</formula>
    </cfRule>
    <cfRule type="cellIs" dxfId="112" priority="116" operator="equal">
      <formula>""</formula>
    </cfRule>
  </conditionalFormatting>
  <conditionalFormatting sqref="P49">
    <cfRule type="expression" dxfId="111" priority="113">
      <formula>P$49&lt;&gt;""</formula>
    </cfRule>
    <cfRule type="cellIs" dxfId="110" priority="114" operator="equal">
      <formula>""</formula>
    </cfRule>
  </conditionalFormatting>
  <conditionalFormatting sqref="Q49">
    <cfRule type="expression" dxfId="109" priority="111">
      <formula>Q$49&lt;&gt;""</formula>
    </cfRule>
    <cfRule type="cellIs" dxfId="108" priority="112" operator="equal">
      <formula>""</formula>
    </cfRule>
  </conditionalFormatting>
  <conditionalFormatting sqref="R49">
    <cfRule type="expression" dxfId="107" priority="109">
      <formula>R$49&lt;&gt;""</formula>
    </cfRule>
    <cfRule type="cellIs" dxfId="106" priority="110" operator="equal">
      <formula>""</formula>
    </cfRule>
  </conditionalFormatting>
  <conditionalFormatting sqref="S49">
    <cfRule type="expression" dxfId="105" priority="107">
      <formula>S$49&lt;&gt;""</formula>
    </cfRule>
    <cfRule type="cellIs" dxfId="104" priority="108" operator="equal">
      <formula>""</formula>
    </cfRule>
  </conditionalFormatting>
  <conditionalFormatting sqref="T49">
    <cfRule type="expression" dxfId="103" priority="105">
      <formula>T$49&lt;&gt;""</formula>
    </cfRule>
    <cfRule type="cellIs" dxfId="102" priority="106" operator="equal">
      <formula>""</formula>
    </cfRule>
  </conditionalFormatting>
  <conditionalFormatting sqref="U49">
    <cfRule type="expression" dxfId="101" priority="103">
      <formula>U$49&lt;&gt;""</formula>
    </cfRule>
    <cfRule type="cellIs" dxfId="100" priority="104" operator="equal">
      <formula>""</formula>
    </cfRule>
  </conditionalFormatting>
  <conditionalFormatting sqref="V49">
    <cfRule type="expression" dxfId="99" priority="101">
      <formula>V$49&lt;&gt;""</formula>
    </cfRule>
    <cfRule type="cellIs" dxfId="98" priority="102" operator="equal">
      <formula>""</formula>
    </cfRule>
  </conditionalFormatting>
  <conditionalFormatting sqref="W49">
    <cfRule type="expression" dxfId="97" priority="97">
      <formula>W$49&lt;&gt;""</formula>
    </cfRule>
    <cfRule type="cellIs" dxfId="96" priority="98" operator="equal">
      <formula>""</formula>
    </cfRule>
  </conditionalFormatting>
  <conditionalFormatting sqref="X49">
    <cfRule type="expression" dxfId="95" priority="95">
      <formula>X$49&lt;&gt;""</formula>
    </cfRule>
    <cfRule type="cellIs" dxfId="94" priority="96" operator="equal">
      <formula>""</formula>
    </cfRule>
  </conditionalFormatting>
  <conditionalFormatting sqref="Y49">
    <cfRule type="expression" dxfId="93" priority="93">
      <formula>Y$49&lt;&gt;""</formula>
    </cfRule>
    <cfRule type="cellIs" dxfId="92" priority="94" operator="equal">
      <formula>""</formula>
    </cfRule>
  </conditionalFormatting>
  <conditionalFormatting sqref="Z49">
    <cfRule type="expression" dxfId="91" priority="91">
      <formula>Z$49&lt;&gt;""</formula>
    </cfRule>
    <cfRule type="cellIs" dxfId="90" priority="92" operator="equal">
      <formula>""</formula>
    </cfRule>
  </conditionalFormatting>
  <conditionalFormatting sqref="AA49">
    <cfRule type="expression" dxfId="89" priority="89">
      <formula>AA$49&lt;&gt;""</formula>
    </cfRule>
    <cfRule type="cellIs" dxfId="88" priority="90" operator="equal">
      <formula>""</formula>
    </cfRule>
  </conditionalFormatting>
  <conditionalFormatting sqref="AB49">
    <cfRule type="expression" dxfId="87" priority="87">
      <formula>AB$49&lt;&gt;""</formula>
    </cfRule>
    <cfRule type="cellIs" dxfId="86" priority="88" operator="equal">
      <formula>""</formula>
    </cfRule>
  </conditionalFormatting>
  <conditionalFormatting sqref="AC49">
    <cfRule type="expression" dxfId="85" priority="85">
      <formula>AC$49&lt;&gt;""</formula>
    </cfRule>
    <cfRule type="cellIs" dxfId="84" priority="86" operator="equal">
      <formula>""</formula>
    </cfRule>
  </conditionalFormatting>
  <conditionalFormatting sqref="AD49">
    <cfRule type="expression" dxfId="83" priority="83">
      <formula>AD$49&lt;&gt;""</formula>
    </cfRule>
    <cfRule type="cellIs" dxfId="82" priority="84" operator="equal">
      <formula>""</formula>
    </cfRule>
  </conditionalFormatting>
  <conditionalFormatting sqref="AE49">
    <cfRule type="expression" dxfId="81" priority="81">
      <formula>AE$49&lt;&gt;""</formula>
    </cfRule>
    <cfRule type="cellIs" dxfId="80" priority="82" operator="equal">
      <formula>""</formula>
    </cfRule>
  </conditionalFormatting>
  <conditionalFormatting sqref="AF49">
    <cfRule type="expression" dxfId="79" priority="79">
      <formula>AF$49&lt;&gt;""</formula>
    </cfRule>
    <cfRule type="cellIs" dxfId="78" priority="80" operator="equal">
      <formula>""</formula>
    </cfRule>
  </conditionalFormatting>
  <conditionalFormatting sqref="AG49">
    <cfRule type="expression" dxfId="77" priority="77">
      <formula>AG$49&lt;&gt;""</formula>
    </cfRule>
    <cfRule type="cellIs" dxfId="76" priority="78" operator="equal">
      <formula>""</formula>
    </cfRule>
  </conditionalFormatting>
  <conditionalFormatting sqref="AH49">
    <cfRule type="expression" dxfId="75" priority="75">
      <formula>AH$49&lt;&gt;""</formula>
    </cfRule>
    <cfRule type="cellIs" dxfId="74" priority="76" operator="equal">
      <formula>""</formula>
    </cfRule>
  </conditionalFormatting>
  <conditionalFormatting sqref="AI49">
    <cfRule type="expression" dxfId="73" priority="73">
      <formula>AI$49&lt;&gt;""</formula>
    </cfRule>
    <cfRule type="cellIs" dxfId="72" priority="74" operator="equal">
      <formula>""</formula>
    </cfRule>
  </conditionalFormatting>
  <conditionalFormatting sqref="AJ49">
    <cfRule type="expression" dxfId="71" priority="71">
      <formula>AJ$49&lt;&gt;""</formula>
    </cfRule>
    <cfRule type="cellIs" dxfId="70" priority="72" operator="equal">
      <formula>""</formula>
    </cfRule>
  </conditionalFormatting>
  <conditionalFormatting sqref="AK49">
    <cfRule type="expression" dxfId="69" priority="69">
      <formula>AK$49&lt;&gt;""</formula>
    </cfRule>
    <cfRule type="cellIs" dxfId="68" priority="70" operator="equal">
      <formula>""</formula>
    </cfRule>
  </conditionalFormatting>
  <conditionalFormatting sqref="AL49">
    <cfRule type="expression" dxfId="67" priority="67">
      <formula>AL$49&lt;&gt;""</formula>
    </cfRule>
    <cfRule type="cellIs" dxfId="66" priority="68" operator="equal">
      <formula>""</formula>
    </cfRule>
  </conditionalFormatting>
  <conditionalFormatting sqref="AM49">
    <cfRule type="expression" dxfId="65" priority="65">
      <formula>AM$49&lt;&gt;""</formula>
    </cfRule>
    <cfRule type="cellIs" dxfId="64" priority="66" operator="equal">
      <formula>""</formula>
    </cfRule>
  </conditionalFormatting>
  <conditionalFormatting sqref="AN49">
    <cfRule type="expression" dxfId="63" priority="63">
      <formula>AN$49&lt;&gt;""</formula>
    </cfRule>
    <cfRule type="cellIs" dxfId="62" priority="64" operator="equal">
      <formula>""</formula>
    </cfRule>
  </conditionalFormatting>
  <conditionalFormatting sqref="AO49">
    <cfRule type="expression" dxfId="61" priority="61">
      <formula>AO$49&lt;&gt;""</formula>
    </cfRule>
    <cfRule type="cellIs" dxfId="60" priority="62" operator="equal">
      <formula>""</formula>
    </cfRule>
  </conditionalFormatting>
  <conditionalFormatting sqref="AP49">
    <cfRule type="expression" dxfId="59" priority="59">
      <formula>AP$49&lt;&gt;""</formula>
    </cfRule>
    <cfRule type="cellIs" dxfId="58" priority="60" operator="equal">
      <formula>""</formula>
    </cfRule>
  </conditionalFormatting>
  <conditionalFormatting sqref="AQ49">
    <cfRule type="expression" dxfId="57" priority="57">
      <formula>AQ$49&lt;&gt;""</formula>
    </cfRule>
    <cfRule type="cellIs" dxfId="56" priority="58" operator="equal">
      <formula>""</formula>
    </cfRule>
  </conditionalFormatting>
  <conditionalFormatting sqref="AR49">
    <cfRule type="expression" dxfId="55" priority="55">
      <formula>AR$49&lt;&gt;""</formula>
    </cfRule>
    <cfRule type="cellIs" dxfId="54" priority="56" operator="equal">
      <formula>""</formula>
    </cfRule>
  </conditionalFormatting>
  <conditionalFormatting sqref="AS49">
    <cfRule type="expression" dxfId="53" priority="53">
      <formula>AS$49&lt;&gt;""</formula>
    </cfRule>
    <cfRule type="cellIs" dxfId="52" priority="54" operator="equal">
      <formula>""</formula>
    </cfRule>
  </conditionalFormatting>
  <conditionalFormatting sqref="AT49">
    <cfRule type="expression" dxfId="51" priority="51">
      <formula>AT$49&lt;&gt;""</formula>
    </cfRule>
    <cfRule type="cellIs" dxfId="50" priority="52" operator="equal">
      <formula>""</formula>
    </cfRule>
  </conditionalFormatting>
  <conditionalFormatting sqref="AU49">
    <cfRule type="expression" dxfId="49" priority="49">
      <formula>AU$49&lt;&gt;""</formula>
    </cfRule>
    <cfRule type="cellIs" dxfId="48" priority="50" operator="equal">
      <formula>""</formula>
    </cfRule>
  </conditionalFormatting>
  <conditionalFormatting sqref="AV49">
    <cfRule type="expression" dxfId="47" priority="47">
      <formula>AV$49&lt;&gt;""</formula>
    </cfRule>
    <cfRule type="cellIs" dxfId="46" priority="48" operator="equal">
      <formula>""</formula>
    </cfRule>
  </conditionalFormatting>
  <conditionalFormatting sqref="AW49">
    <cfRule type="expression" dxfId="45" priority="45">
      <formula>AW$49&lt;&gt;""</formula>
    </cfRule>
    <cfRule type="cellIs" dxfId="44" priority="46" operator="equal">
      <formula>""</formula>
    </cfRule>
  </conditionalFormatting>
  <conditionalFormatting sqref="AX49">
    <cfRule type="expression" dxfId="43" priority="43">
      <formula>AX$49&lt;&gt;""</formula>
    </cfRule>
    <cfRule type="cellIs" dxfId="42" priority="44" operator="equal">
      <formula>""</formula>
    </cfRule>
  </conditionalFormatting>
  <conditionalFormatting sqref="AY49">
    <cfRule type="expression" dxfId="41" priority="41">
      <formula>AY$49&lt;&gt;""</formula>
    </cfRule>
    <cfRule type="cellIs" dxfId="40" priority="42" operator="equal">
      <formula>""</formula>
    </cfRule>
  </conditionalFormatting>
  <conditionalFormatting sqref="AZ49">
    <cfRule type="expression" dxfId="39" priority="39">
      <formula>AZ$49&lt;&gt;""</formula>
    </cfRule>
    <cfRule type="cellIs" dxfId="38" priority="40" operator="equal">
      <formula>""</formula>
    </cfRule>
  </conditionalFormatting>
  <conditionalFormatting sqref="BA49">
    <cfRule type="expression" dxfId="37" priority="37">
      <formula>BA$49&lt;&gt;""</formula>
    </cfRule>
    <cfRule type="cellIs" dxfId="36" priority="38" operator="equal">
      <formula>""</formula>
    </cfRule>
  </conditionalFormatting>
  <conditionalFormatting sqref="BB49">
    <cfRule type="expression" dxfId="35" priority="35">
      <formula>BB$49&lt;&gt;""</formula>
    </cfRule>
    <cfRule type="cellIs" dxfId="34" priority="36" operator="equal">
      <formula>""</formula>
    </cfRule>
  </conditionalFormatting>
  <conditionalFormatting sqref="BC49">
    <cfRule type="expression" dxfId="33" priority="33">
      <formula>BC$49&lt;&gt;""</formula>
    </cfRule>
    <cfRule type="cellIs" dxfId="32" priority="34" operator="equal">
      <formula>""</formula>
    </cfRule>
  </conditionalFormatting>
  <conditionalFormatting sqref="BD49">
    <cfRule type="expression" dxfId="31" priority="31">
      <formula>BD$49&lt;&gt;""</formula>
    </cfRule>
    <cfRule type="cellIs" dxfId="30" priority="32" operator="equal">
      <formula>""</formula>
    </cfRule>
  </conditionalFormatting>
  <conditionalFormatting sqref="BE49">
    <cfRule type="expression" dxfId="29" priority="29">
      <formula>BE$49&lt;&gt;""</formula>
    </cfRule>
    <cfRule type="cellIs" dxfId="28" priority="30" operator="equal">
      <formula>""</formula>
    </cfRule>
  </conditionalFormatting>
  <conditionalFormatting sqref="BF49">
    <cfRule type="expression" dxfId="27" priority="27">
      <formula>BF$49&lt;&gt;""</formula>
    </cfRule>
    <cfRule type="cellIs" dxfId="26" priority="28" operator="equal">
      <formula>""</formula>
    </cfRule>
  </conditionalFormatting>
  <conditionalFormatting sqref="BG49">
    <cfRule type="expression" dxfId="25" priority="25">
      <formula>BG$49&lt;&gt;""</formula>
    </cfRule>
    <cfRule type="cellIs" dxfId="24" priority="26" operator="equal">
      <formula>""</formula>
    </cfRule>
  </conditionalFormatting>
  <conditionalFormatting sqref="BH49">
    <cfRule type="expression" dxfId="23" priority="23">
      <formula>BH$49&lt;&gt;""</formula>
    </cfRule>
    <cfRule type="cellIs" dxfId="22" priority="24" operator="equal">
      <formula>""</formula>
    </cfRule>
  </conditionalFormatting>
  <conditionalFormatting sqref="BI49">
    <cfRule type="expression" dxfId="21" priority="21">
      <formula>BI$49&lt;&gt;""</formula>
    </cfRule>
    <cfRule type="cellIs" dxfId="20" priority="22" operator="equal">
      <formula>""</formula>
    </cfRule>
  </conditionalFormatting>
  <conditionalFormatting sqref="BJ49">
    <cfRule type="expression" dxfId="19" priority="19">
      <formula>BJ$49&lt;&gt;""</formula>
    </cfRule>
    <cfRule type="cellIs" dxfId="18" priority="20" operator="equal">
      <formula>""</formula>
    </cfRule>
  </conditionalFormatting>
  <conditionalFormatting sqref="BK49">
    <cfRule type="expression" dxfId="17" priority="17">
      <formula>BK$49&lt;&gt;""</formula>
    </cfRule>
    <cfRule type="cellIs" dxfId="16" priority="18" operator="equal">
      <formula>""</formula>
    </cfRule>
  </conditionalFormatting>
  <conditionalFormatting sqref="BL49">
    <cfRule type="expression" dxfId="15" priority="15">
      <formula>BL$49&lt;&gt;""</formula>
    </cfRule>
    <cfRule type="cellIs" dxfId="14" priority="16" operator="equal">
      <formula>""</formula>
    </cfRule>
  </conditionalFormatting>
  <conditionalFormatting sqref="BM49">
    <cfRule type="expression" dxfId="13" priority="13">
      <formula>BM$49&lt;&gt;""</formula>
    </cfRule>
    <cfRule type="cellIs" dxfId="12" priority="14" operator="equal">
      <formula>""</formula>
    </cfRule>
  </conditionalFormatting>
  <conditionalFormatting sqref="BN49">
    <cfRule type="expression" dxfId="11" priority="11">
      <formula>BN$49&lt;&gt;""</formula>
    </cfRule>
    <cfRule type="cellIs" dxfId="10" priority="12" operator="equal">
      <formula>""</formula>
    </cfRule>
  </conditionalFormatting>
  <conditionalFormatting sqref="BO49">
    <cfRule type="expression" dxfId="9" priority="9">
      <formula>BO$49&lt;&gt;""</formula>
    </cfRule>
    <cfRule type="cellIs" dxfId="8" priority="10" operator="equal">
      <formula>""</formula>
    </cfRule>
  </conditionalFormatting>
  <conditionalFormatting sqref="BP49">
    <cfRule type="expression" dxfId="7" priority="7">
      <formula>BP$49&lt;&gt;""</formula>
    </cfRule>
    <cfRule type="cellIs" dxfId="6" priority="8" operator="equal">
      <formula>""</formula>
    </cfRule>
  </conditionalFormatting>
  <conditionalFormatting sqref="BQ49">
    <cfRule type="expression" dxfId="5" priority="5">
      <formula>BQ$49&lt;&gt;""</formula>
    </cfRule>
    <cfRule type="cellIs" dxfId="4" priority="6" operator="equal">
      <formula>""</formula>
    </cfRule>
  </conditionalFormatting>
  <conditionalFormatting sqref="BR49">
    <cfRule type="expression" dxfId="3" priority="3">
      <formula>BR$49&lt;&gt;""</formula>
    </cfRule>
    <cfRule type="cellIs" dxfId="2" priority="4" operator="equal">
      <formula>""</formula>
    </cfRule>
  </conditionalFormatting>
  <conditionalFormatting sqref="BS49">
    <cfRule type="expression" dxfId="1" priority="1">
      <formula>BS$49&lt;&gt;""</formula>
    </cfRule>
    <cfRule type="cellIs" dxfId="0" priority="2" operator="equal">
      <formula>""</formula>
    </cfRule>
  </conditionalFormatting>
  <hyperlinks>
    <hyperlink ref="C76:G76" location="病院!B94" display="・設置主体"/>
    <hyperlink ref="D76:H76" location="病院!B94" display="・設置主体"/>
    <hyperlink ref="E76:I76" location="病院!B94" display="・設置主体"/>
    <hyperlink ref="F76:J76" location="病院!B94" display="・設置主体"/>
    <hyperlink ref="G76:K76" location="病院!B94" display="・設置主体"/>
    <hyperlink ref="H76:I76" location="病院!B312" display="・入院患者の状況（年間）"/>
    <hyperlink ref="I76:J76" location="病院!B312" display="・入院患者の状況（年間）"/>
    <hyperlink ref="J76:N76" location="病院!B388" display="・算定する入院基本用・特定入院料等の状況"/>
    <hyperlink ref="K76:O76" location="病院!B388" display="・算定する入院基本用・特定入院料等の状況"/>
    <hyperlink ref="L76:P76" location="病院!B388" display="・算定する入院基本用・特定入院料等の状況"/>
    <hyperlink ref="M76:Q76" location="病院!B388" display="・算定する入院基本用・特定入院料等の状況"/>
    <hyperlink ref="N76:R76" location="病院!B388" display="・算定する入院基本用・特定入院料等の状況"/>
    <hyperlink ref="C77:G77" location="病院!B102" display="・病床の状況"/>
    <hyperlink ref="D77:H77" location="病院!B102" display="・病床の状況"/>
    <hyperlink ref="E77:I77" location="病院!B102" display="・病床の状況"/>
    <hyperlink ref="F77:J77" location="病院!B102" display="・病床の状況"/>
    <hyperlink ref="G77:K77" location="病院!B102" display="・病床の状況"/>
    <hyperlink ref="H77:I77" location="病院!B325" display="・入院患者の状況（年間／入棟前の場所・退棟先の場所の状況）"/>
    <hyperlink ref="I77:J77" location="病院!B325" display="・入院患者の状況（年間／入棟前の場所・退棟先の場所の状況）"/>
    <hyperlink ref="J77" location="病院!B471" display="・手術の状況"/>
    <hyperlink ref="K77:M77" location="病院!B471" display="・手術の状況"/>
    <hyperlink ref="L77:N77" location="病院!B471" display="・手術の状況"/>
    <hyperlink ref="M77:N77" location="'病院(H30案)'!B484" display="・がん、脳卒中、心筋梗塞、分娩、精神医療への対応状況"/>
    <hyperlink ref="N77:O77" location="'病院(H30案)'!B484" display="・がん、脳卒中、心筋梗塞、分娩、精神医療への対応状況"/>
    <hyperlink ref="C78:G78" location="病院!B113" display="・診療科"/>
    <hyperlink ref="D78:H78" location="病院!B113" display="・診療科"/>
    <hyperlink ref="E78:I78" location="病院!B113" display="・診療科"/>
    <hyperlink ref="F78:J78" location="病院!B113" display="・診療科"/>
    <hyperlink ref="G78:K78" location="病院!B113" display="・診療科"/>
    <hyperlink ref="H78:I78" location="病院!B350" display="・退院後に在宅医療を必要とする患者の状況"/>
    <hyperlink ref="I78:J78" location="病院!B350" display="・退院後に在宅医療を必要とする患者の状況"/>
    <hyperlink ref="J78:L78" location="病院!B507" display="・がん、脳卒中、心筋梗塞、分娩、精神医療への対応状況"/>
    <hyperlink ref="K78:M78" location="病院!B507" display="・がん、脳卒中、心筋梗塞、分娩、精神医療への対応状況"/>
    <hyperlink ref="L78:N78" location="病院!B507" display="・がん、脳卒中、心筋梗塞、分娩、精神医療への対応状況"/>
    <hyperlink ref="C79:G79" location="病院!B134" display="・入院基本料・特定入院料及び届出病床数"/>
    <hyperlink ref="D79:H79" location="病院!B134" display="・入院基本料・特定入院料及び届出病床数"/>
    <hyperlink ref="E79:I79" location="病院!B134" display="・入院基本料・特定入院料及び届出病床数"/>
    <hyperlink ref="F79:J79" location="病院!B134" display="・入院基本料・特定入院料及び届出病床数"/>
    <hyperlink ref="G79:K79" location="病院!B134" display="・入院基本料・特定入院料及び届出病床数"/>
    <hyperlink ref="H79:I79" location="病院!B362" display="・看取りを行った患者数"/>
    <hyperlink ref="I79:J79" location="病院!B362" display="・看取りを行った患者数"/>
    <hyperlink ref="J79:N79" location="病院!B550" display="・重症患者への対応状況"/>
    <hyperlink ref="K79:O79" location="病院!B550" display="・重症患者への対応状況"/>
    <hyperlink ref="L79:P79" location="病院!B550" display="・重症患者への対応状況"/>
    <hyperlink ref="M79:Q79" location="病院!B550" display="・重症患者への対応状況"/>
    <hyperlink ref="N79:R79" location="病院!B550" display="・重症患者への対応状況"/>
    <hyperlink ref="C80:G80" location="病院!B148" display="・DPC医療機関群の種類"/>
    <hyperlink ref="D80:H80" location="病院!B148" display="・DPC医療機関群の種類"/>
    <hyperlink ref="E80:I80" location="病院!B148" display="・DPC医療機関群の種類"/>
    <hyperlink ref="F80:J80" location="病院!B148" display="・DPC医療機関群の種類"/>
    <hyperlink ref="G80:K80" location="病院!B148" display="・DPC医療機関群の種類"/>
    <hyperlink ref="J80:N80" location="病院!B592" display="・救急医療の実施状況"/>
    <hyperlink ref="K80:O80" location="病院!B592" display="・救急医療の実施状況"/>
    <hyperlink ref="L80:P80" location="病院!B592" display="・救急医療の実施状況"/>
    <hyperlink ref="M80:Q80" location="病院!B592" display="・救急医療の実施状況"/>
    <hyperlink ref="N80:R80" location="病院!B592" display="・救急医療の実施状況"/>
    <hyperlink ref="C81:G81" location="病院!B156" display="・救急告示病院、二次救急医療施設、三次救急医療施設の告示・認定の有無"/>
    <hyperlink ref="D81:H81" location="病院!B156" display="・救急告示病院、二次救急医療施設、三次救急医療施設の告示・認定の有無"/>
    <hyperlink ref="E81:I81" location="病院!B156" display="・救急告示病院、二次救急医療施設、三次救急医療施設の告示・認定の有無"/>
    <hyperlink ref="F81:J81" location="病院!B156" display="・救急告示病院、二次救急医療施設、三次救急医療施設の告示・認定の有無"/>
    <hyperlink ref="G81:K81" location="病院!B156" display="・救急告示病院、二次救急医療施設、三次救急医療施設の告示・認定の有無"/>
    <hyperlink ref="J81:N81" location="病院!B615" display="・急性期後の支援、在宅復帰の支援の状況"/>
    <hyperlink ref="K81:O81" location="病院!B615" display="・急性期後の支援、在宅復帰の支援の状況"/>
    <hyperlink ref="L81:P81" location="病院!B615" display="・急性期後の支援、在宅復帰の支援の状況"/>
    <hyperlink ref="M81:Q81" location="病院!B615" display="・急性期後の支援、在宅復帰の支援の状況"/>
    <hyperlink ref="N81:R81" location="病院!B615" display="・急性期後の支援、在宅復帰の支援の状況"/>
    <hyperlink ref="C82:G82" location="病院!B166" display="・承認の有無"/>
    <hyperlink ref="D82:H82" location="病院!B166" display="・承認の有無"/>
    <hyperlink ref="E82:I82" location="病院!B166" display="・承認の有無"/>
    <hyperlink ref="F82:J82" location="病院!B166" display="・承認の有無"/>
    <hyperlink ref="G82:K82" location="病院!B166" display="・承認の有無"/>
    <hyperlink ref="J82:N82" location="病院!B634" display="・全身管理の状況"/>
    <hyperlink ref="K82:O82" location="病院!B634" display="・全身管理の状況"/>
    <hyperlink ref="L82:P82" location="病院!B634" display="・全身管理の状況"/>
    <hyperlink ref="M82:Q82" location="病院!B634" display="・全身管理の状況"/>
    <hyperlink ref="N82:R82" location="病院!B634" display="・全身管理の状況"/>
    <hyperlink ref="C83:G83" location="病院!B175" display="・診療報酬の届出の有無"/>
    <hyperlink ref="D83:H83" location="病院!B175" display="・診療報酬の届出の有無"/>
    <hyperlink ref="E83:I83" location="病院!B175" display="・診療報酬の届出の有無"/>
    <hyperlink ref="F83:J83" location="病院!B175" display="・診療報酬の届出の有無"/>
    <hyperlink ref="G83:K83" location="病院!B175" display="・診療報酬の届出の有無"/>
    <hyperlink ref="J83:N83" location="病院!B649" display="・リハビリテーションの実施状況"/>
    <hyperlink ref="K83:O83" location="病院!B649" display="・リハビリテーションの実施状況"/>
    <hyperlink ref="L83:P83" location="病院!B649" display="・リハビリテーションの実施状況"/>
    <hyperlink ref="M83:Q83" location="病院!B649" display="・リハビリテーションの実施状況"/>
    <hyperlink ref="N83:R83" location="病院!B649" display="・リハビリテーションの実施状況"/>
    <hyperlink ref="C84:G84" location="病院!B185" display="・職員数の状況"/>
    <hyperlink ref="D84:H84" location="病院!B185" display="・職員数の状況"/>
    <hyperlink ref="E84:I84" location="病院!B185" display="・職員数の状況"/>
    <hyperlink ref="F84:J84" location="病院!B185" display="・職員数の状況"/>
    <hyperlink ref="G84:K84" location="病院!B185" display="・職員数の状況"/>
    <hyperlink ref="J84:N84" location="病院!B697" display="・長期療養患者の受入状況"/>
    <hyperlink ref="K84:O84" location="病院!B697" display="・長期療養患者の受入状況"/>
    <hyperlink ref="L84:P84" location="病院!B697" display="・長期療養患者の受入状況"/>
    <hyperlink ref="M84:Q84" location="病院!B697" display="・長期療養患者の受入状況"/>
    <hyperlink ref="N84:R84" location="病院!B697" display="・長期療養患者の受入状況"/>
    <hyperlink ref="C85:G85" location="病院!B244" display="・退院調整部門の設置状況"/>
    <hyperlink ref="D85:H85" location="病院!B244" display="・退院調整部門の設置状況"/>
    <hyperlink ref="E85:I85" location="病院!B244" display="・退院調整部門の設置状況"/>
    <hyperlink ref="F85:J85" location="病院!B244" display="・退院調整部門の設置状況"/>
    <hyperlink ref="G85:K85" location="病院!B244" display="・退院調整部門の設置状況"/>
    <hyperlink ref="J85:N85" location="病院!B707" display="・重度の障害児等の受入状況"/>
    <hyperlink ref="K85:O85" location="病院!B707" display="・重度の障害児等の受入状況"/>
    <hyperlink ref="L85:P85" location="病院!B707" display="・重度の障害児等の受入状況"/>
    <hyperlink ref="M85:Q85" location="病院!B707" display="・重度の障害児等の受入状況"/>
    <hyperlink ref="N85:R85" location="病院!B707" display="・重度の障害児等の受入状況"/>
    <hyperlink ref="C86:G86" location="病院!B264" display="・医療機器の台数"/>
    <hyperlink ref="D86:H86" location="病院!B264" display="・医療機器の台数"/>
    <hyperlink ref="E86:I86" location="病院!B264" display="・医療機器の台数"/>
    <hyperlink ref="F86:J86" location="病院!B264" display="・医療機器の台数"/>
    <hyperlink ref="G86:K86" location="病院!B264" display="・医療機器の台数"/>
    <hyperlink ref="J86:N86" location="病院!B720" display="・医科歯科の連携状況"/>
    <hyperlink ref="K86:O86" location="病院!B720" display="・医科歯科の連携状況"/>
    <hyperlink ref="L86:P86" location="病院!B720" display="・医科歯科の連携状況"/>
    <hyperlink ref="M86:Q86" location="病院!B720" display="・医科歯科の連携状況"/>
    <hyperlink ref="N86:R86" location="病院!B720" display="・医科歯科の連携状況"/>
    <hyperlink ref="C87:G87" location="病院!B289" display="・過去1年間の間に病棟の再編・見直しがあった場合の報告対象期間"/>
    <hyperlink ref="D87:H87" location="病院!B289" display="・過去1年間の間に病棟の再編・見直しがあった場合の報告対象期間"/>
    <hyperlink ref="E87:I87" location="病院!B289" display="・過去1年間の間に病棟の再編・見直しがあった場合の報告対象期間"/>
    <hyperlink ref="F87:J87" location="病院!B289" display="・過去1年間の間に病棟の再編・見直しがあった場合の報告対象期間"/>
    <hyperlink ref="G87:K87" location="病院!B289" display="・過去1年間の間に病棟の再編・見直しがあった場合の報告対象期間"/>
    <hyperlink ref="I300" location="病院!B66" display="メニューへ戻る"/>
    <hyperlink ref="I375" location="病院!B66" display="メニューへ戻る"/>
    <hyperlink ref="I732" location="病院!B66" display="メニューへ戻る"/>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1"/>
  <headerFooter>
    <oddFooter>&amp;C&amp;14&amp;P</oddFooter>
  </headerFooter>
  <rowBreaks count="23" manualBreakCount="23">
    <brk id="26" max="18" man="1"/>
    <brk id="58" max="18" man="1"/>
    <brk id="89" max="18" man="1"/>
    <brk id="116" max="18" man="1"/>
    <brk id="131" max="18" man="1"/>
    <brk id="145" max="18" man="1"/>
    <brk id="172" max="18" man="1"/>
    <brk id="202" max="18" man="1"/>
    <brk id="217" max="18" man="1"/>
    <brk id="243" max="18" man="1"/>
    <brk id="274" max="18" man="1"/>
    <brk id="288" max="18" man="1"/>
    <brk id="325" max="18" man="1"/>
    <brk id="351" max="18" man="1"/>
    <brk id="471" max="18" man="1"/>
    <brk id="541" max="18" man="1"/>
    <brk id="583" max="18" man="1"/>
    <brk id="605" max="18" man="1"/>
    <brk id="626" max="18" man="1"/>
    <brk id="643" max="18" man="1"/>
    <brk id="661" max="18" man="1"/>
    <brk id="683" max="18" man="1"/>
    <brk id="716" max="18"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3AC188E40E428E4B8D728AFCD6026082" ma:contentTypeVersion="12" ma:contentTypeDescription="新しいドキュメントを作成します。" ma:contentTypeScope="" ma:versionID="881c3f97335db94f975dbbae64807b5e">
  <xsd:schema xmlns:xsd="http://www.w3.org/2001/XMLSchema" xmlns:xs="http://www.w3.org/2001/XMLSchema" xmlns:p="http://schemas.microsoft.com/office/2006/metadata/properties" xmlns:ns2="cdeeae12-705a-4806-933d-459e955055a1" xmlns:ns3="de4626cb-b9a1-4926-9a27-d063e50ff214" targetNamespace="http://schemas.microsoft.com/office/2006/metadata/properties" ma:root="true" ma:fieldsID="5166b8d260686bbb497c9cf7e5c816fe" ns2:_="" ns3:_="">
    <xsd:import namespace="cdeeae12-705a-4806-933d-459e955055a1"/>
    <xsd:import namespace="de4626cb-b9a1-4926-9a27-d063e50ff2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deeae12-705a-4806-933d-459e955055a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lcf76f155ced4ddcb4097134ff3c332f" ma:index="18" nillable="true" ma:taxonomy="true" ma:internalName="lcf76f155ced4ddcb4097134ff3c332f" ma:taxonomyFieldName="MediaServiceImageTags" ma:displayName="画像タグ" ma:readOnly="false" ma:fieldId="{5cf76f15-5ced-4ddc-b409-7134ff3c332f}" ma:taxonomyMulti="true" ma:sspId="8d5e8ae8-4033-4367-aaf0-b141e9e19295"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e4626cb-b9a1-4926-9a27-d063e50ff214" elementFormDefault="qualified">
    <xsd:import namespace="http://schemas.microsoft.com/office/2006/documentManagement/types"/>
    <xsd:import namespace="http://schemas.microsoft.com/office/infopath/2007/PartnerControls"/>
    <xsd:element name="SharedWithUsers" ma:index="14"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共有相手の詳細情報" ma:internalName="SharedWithDetails" ma:readOnly="true">
      <xsd:simpleType>
        <xsd:restriction base="dms:Note">
          <xsd:maxLength value="255"/>
        </xsd:restriction>
      </xsd:simpleType>
    </xsd:element>
    <xsd:element name="TaxCatchAll" ma:index="19" nillable="true" ma:displayName="Taxonomy Catch All Column" ma:hidden="true" ma:list="{ecee767a-145d-4aed-891a-8be857d70b81}" ma:internalName="TaxCatchAll" ma:showField="CatchAllData" ma:web="de4626cb-b9a1-4926-9a27-d063e50ff2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FA2761B-9738-49FF-8C61-16FE36BD4B27}">
  <ds:schemaRefs>
    <ds:schemaRef ds:uri="http://schemas.microsoft.com/sharepoint/v3/contenttype/forms"/>
  </ds:schemaRefs>
</ds:datastoreItem>
</file>

<file path=customXml/itemProps2.xml><?xml version="1.0" encoding="utf-8"?>
<ds:datastoreItem xmlns:ds="http://schemas.openxmlformats.org/officeDocument/2006/customXml" ds:itemID="{ACDEC83F-9609-494D-AEBD-4BF7DB2411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deeae12-705a-4806-933d-459e955055a1"/>
    <ds:schemaRef ds:uri="de4626cb-b9a1-4926-9a27-d063e50ff21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dc:creator>
  <cp:lastModifiedBy>布野　紗知子</cp:lastModifiedBy>
  <cp:lastPrinted>2019-02-21T12:18:28Z</cp:lastPrinted>
  <dcterms:created xsi:type="dcterms:W3CDTF">2019-03-05T10:58:25Z</dcterms:created>
  <dcterms:modified xsi:type="dcterms:W3CDTF">2023-07-28T02:32:45Z</dcterms:modified>
</cp:coreProperties>
</file>